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drawings/drawing2.xml" ContentType="application/vnd.openxmlformats-officedocument.drawing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628"/>
  <workbookPr/>
  <mc:AlternateContent xmlns:mc="http://schemas.openxmlformats.org/markup-compatibility/2006">
    <mc:Choice Requires="x15">
      <x15ac:absPath xmlns:x15ac="http://schemas.microsoft.com/office/spreadsheetml/2010/11/ac" url="E:\s70\up2025\物理学実験\作用反作用の実験\"/>
    </mc:Choice>
  </mc:AlternateContent>
  <xr:revisionPtr revIDLastSave="0" documentId="13_ncr:1_{4DC07CAB-E3F7-4F12-875C-E374E2DEAB3E}" xr6:coauthVersionLast="47" xr6:coauthVersionMax="47" xr10:uidLastSave="{00000000-0000-0000-0000-000000000000}"/>
  <bookViews>
    <workbookView xWindow="-120" yWindow="-120" windowWidth="29040" windowHeight="17520" activeTab="2" xr2:uid="{989B72E7-AE91-4E4F-AAD2-7FFCA35D9349}"/>
  </bookViews>
  <sheets>
    <sheet name="WIN_20250324_12_40_31_Pro_newDL" sheetId="1" r:id="rId1"/>
    <sheet name="重心" sheetId="2" r:id="rId2"/>
    <sheet name="力(2秒)" sheetId="4" r:id="rId3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761" i="4" l="1" a="1"/>
  <c r="F761" i="4" s="1"/>
  <c r="H761" i="4" s="1"/>
  <c r="E846" i="4" a="1"/>
  <c r="E846" i="4" s="1"/>
  <c r="G846" i="4" s="1"/>
  <c r="E835" i="4" a="1"/>
  <c r="E835" i="4" s="1"/>
  <c r="G835" i="4" s="1"/>
  <c r="E813" i="4" a="1"/>
  <c r="E813" i="4" s="1"/>
  <c r="G813" i="4" s="1"/>
  <c r="E769" i="4" a="1"/>
  <c r="E769" i="4" s="1"/>
  <c r="G769" i="4" s="1"/>
  <c r="B902" i="4"/>
  <c r="B901" i="4"/>
  <c r="B900" i="4"/>
  <c r="B899" i="4"/>
  <c r="B898" i="4"/>
  <c r="B897" i="4"/>
  <c r="B896" i="4"/>
  <c r="B895" i="4"/>
  <c r="B894" i="4"/>
  <c r="B893" i="4"/>
  <c r="B892" i="4"/>
  <c r="B891" i="4"/>
  <c r="B890" i="4"/>
  <c r="B889" i="4"/>
  <c r="B888" i="4"/>
  <c r="B887" i="4"/>
  <c r="B886" i="4"/>
  <c r="B885" i="4"/>
  <c r="B884" i="4"/>
  <c r="B883" i="4"/>
  <c r="B882" i="4"/>
  <c r="B881" i="4"/>
  <c r="B880" i="4"/>
  <c r="B879" i="4"/>
  <c r="B878" i="4"/>
  <c r="B877" i="4"/>
  <c r="B876" i="4"/>
  <c r="B875" i="4"/>
  <c r="B874" i="4"/>
  <c r="B873" i="4"/>
  <c r="B872" i="4"/>
  <c r="B871" i="4"/>
  <c r="B870" i="4"/>
  <c r="B869" i="4"/>
  <c r="B868" i="4"/>
  <c r="B867" i="4"/>
  <c r="B866" i="4"/>
  <c r="B865" i="4"/>
  <c r="B864" i="4"/>
  <c r="B863" i="4"/>
  <c r="B862" i="4"/>
  <c r="B861" i="4"/>
  <c r="B860" i="4"/>
  <c r="B859" i="4"/>
  <c r="B858" i="4"/>
  <c r="B857" i="4"/>
  <c r="B856" i="4"/>
  <c r="B855" i="4"/>
  <c r="B854" i="4"/>
  <c r="B853" i="4"/>
  <c r="B852" i="4"/>
  <c r="B851" i="4"/>
  <c r="B850" i="4"/>
  <c r="B849" i="4"/>
  <c r="B848" i="4"/>
  <c r="B847" i="4"/>
  <c r="B846" i="4"/>
  <c r="E869" i="4" s="1" a="1"/>
  <c r="E869" i="4" s="1"/>
  <c r="G869" i="4" s="1"/>
  <c r="B845" i="4"/>
  <c r="B844" i="4"/>
  <c r="B843" i="4"/>
  <c r="E872" i="4" s="1" a="1"/>
  <c r="E872" i="4" s="1"/>
  <c r="G872" i="4" s="1"/>
  <c r="B842" i="4"/>
  <c r="E871" i="4" s="1" a="1"/>
  <c r="E871" i="4" s="1"/>
  <c r="G871" i="4" s="1"/>
  <c r="B841" i="4"/>
  <c r="B840" i="4"/>
  <c r="B839" i="4"/>
  <c r="B838" i="4"/>
  <c r="B837" i="4"/>
  <c r="B836" i="4"/>
  <c r="B835" i="4"/>
  <c r="B834" i="4"/>
  <c r="E857" i="4" s="1" a="1"/>
  <c r="E857" i="4" s="1"/>
  <c r="G857" i="4" s="1"/>
  <c r="B833" i="4"/>
  <c r="B832" i="4"/>
  <c r="B831" i="4"/>
  <c r="E860" i="4" s="1" a="1"/>
  <c r="E860" i="4" s="1"/>
  <c r="G860" i="4" s="1"/>
  <c r="B830" i="4"/>
  <c r="E859" i="4" s="1" a="1"/>
  <c r="E859" i="4" s="1"/>
  <c r="G859" i="4" s="1"/>
  <c r="B829" i="4"/>
  <c r="B828" i="4"/>
  <c r="B827" i="4"/>
  <c r="B826" i="4"/>
  <c r="B825" i="4"/>
  <c r="B824" i="4"/>
  <c r="B823" i="4"/>
  <c r="B822" i="4"/>
  <c r="B821" i="4"/>
  <c r="B820" i="4"/>
  <c r="E849" i="4" s="1" a="1"/>
  <c r="E849" i="4" s="1"/>
  <c r="G849" i="4" s="1"/>
  <c r="B819" i="4"/>
  <c r="E848" i="4" s="1" a="1"/>
  <c r="E848" i="4" s="1"/>
  <c r="G848" i="4" s="1"/>
  <c r="B818" i="4"/>
  <c r="E847" i="4" s="1" a="1"/>
  <c r="E847" i="4" s="1"/>
  <c r="G847" i="4" s="1"/>
  <c r="B817" i="4"/>
  <c r="B816" i="4"/>
  <c r="B815" i="4"/>
  <c r="B814" i="4"/>
  <c r="B813" i="4"/>
  <c r="B812" i="4"/>
  <c r="B811" i="4"/>
  <c r="B810" i="4"/>
  <c r="B809" i="4"/>
  <c r="B808" i="4"/>
  <c r="E837" i="4" s="1" a="1"/>
  <c r="E837" i="4" s="1"/>
  <c r="G837" i="4" s="1"/>
  <c r="B807" i="4"/>
  <c r="E836" i="4" s="1" a="1"/>
  <c r="E836" i="4" s="1"/>
  <c r="G836" i="4" s="1"/>
  <c r="B806" i="4"/>
  <c r="B805" i="4"/>
  <c r="B804" i="4"/>
  <c r="B803" i="4"/>
  <c r="B802" i="4"/>
  <c r="B801" i="4"/>
  <c r="B800" i="4"/>
  <c r="B799" i="4"/>
  <c r="B798" i="4"/>
  <c r="E824" i="4" s="1" a="1"/>
  <c r="E824" i="4" s="1"/>
  <c r="G824" i="4" s="1"/>
  <c r="B797" i="4"/>
  <c r="B796" i="4"/>
  <c r="E825" i="4" s="1" a="1"/>
  <c r="E825" i="4" s="1"/>
  <c r="G825" i="4" s="1"/>
  <c r="B795" i="4"/>
  <c r="B794" i="4"/>
  <c r="E823" i="4" s="1" a="1"/>
  <c r="E823" i="4" s="1"/>
  <c r="G823" i="4" s="1"/>
  <c r="B793" i="4"/>
  <c r="B792" i="4"/>
  <c r="B791" i="4"/>
  <c r="B790" i="4"/>
  <c r="B789" i="4"/>
  <c r="B788" i="4"/>
  <c r="B787" i="4"/>
  <c r="B786" i="4"/>
  <c r="B785" i="4"/>
  <c r="B784" i="4"/>
  <c r="B783" i="4"/>
  <c r="E812" i="4" s="1" a="1"/>
  <c r="E812" i="4" s="1"/>
  <c r="G812" i="4" s="1"/>
  <c r="B782" i="4"/>
  <c r="B781" i="4"/>
  <c r="B780" i="4"/>
  <c r="B779" i="4"/>
  <c r="B778" i="4"/>
  <c r="B777" i="4"/>
  <c r="B776" i="4"/>
  <c r="B775" i="4"/>
  <c r="B774" i="4"/>
  <c r="E802" i="4" s="1" a="1"/>
  <c r="E802" i="4" s="1"/>
  <c r="G802" i="4" s="1"/>
  <c r="B773" i="4"/>
  <c r="B772" i="4"/>
  <c r="E801" i="4" s="1" a="1"/>
  <c r="E801" i="4" s="1"/>
  <c r="G801" i="4" s="1"/>
  <c r="B771" i="4"/>
  <c r="B770" i="4"/>
  <c r="F799" i="4" s="1" a="1"/>
  <c r="F799" i="4" s="1"/>
  <c r="H799" i="4" s="1"/>
  <c r="B769" i="4"/>
  <c r="B768" i="4"/>
  <c r="B767" i="4"/>
  <c r="B766" i="4"/>
  <c r="B765" i="4"/>
  <c r="B764" i="4"/>
  <c r="B763" i="4"/>
  <c r="B762" i="4"/>
  <c r="B761" i="4"/>
  <c r="B760" i="4"/>
  <c r="B759" i="4"/>
  <c r="B758" i="4"/>
  <c r="B757" i="4"/>
  <c r="B756" i="4"/>
  <c r="B755" i="4"/>
  <c r="B754" i="4"/>
  <c r="B753" i="4"/>
  <c r="B752" i="4"/>
  <c r="E781" i="4" s="1" a="1"/>
  <c r="E781" i="4" s="1"/>
  <c r="G781" i="4" s="1"/>
  <c r="B751" i="4"/>
  <c r="B750" i="4"/>
  <c r="B749" i="4"/>
  <c r="B748" i="4"/>
  <c r="E777" i="4" s="1" a="1"/>
  <c r="E777" i="4" s="1"/>
  <c r="G777" i="4" s="1"/>
  <c r="B747" i="4"/>
  <c r="E776" i="4" s="1" a="1"/>
  <c r="E776" i="4" s="1"/>
  <c r="G776" i="4" s="1"/>
  <c r="B746" i="4"/>
  <c r="E775" i="4" s="1" a="1"/>
  <c r="E775" i="4" s="1"/>
  <c r="G775" i="4" s="1"/>
  <c r="B745" i="4"/>
  <c r="E774" i="4" s="1" a="1"/>
  <c r="E774" i="4" s="1"/>
  <c r="G774" i="4" s="1"/>
  <c r="B744" i="4"/>
  <c r="E773" i="4" s="1" a="1"/>
  <c r="E773" i="4" s="1"/>
  <c r="G773" i="4" s="1"/>
  <c r="B743" i="4"/>
  <c r="B742" i="4"/>
  <c r="B741" i="4"/>
  <c r="B740" i="4"/>
  <c r="B739" i="4"/>
  <c r="E768" i="4" s="1" a="1"/>
  <c r="E768" i="4" s="1"/>
  <c r="G768" i="4" s="1"/>
  <c r="B738" i="4"/>
  <c r="B737" i="4"/>
  <c r="B736" i="4"/>
  <c r="E765" i="4" s="1" a="1"/>
  <c r="E765" i="4" s="1"/>
  <c r="G765" i="4" s="1"/>
  <c r="B735" i="4"/>
  <c r="E764" i="4" s="1" a="1"/>
  <c r="E764" i="4" s="1"/>
  <c r="G764" i="4" s="1"/>
  <c r="B734" i="4"/>
  <c r="E763" i="4" s="1" a="1"/>
  <c r="E763" i="4" s="1"/>
  <c r="G763" i="4" s="1"/>
  <c r="B733" i="4"/>
  <c r="E762" i="4" s="1" a="1"/>
  <c r="E762" i="4" s="1"/>
  <c r="G762" i="4" s="1"/>
  <c r="B732" i="4"/>
  <c r="E761" i="4" s="1" a="1"/>
  <c r="E761" i="4" s="1"/>
  <c r="G761" i="4" s="1"/>
  <c r="B731" i="4"/>
  <c r="B730" i="4"/>
  <c r="B729" i="4"/>
  <c r="B728" i="4"/>
  <c r="E757" i="4" s="1" a="1"/>
  <c r="E757" i="4" s="1"/>
  <c r="G757" i="4" s="1"/>
  <c r="B727" i="4"/>
  <c r="B726" i="4"/>
  <c r="B725" i="4"/>
  <c r="B724" i="4"/>
  <c r="E753" i="4" s="1" a="1"/>
  <c r="E753" i="4" s="1"/>
  <c r="G753" i="4" s="1"/>
  <c r="B723" i="4"/>
  <c r="E752" i="4" s="1" a="1"/>
  <c r="E752" i="4" s="1"/>
  <c r="G752" i="4" s="1"/>
  <c r="B722" i="4"/>
  <c r="E751" i="4" s="1" a="1"/>
  <c r="E751" i="4" s="1"/>
  <c r="G751" i="4" s="1"/>
  <c r="B721" i="4"/>
  <c r="E750" i="4" s="1" a="1"/>
  <c r="E750" i="4" s="1"/>
  <c r="G750" i="4" s="1"/>
  <c r="B720" i="4"/>
  <c r="E749" i="4" s="1" a="1"/>
  <c r="E749" i="4" s="1"/>
  <c r="G749" i="4" s="1"/>
  <c r="B719" i="4"/>
  <c r="B718" i="4"/>
  <c r="B717" i="4"/>
  <c r="B716" i="4"/>
  <c r="B715" i="4"/>
  <c r="B714" i="4"/>
  <c r="B713" i="4"/>
  <c r="B712" i="4"/>
  <c r="E741" i="4" s="1" a="1"/>
  <c r="E741" i="4" s="1"/>
  <c r="G741" i="4" s="1"/>
  <c r="B711" i="4"/>
  <c r="E740" i="4" s="1" a="1"/>
  <c r="E740" i="4" s="1"/>
  <c r="G740" i="4" s="1"/>
  <c r="B710" i="4"/>
  <c r="E739" i="4" s="1" a="1"/>
  <c r="E739" i="4" s="1"/>
  <c r="G739" i="4" s="1"/>
  <c r="B709" i="4"/>
  <c r="E738" i="4" s="1" a="1"/>
  <c r="E738" i="4" s="1"/>
  <c r="G738" i="4" s="1"/>
  <c r="B708" i="4"/>
  <c r="E737" i="4" s="1" a="1"/>
  <c r="E737" i="4" s="1"/>
  <c r="G737" i="4" s="1"/>
  <c r="B707" i="4"/>
  <c r="B706" i="4"/>
  <c r="B705" i="4"/>
  <c r="E734" i="4" s="1" a="1"/>
  <c r="E734" i="4" s="1"/>
  <c r="G734" i="4" s="1"/>
  <c r="B704" i="4"/>
  <c r="B703" i="4"/>
  <c r="B702" i="4"/>
  <c r="E725" i="4" s="1" a="1"/>
  <c r="E725" i="4" s="1"/>
  <c r="G725" i="4" s="1"/>
  <c r="B701" i="4"/>
  <c r="B700" i="4"/>
  <c r="E729" i="4" s="1" a="1"/>
  <c r="E729" i="4" s="1"/>
  <c r="G729" i="4" s="1"/>
  <c r="B699" i="4"/>
  <c r="E728" i="4" s="1" a="1"/>
  <c r="E728" i="4" s="1"/>
  <c r="G728" i="4" s="1"/>
  <c r="B698" i="4"/>
  <c r="E727" i="4" s="1" a="1"/>
  <c r="E727" i="4" s="1"/>
  <c r="G727" i="4" s="1"/>
  <c r="B697" i="4"/>
  <c r="E726" i="4" s="1" a="1"/>
  <c r="E726" i="4" s="1"/>
  <c r="G726" i="4" s="1"/>
  <c r="B696" i="4"/>
  <c r="B695" i="4"/>
  <c r="B694" i="4"/>
  <c r="B693" i="4"/>
  <c r="B692" i="4"/>
  <c r="B691" i="4"/>
  <c r="B690" i="4"/>
  <c r="B689" i="4"/>
  <c r="B688" i="4"/>
  <c r="E717" i="4" s="1" a="1"/>
  <c r="E717" i="4" s="1"/>
  <c r="G717" i="4" s="1"/>
  <c r="B687" i="4"/>
  <c r="E716" i="4" s="1" a="1"/>
  <c r="E716" i="4" s="1"/>
  <c r="G716" i="4" s="1"/>
  <c r="B686" i="4"/>
  <c r="E715" i="4" s="1" a="1"/>
  <c r="E715" i="4" s="1"/>
  <c r="G715" i="4" s="1"/>
  <c r="B685" i="4"/>
  <c r="B684" i="4"/>
  <c r="B683" i="4"/>
  <c r="B682" i="4"/>
  <c r="B681" i="4"/>
  <c r="B680" i="4"/>
  <c r="B679" i="4"/>
  <c r="B678" i="4"/>
  <c r="B677" i="4"/>
  <c r="B676" i="4"/>
  <c r="E705" i="4" s="1" a="1"/>
  <c r="E705" i="4" s="1"/>
  <c r="G705" i="4" s="1"/>
  <c r="B675" i="4"/>
  <c r="E704" i="4" s="1" a="1"/>
  <c r="E704" i="4" s="1"/>
  <c r="G704" i="4" s="1"/>
  <c r="B674" i="4"/>
  <c r="E703" i="4" s="1" a="1"/>
  <c r="E703" i="4" s="1"/>
  <c r="G703" i="4" s="1"/>
  <c r="B673" i="4"/>
  <c r="B672" i="4"/>
  <c r="B671" i="4"/>
  <c r="B670" i="4"/>
  <c r="B669" i="4"/>
  <c r="B668" i="4"/>
  <c r="B667" i="4"/>
  <c r="B666" i="4"/>
  <c r="E691" i="4" s="1" a="1"/>
  <c r="E691" i="4" s="1"/>
  <c r="G691" i="4" s="1"/>
  <c r="B665" i="4"/>
  <c r="B664" i="4"/>
  <c r="F693" i="4" s="1" a="1"/>
  <c r="F693" i="4" s="1"/>
  <c r="H693" i="4" s="1"/>
  <c r="B663" i="4"/>
  <c r="E692" i="4" s="1" a="1"/>
  <c r="E692" i="4" s="1"/>
  <c r="G692" i="4" s="1"/>
  <c r="B662" i="4"/>
  <c r="B661" i="4"/>
  <c r="E680" i="4" s="1" a="1"/>
  <c r="E680" i="4" s="1"/>
  <c r="G680" i="4" s="1"/>
  <c r="B660" i="4"/>
  <c r="B659" i="4"/>
  <c r="B658" i="4"/>
  <c r="B657" i="4"/>
  <c r="B656" i="4"/>
  <c r="B655" i="4"/>
  <c r="B654" i="4"/>
  <c r="B653" i="4"/>
  <c r="B652" i="4"/>
  <c r="E681" i="4" s="1" a="1"/>
  <c r="E681" i="4" s="1"/>
  <c r="G681" i="4" s="1"/>
  <c r="B651" i="4"/>
  <c r="B650" i="4"/>
  <c r="E679" i="4" s="1" a="1"/>
  <c r="E679" i="4" s="1"/>
  <c r="G679" i="4" s="1"/>
  <c r="B649" i="4"/>
  <c r="B648" i="4"/>
  <c r="B647" i="4"/>
  <c r="B646" i="4"/>
  <c r="B645" i="4"/>
  <c r="B644" i="4"/>
  <c r="B643" i="4"/>
  <c r="B642" i="4"/>
  <c r="E669" i="4" s="1" a="1"/>
  <c r="E669" i="4" s="1"/>
  <c r="G669" i="4" s="1"/>
  <c r="B641" i="4"/>
  <c r="B640" i="4"/>
  <c r="B639" i="4"/>
  <c r="E668" i="4" s="1" a="1"/>
  <c r="E668" i="4" s="1"/>
  <c r="G668" i="4" s="1"/>
  <c r="B638" i="4"/>
  <c r="B637" i="4"/>
  <c r="B636" i="4"/>
  <c r="B635" i="4"/>
  <c r="B634" i="4"/>
  <c r="B633" i="4"/>
  <c r="B632" i="4"/>
  <c r="B631" i="4"/>
  <c r="B630" i="4"/>
  <c r="B629" i="4"/>
  <c r="B628" i="4"/>
  <c r="E657" i="4" s="1" a="1"/>
  <c r="E657" i="4" s="1"/>
  <c r="G657" i="4" s="1"/>
  <c r="B627" i="4"/>
  <c r="B626" i="4"/>
  <c r="B625" i="4"/>
  <c r="B624" i="4"/>
  <c r="B623" i="4"/>
  <c r="B622" i="4"/>
  <c r="B621" i="4"/>
  <c r="B620" i="4"/>
  <c r="B619" i="4"/>
  <c r="B618" i="4"/>
  <c r="F645" i="4" s="1" a="1"/>
  <c r="F645" i="4" s="1"/>
  <c r="H645" i="4" s="1"/>
  <c r="B617" i="4"/>
  <c r="B616" i="4"/>
  <c r="B615" i="4"/>
  <c r="B614" i="4"/>
  <c r="B613" i="4"/>
  <c r="B612" i="4"/>
  <c r="B611" i="4"/>
  <c r="B610" i="4"/>
  <c r="B609" i="4"/>
  <c r="B608" i="4"/>
  <c r="B607" i="4"/>
  <c r="B606" i="4"/>
  <c r="B605" i="4"/>
  <c r="B604" i="4"/>
  <c r="E633" i="4" s="1" a="1"/>
  <c r="E633" i="4" s="1"/>
  <c r="G633" i="4" s="1"/>
  <c r="B603" i="4"/>
  <c r="E632" i="4" s="1" a="1"/>
  <c r="E632" i="4" s="1"/>
  <c r="G632" i="4" s="1"/>
  <c r="B602" i="4"/>
  <c r="E631" i="4" s="1" a="1"/>
  <c r="E631" i="4" s="1"/>
  <c r="G631" i="4" s="1"/>
  <c r="B601" i="4"/>
  <c r="B600" i="4"/>
  <c r="E629" i="4" s="1" a="1"/>
  <c r="E629" i="4" s="1"/>
  <c r="G629" i="4" s="1"/>
  <c r="B599" i="4"/>
  <c r="B598" i="4"/>
  <c r="B597" i="4"/>
  <c r="B596" i="4"/>
  <c r="B595" i="4"/>
  <c r="B594" i="4"/>
  <c r="B593" i="4"/>
  <c r="B592" i="4"/>
  <c r="E621" i="4" s="1" a="1"/>
  <c r="E621" i="4" s="1"/>
  <c r="G621" i="4" s="1"/>
  <c r="B591" i="4"/>
  <c r="E620" i="4" s="1" a="1"/>
  <c r="E620" i="4" s="1"/>
  <c r="G620" i="4" s="1"/>
  <c r="B590" i="4"/>
  <c r="E619" i="4" s="1" a="1"/>
  <c r="E619" i="4" s="1"/>
  <c r="G619" i="4" s="1"/>
  <c r="B589" i="4"/>
  <c r="B588" i="4"/>
  <c r="E617" i="4" s="1" a="1"/>
  <c r="E617" i="4" s="1"/>
  <c r="G617" i="4" s="1"/>
  <c r="B587" i="4"/>
  <c r="B586" i="4"/>
  <c r="B585" i="4"/>
  <c r="B584" i="4"/>
  <c r="B583" i="4"/>
  <c r="B582" i="4"/>
  <c r="B581" i="4"/>
  <c r="B580" i="4"/>
  <c r="E609" i="4" s="1" a="1"/>
  <c r="E609" i="4" s="1"/>
  <c r="G609" i="4" s="1"/>
  <c r="B579" i="4"/>
  <c r="E608" i="4" s="1" a="1"/>
  <c r="E608" i="4" s="1"/>
  <c r="G608" i="4" s="1"/>
  <c r="B578" i="4"/>
  <c r="E607" i="4" s="1" a="1"/>
  <c r="E607" i="4" s="1"/>
  <c r="G607" i="4" s="1"/>
  <c r="B577" i="4"/>
  <c r="B576" i="4"/>
  <c r="E605" i="4" s="1" a="1"/>
  <c r="E605" i="4" s="1"/>
  <c r="G605" i="4" s="1"/>
  <c r="B575" i="4"/>
  <c r="B574" i="4"/>
  <c r="B573" i="4"/>
  <c r="B572" i="4"/>
  <c r="B571" i="4"/>
  <c r="B570" i="4"/>
  <c r="B569" i="4"/>
  <c r="B568" i="4"/>
  <c r="E597" i="4" s="1" a="1"/>
  <c r="E597" i="4" s="1"/>
  <c r="G597" i="4" s="1"/>
  <c r="B567" i="4"/>
  <c r="F596" i="4" s="1" a="1"/>
  <c r="F596" i="4" s="1"/>
  <c r="H596" i="4" s="1"/>
  <c r="B566" i="4"/>
  <c r="L595" i="4" s="1" a="1"/>
  <c r="L595" i="4" s="1"/>
  <c r="N595" i="4" s="1"/>
  <c r="B565" i="4"/>
  <c r="B564" i="4"/>
  <c r="E593" i="4" s="1" a="1"/>
  <c r="E593" i="4" s="1"/>
  <c r="G593" i="4" s="1"/>
  <c r="B563" i="4"/>
  <c r="B562" i="4"/>
  <c r="B561" i="4"/>
  <c r="B560" i="4"/>
  <c r="B559" i="4"/>
  <c r="B558" i="4"/>
  <c r="B557" i="4"/>
  <c r="B556" i="4"/>
  <c r="E585" i="4" s="1" a="1"/>
  <c r="E585" i="4" s="1"/>
  <c r="G585" i="4" s="1"/>
  <c r="B555" i="4"/>
  <c r="E584" i="4" s="1" a="1"/>
  <c r="E584" i="4" s="1"/>
  <c r="G584" i="4" s="1"/>
  <c r="B554" i="4"/>
  <c r="E583" i="4" s="1" a="1"/>
  <c r="E583" i="4" s="1"/>
  <c r="G583" i="4" s="1"/>
  <c r="B553" i="4"/>
  <c r="B552" i="4"/>
  <c r="E581" i="4" s="1" a="1"/>
  <c r="E581" i="4" s="1"/>
  <c r="G581" i="4" s="1"/>
  <c r="B551" i="4"/>
  <c r="B550" i="4"/>
  <c r="B549" i="4"/>
  <c r="B548" i="4"/>
  <c r="B547" i="4"/>
  <c r="B546" i="4"/>
  <c r="B545" i="4"/>
  <c r="B544" i="4"/>
  <c r="E573" i="4" s="1" a="1"/>
  <c r="E573" i="4" s="1"/>
  <c r="G573" i="4" s="1"/>
  <c r="B543" i="4"/>
  <c r="E572" i="4" s="1" a="1"/>
  <c r="E572" i="4" s="1"/>
  <c r="G572" i="4" s="1"/>
  <c r="B542" i="4"/>
  <c r="E571" i="4" s="1" a="1"/>
  <c r="E571" i="4" s="1"/>
  <c r="G571" i="4" s="1"/>
  <c r="B541" i="4"/>
  <c r="B540" i="4"/>
  <c r="E569" i="4" s="1" a="1"/>
  <c r="E569" i="4" s="1"/>
  <c r="G569" i="4" s="1"/>
  <c r="B539" i="4"/>
  <c r="B538" i="4"/>
  <c r="B537" i="4"/>
  <c r="B536" i="4"/>
  <c r="B535" i="4"/>
  <c r="B534" i="4"/>
  <c r="E560" i="4" s="1" a="1"/>
  <c r="E560" i="4" s="1"/>
  <c r="G560" i="4" s="1"/>
  <c r="B533" i="4"/>
  <c r="B532" i="4"/>
  <c r="E561" i="4" s="1" a="1"/>
  <c r="E561" i="4" s="1"/>
  <c r="G561" i="4" s="1"/>
  <c r="B531" i="4"/>
  <c r="B530" i="4"/>
  <c r="E559" i="4" s="1" a="1"/>
  <c r="E559" i="4" s="1"/>
  <c r="G559" i="4" s="1"/>
  <c r="B529" i="4"/>
  <c r="B528" i="4"/>
  <c r="F557" i="4" s="1" a="1"/>
  <c r="F557" i="4" s="1"/>
  <c r="H557" i="4" s="1"/>
  <c r="B527" i="4"/>
  <c r="B526" i="4"/>
  <c r="B525" i="4"/>
  <c r="B524" i="4"/>
  <c r="B523" i="4"/>
  <c r="B522" i="4"/>
  <c r="B521" i="4"/>
  <c r="B520" i="4"/>
  <c r="E549" i="4" s="1" a="1"/>
  <c r="E549" i="4" s="1"/>
  <c r="G549" i="4" s="1"/>
  <c r="B519" i="4"/>
  <c r="F548" i="4" s="1" a="1"/>
  <c r="F548" i="4" s="1"/>
  <c r="H548" i="4" s="1"/>
  <c r="B518" i="4"/>
  <c r="B517" i="4"/>
  <c r="B516" i="4"/>
  <c r="B515" i="4"/>
  <c r="B514" i="4"/>
  <c r="B513" i="4"/>
  <c r="B512" i="4"/>
  <c r="B511" i="4"/>
  <c r="B510" i="4"/>
  <c r="E538" i="4" s="1" a="1"/>
  <c r="E538" i="4" s="1"/>
  <c r="G538" i="4" s="1"/>
  <c r="B509" i="4"/>
  <c r="B508" i="4"/>
  <c r="E537" i="4" s="1" a="1"/>
  <c r="E537" i="4" s="1"/>
  <c r="G537" i="4" s="1"/>
  <c r="B507" i="4"/>
  <c r="B506" i="4"/>
  <c r="B505" i="4"/>
  <c r="B504" i="4"/>
  <c r="B503" i="4"/>
  <c r="B502" i="4"/>
  <c r="B501" i="4"/>
  <c r="B500" i="4"/>
  <c r="B499" i="4"/>
  <c r="B498" i="4"/>
  <c r="B497" i="4"/>
  <c r="B496" i="4"/>
  <c r="B495" i="4"/>
  <c r="B494" i="4"/>
  <c r="B493" i="4"/>
  <c r="B492" i="4"/>
  <c r="B491" i="4"/>
  <c r="B490" i="4"/>
  <c r="B489" i="4"/>
  <c r="B488" i="4"/>
  <c r="B487" i="4"/>
  <c r="B486" i="4"/>
  <c r="B485" i="4"/>
  <c r="B484" i="4"/>
  <c r="E513" i="4" s="1" a="1"/>
  <c r="E513" i="4" s="1"/>
  <c r="G513" i="4" s="1"/>
  <c r="B483" i="4"/>
  <c r="E512" i="4" s="1" a="1"/>
  <c r="E512" i="4" s="1"/>
  <c r="G512" i="4" s="1"/>
  <c r="B482" i="4"/>
  <c r="E511" i="4" s="1" a="1"/>
  <c r="E511" i="4" s="1"/>
  <c r="G511" i="4" s="1"/>
  <c r="B481" i="4"/>
  <c r="B480" i="4"/>
  <c r="E509" i="4" s="1" a="1"/>
  <c r="E509" i="4" s="1"/>
  <c r="G509" i="4" s="1"/>
  <c r="B479" i="4"/>
  <c r="B478" i="4"/>
  <c r="B477" i="4"/>
  <c r="B476" i="4"/>
  <c r="B475" i="4"/>
  <c r="B474" i="4"/>
  <c r="B473" i="4"/>
  <c r="B472" i="4"/>
  <c r="E501" i="4" s="1" a="1"/>
  <c r="E501" i="4" s="1"/>
  <c r="G501" i="4" s="1"/>
  <c r="B471" i="4"/>
  <c r="E500" i="4" s="1" a="1"/>
  <c r="E500" i="4" s="1"/>
  <c r="G500" i="4" s="1"/>
  <c r="B470" i="4"/>
  <c r="E499" i="4" s="1" a="1"/>
  <c r="E499" i="4" s="1"/>
  <c r="G499" i="4" s="1"/>
  <c r="B469" i="4"/>
  <c r="B468" i="4"/>
  <c r="E497" i="4" s="1" a="1"/>
  <c r="E497" i="4" s="1"/>
  <c r="G497" i="4" s="1"/>
  <c r="B467" i="4"/>
  <c r="B466" i="4"/>
  <c r="B465" i="4"/>
  <c r="B464" i="4"/>
  <c r="B463" i="4"/>
  <c r="B462" i="4"/>
  <c r="B461" i="4"/>
  <c r="B460" i="4"/>
  <c r="E489" i="4" s="1" a="1"/>
  <c r="E489" i="4" s="1"/>
  <c r="G489" i="4" s="1"/>
  <c r="B459" i="4"/>
  <c r="E488" i="4" s="1" a="1"/>
  <c r="E488" i="4" s="1"/>
  <c r="G488" i="4" s="1"/>
  <c r="B458" i="4"/>
  <c r="E487" i="4" s="1" a="1"/>
  <c r="E487" i="4" s="1"/>
  <c r="G487" i="4" s="1"/>
  <c r="B457" i="4"/>
  <c r="B456" i="4"/>
  <c r="E485" i="4" s="1" a="1"/>
  <c r="E485" i="4" s="1"/>
  <c r="G485" i="4" s="1"/>
  <c r="B455" i="4"/>
  <c r="B454" i="4"/>
  <c r="B453" i="4"/>
  <c r="B452" i="4"/>
  <c r="B451" i="4"/>
  <c r="B450" i="4"/>
  <c r="B449" i="4"/>
  <c r="B448" i="4"/>
  <c r="E477" i="4" s="1" a="1"/>
  <c r="E477" i="4" s="1"/>
  <c r="G477" i="4" s="1"/>
  <c r="B447" i="4"/>
  <c r="E476" i="4" s="1" a="1"/>
  <c r="E476" i="4" s="1"/>
  <c r="G476" i="4" s="1"/>
  <c r="B446" i="4"/>
  <c r="E475" i="4" s="1" a="1"/>
  <c r="E475" i="4" s="1"/>
  <c r="G475" i="4" s="1"/>
  <c r="B445" i="4"/>
  <c r="B444" i="4"/>
  <c r="E473" i="4" s="1" a="1"/>
  <c r="E473" i="4" s="1"/>
  <c r="G473" i="4" s="1"/>
  <c r="B443" i="4"/>
  <c r="B442" i="4"/>
  <c r="B441" i="4"/>
  <c r="B440" i="4"/>
  <c r="B439" i="4"/>
  <c r="B438" i="4"/>
  <c r="B437" i="4"/>
  <c r="B436" i="4"/>
  <c r="E465" i="4" s="1" a="1"/>
  <c r="E465" i="4" s="1"/>
  <c r="G465" i="4" s="1"/>
  <c r="B435" i="4"/>
  <c r="E464" i="4" s="1" a="1"/>
  <c r="E464" i="4" s="1"/>
  <c r="G464" i="4" s="1"/>
  <c r="B434" i="4"/>
  <c r="E463" i="4" s="1" a="1"/>
  <c r="E463" i="4" s="1"/>
  <c r="G463" i="4" s="1"/>
  <c r="B433" i="4"/>
  <c r="B432" i="4"/>
  <c r="E461" i="4" s="1" a="1"/>
  <c r="E461" i="4" s="1"/>
  <c r="G461" i="4" s="1"/>
  <c r="B431" i="4"/>
  <c r="B430" i="4"/>
  <c r="B429" i="4"/>
  <c r="B428" i="4"/>
  <c r="B427" i="4"/>
  <c r="B426" i="4"/>
  <c r="B425" i="4"/>
  <c r="B424" i="4"/>
  <c r="E453" i="4" s="1" a="1"/>
  <c r="E453" i="4" s="1"/>
  <c r="G453" i="4" s="1"/>
  <c r="B423" i="4"/>
  <c r="E452" i="4" s="1" a="1"/>
  <c r="E452" i="4" s="1"/>
  <c r="G452" i="4" s="1"/>
  <c r="B422" i="4"/>
  <c r="E451" i="4" s="1" a="1"/>
  <c r="E451" i="4" s="1"/>
  <c r="G451" i="4" s="1"/>
  <c r="B421" i="4"/>
  <c r="B420" i="4"/>
  <c r="B419" i="4"/>
  <c r="B418" i="4"/>
  <c r="B417" i="4"/>
  <c r="B416" i="4"/>
  <c r="B415" i="4"/>
  <c r="B414" i="4"/>
  <c r="B413" i="4"/>
  <c r="B412" i="4"/>
  <c r="E441" i="4" s="1" a="1"/>
  <c r="E441" i="4" s="1"/>
  <c r="G441" i="4" s="1"/>
  <c r="B411" i="4"/>
  <c r="E440" i="4" s="1" a="1"/>
  <c r="E440" i="4" s="1"/>
  <c r="G440" i="4" s="1"/>
  <c r="B410" i="4"/>
  <c r="E439" i="4" s="1" a="1"/>
  <c r="E439" i="4" s="1"/>
  <c r="G439" i="4" s="1"/>
  <c r="B409" i="4"/>
  <c r="B408" i="4"/>
  <c r="B407" i="4"/>
  <c r="B406" i="4"/>
  <c r="B405" i="4"/>
  <c r="B404" i="4"/>
  <c r="B403" i="4"/>
  <c r="B402" i="4"/>
  <c r="E427" i="4" s="1" a="1"/>
  <c r="E427" i="4" s="1"/>
  <c r="G427" i="4" s="1"/>
  <c r="B401" i="4"/>
  <c r="B400" i="4"/>
  <c r="F429" i="4" s="1" a="1"/>
  <c r="F429" i="4" s="1"/>
  <c r="H429" i="4" s="1"/>
  <c r="B399" i="4"/>
  <c r="E428" i="4" s="1" a="1"/>
  <c r="E428" i="4" s="1"/>
  <c r="G428" i="4" s="1"/>
  <c r="B398" i="4"/>
  <c r="B397" i="4"/>
  <c r="B396" i="4"/>
  <c r="F425" i="4" s="1" a="1"/>
  <c r="F425" i="4" s="1"/>
  <c r="H425" i="4" s="1"/>
  <c r="B395" i="4"/>
  <c r="B394" i="4"/>
  <c r="B393" i="4"/>
  <c r="B392" i="4"/>
  <c r="B391" i="4"/>
  <c r="B390" i="4"/>
  <c r="B389" i="4"/>
  <c r="B388" i="4"/>
  <c r="E417" i="4" s="1" a="1"/>
  <c r="E417" i="4" s="1"/>
  <c r="G417" i="4" s="1"/>
  <c r="B387" i="4"/>
  <c r="E416" i="4" s="1" a="1"/>
  <c r="E416" i="4" s="1"/>
  <c r="G416" i="4" s="1"/>
  <c r="B386" i="4"/>
  <c r="B385" i="4"/>
  <c r="B384" i="4"/>
  <c r="B383" i="4"/>
  <c r="B382" i="4"/>
  <c r="B381" i="4"/>
  <c r="B380" i="4"/>
  <c r="B379" i="4"/>
  <c r="B378" i="4"/>
  <c r="E405" i="4" s="1" a="1"/>
  <c r="E405" i="4" s="1"/>
  <c r="G405" i="4" s="1"/>
  <c r="B377" i="4"/>
  <c r="B376" i="4"/>
  <c r="F405" i="4" s="1" a="1"/>
  <c r="F405" i="4" s="1"/>
  <c r="H405" i="4" s="1"/>
  <c r="B375" i="4"/>
  <c r="E404" i="4" s="1" a="1"/>
  <c r="E404" i="4" s="1"/>
  <c r="G404" i="4" s="1"/>
  <c r="B374" i="4"/>
  <c r="B373" i="4"/>
  <c r="B372" i="4"/>
  <c r="B371" i="4"/>
  <c r="B370" i="4"/>
  <c r="B369" i="4"/>
  <c r="B368" i="4"/>
  <c r="B367" i="4"/>
  <c r="B366" i="4"/>
  <c r="B365" i="4"/>
  <c r="B364" i="4"/>
  <c r="F393" i="4" s="1" a="1"/>
  <c r="F393" i="4" s="1"/>
  <c r="H393" i="4" s="1"/>
  <c r="B363" i="4"/>
  <c r="B362" i="4"/>
  <c r="B361" i="4"/>
  <c r="B360" i="4"/>
  <c r="E389" i="4" s="1" a="1"/>
  <c r="E389" i="4" s="1"/>
  <c r="G389" i="4" s="1"/>
  <c r="B359" i="4"/>
  <c r="B358" i="4"/>
  <c r="B357" i="4"/>
  <c r="B356" i="4"/>
  <c r="B355" i="4"/>
  <c r="B354" i="4"/>
  <c r="B353" i="4"/>
  <c r="B352" i="4"/>
  <c r="E381" i="4" s="1" a="1"/>
  <c r="E381" i="4" s="1"/>
  <c r="G381" i="4" s="1"/>
  <c r="B351" i="4"/>
  <c r="E380" i="4" s="1" a="1"/>
  <c r="E380" i="4" s="1"/>
  <c r="G380" i="4" s="1"/>
  <c r="B350" i="4"/>
  <c r="E379" i="4" s="1" a="1"/>
  <c r="E379" i="4" s="1"/>
  <c r="G379" i="4" s="1"/>
  <c r="B349" i="4"/>
  <c r="B348" i="4"/>
  <c r="E377" i="4" s="1" a="1"/>
  <c r="E377" i="4" s="1"/>
  <c r="G377" i="4" s="1"/>
  <c r="B347" i="4"/>
  <c r="B346" i="4"/>
  <c r="B345" i="4"/>
  <c r="B344" i="4"/>
  <c r="B343" i="4"/>
  <c r="B342" i="4"/>
  <c r="B341" i="4"/>
  <c r="B340" i="4"/>
  <c r="E369" i="4" s="1" a="1"/>
  <c r="E369" i="4" s="1"/>
  <c r="G369" i="4" s="1"/>
  <c r="B339" i="4"/>
  <c r="E368" i="4" s="1" a="1"/>
  <c r="E368" i="4" s="1"/>
  <c r="G368" i="4" s="1"/>
  <c r="B338" i="4"/>
  <c r="E367" i="4" s="1" a="1"/>
  <c r="E367" i="4" s="1"/>
  <c r="G367" i="4" s="1"/>
  <c r="B337" i="4"/>
  <c r="B336" i="4"/>
  <c r="E365" i="4" s="1" a="1"/>
  <c r="E365" i="4" s="1"/>
  <c r="G365" i="4" s="1"/>
  <c r="B335" i="4"/>
  <c r="B334" i="4"/>
  <c r="B333" i="4"/>
  <c r="B332" i="4"/>
  <c r="B331" i="4"/>
  <c r="B330" i="4"/>
  <c r="B329" i="4"/>
  <c r="B328" i="4"/>
  <c r="B327" i="4"/>
  <c r="E356" i="4" s="1" a="1"/>
  <c r="E356" i="4" s="1"/>
  <c r="G356" i="4" s="1"/>
  <c r="B326" i="4"/>
  <c r="F355" i="4" s="1" a="1"/>
  <c r="F355" i="4" s="1"/>
  <c r="H355" i="4" s="1"/>
  <c r="B325" i="4"/>
  <c r="B324" i="4"/>
  <c r="B323" i="4"/>
  <c r="B322" i="4"/>
  <c r="B321" i="4"/>
  <c r="B320" i="4"/>
  <c r="B319" i="4"/>
  <c r="B318" i="4"/>
  <c r="B317" i="4"/>
  <c r="B316" i="4"/>
  <c r="E345" i="4" s="1" a="1"/>
  <c r="E345" i="4" s="1"/>
  <c r="G345" i="4" s="1"/>
  <c r="B315" i="4"/>
  <c r="E344" i="4" s="1" a="1"/>
  <c r="E344" i="4" s="1"/>
  <c r="G344" i="4" s="1"/>
  <c r="B314" i="4"/>
  <c r="E343" i="4" s="1" a="1"/>
  <c r="E343" i="4" s="1"/>
  <c r="G343" i="4" s="1"/>
  <c r="B313" i="4"/>
  <c r="B312" i="4"/>
  <c r="F341" i="4" s="1" a="1"/>
  <c r="F341" i="4" s="1"/>
  <c r="H341" i="4" s="1"/>
  <c r="B311" i="4"/>
  <c r="B310" i="4"/>
  <c r="B309" i="4"/>
  <c r="B308" i="4"/>
  <c r="B307" i="4"/>
  <c r="B306" i="4"/>
  <c r="B305" i="4"/>
  <c r="B304" i="4"/>
  <c r="E333" i="4" s="1" a="1"/>
  <c r="E333" i="4" s="1"/>
  <c r="G333" i="4" s="1"/>
  <c r="B303" i="4"/>
  <c r="F332" i="4" s="1" a="1"/>
  <c r="F332" i="4" s="1"/>
  <c r="H332" i="4" s="1"/>
  <c r="B302" i="4"/>
  <c r="E331" i="4" s="1" a="1"/>
  <c r="E331" i="4" s="1"/>
  <c r="G331" i="4" s="1"/>
  <c r="B301" i="4"/>
  <c r="B300" i="4"/>
  <c r="B299" i="4"/>
  <c r="B298" i="4"/>
  <c r="B297" i="4"/>
  <c r="B296" i="4"/>
  <c r="B295" i="4"/>
  <c r="B294" i="4"/>
  <c r="F319" i="4" s="1" a="1"/>
  <c r="F319" i="4" s="1"/>
  <c r="H319" i="4" s="1"/>
  <c r="B293" i="4"/>
  <c r="B292" i="4"/>
  <c r="E321" i="4" s="1" a="1"/>
  <c r="E321" i="4" s="1"/>
  <c r="G321" i="4" s="1"/>
  <c r="B291" i="4"/>
  <c r="E320" i="4" s="1" a="1"/>
  <c r="E320" i="4" s="1"/>
  <c r="G320" i="4" s="1"/>
  <c r="B290" i="4"/>
  <c r="E319" i="4" s="1" a="1"/>
  <c r="E319" i="4" s="1"/>
  <c r="G319" i="4" s="1"/>
  <c r="B289" i="4"/>
  <c r="B288" i="4"/>
  <c r="E317" i="4" s="1" a="1"/>
  <c r="E317" i="4" s="1"/>
  <c r="G317" i="4" s="1"/>
  <c r="B287" i="4"/>
  <c r="B286" i="4"/>
  <c r="B285" i="4"/>
  <c r="B284" i="4"/>
  <c r="B283" i="4"/>
  <c r="B282" i="4"/>
  <c r="B281" i="4"/>
  <c r="B280" i="4"/>
  <c r="E309" i="4" s="1" a="1"/>
  <c r="E309" i="4" s="1"/>
  <c r="G309" i="4" s="1"/>
  <c r="B279" i="4"/>
  <c r="F308" i="4" s="1" a="1"/>
  <c r="F308" i="4" s="1"/>
  <c r="H308" i="4" s="1"/>
  <c r="B278" i="4"/>
  <c r="E307" i="4" s="1" a="1"/>
  <c r="E307" i="4" s="1"/>
  <c r="G307" i="4" s="1"/>
  <c r="B277" i="4"/>
  <c r="B276" i="4"/>
  <c r="B275" i="4"/>
  <c r="B274" i="4"/>
  <c r="B273" i="4"/>
  <c r="B272" i="4"/>
  <c r="B271" i="4"/>
  <c r="B270" i="4"/>
  <c r="F298" i="4" s="1" a="1"/>
  <c r="F298" i="4" s="1"/>
  <c r="H298" i="4" s="1"/>
  <c r="B269" i="4"/>
  <c r="B268" i="4"/>
  <c r="B267" i="4"/>
  <c r="F296" i="4" s="1" a="1"/>
  <c r="F296" i="4" s="1"/>
  <c r="H296" i="4" s="1"/>
  <c r="B266" i="4"/>
  <c r="B265" i="4"/>
  <c r="B264" i="4"/>
  <c r="E293" i="4" s="1" a="1"/>
  <c r="E293" i="4" s="1"/>
  <c r="G293" i="4" s="1"/>
  <c r="B263" i="4"/>
  <c r="B262" i="4"/>
  <c r="B261" i="4"/>
  <c r="B260" i="4"/>
  <c r="B259" i="4"/>
  <c r="B258" i="4"/>
  <c r="B257" i="4"/>
  <c r="B256" i="4"/>
  <c r="F285" i="4" s="1" a="1"/>
  <c r="F285" i="4" s="1"/>
  <c r="H285" i="4" s="1"/>
  <c r="B255" i="4"/>
  <c r="F284" i="4" s="1" a="1"/>
  <c r="F284" i="4" s="1"/>
  <c r="H284" i="4" s="1"/>
  <c r="B254" i="4"/>
  <c r="E283" i="4" s="1" a="1"/>
  <c r="E283" i="4" s="1"/>
  <c r="G283" i="4" s="1"/>
  <c r="B253" i="4"/>
  <c r="B252" i="4"/>
  <c r="F281" i="4" s="1" a="1"/>
  <c r="F281" i="4" s="1"/>
  <c r="H281" i="4" s="1"/>
  <c r="B251" i="4"/>
  <c r="B250" i="4"/>
  <c r="B249" i="4"/>
  <c r="B248" i="4"/>
  <c r="B247" i="4"/>
  <c r="B246" i="4"/>
  <c r="B245" i="4"/>
  <c r="B244" i="4"/>
  <c r="E273" i="4" s="1" a="1"/>
  <c r="E273" i="4" s="1"/>
  <c r="G273" i="4" s="1"/>
  <c r="B243" i="4"/>
  <c r="E272" i="4" s="1" a="1"/>
  <c r="E272" i="4" s="1"/>
  <c r="G272" i="4" s="1"/>
  <c r="B242" i="4"/>
  <c r="B241" i="4"/>
  <c r="B240" i="4"/>
  <c r="B239" i="4"/>
  <c r="B238" i="4"/>
  <c r="B237" i="4"/>
  <c r="B236" i="4"/>
  <c r="B235" i="4"/>
  <c r="B234" i="4"/>
  <c r="B233" i="4"/>
  <c r="B232" i="4"/>
  <c r="E261" i="4" s="1" a="1"/>
  <c r="E261" i="4" s="1"/>
  <c r="G261" i="4" s="1"/>
  <c r="B231" i="4"/>
  <c r="E260" i="4" s="1" a="1"/>
  <c r="E260" i="4" s="1"/>
  <c r="G260" i="4" s="1"/>
  <c r="B230" i="4"/>
  <c r="E259" i="4" s="1" a="1"/>
  <c r="E259" i="4" s="1"/>
  <c r="G259" i="4" s="1"/>
  <c r="B229" i="4"/>
  <c r="B228" i="4"/>
  <c r="E257" i="4" s="1" a="1"/>
  <c r="E257" i="4" s="1"/>
  <c r="G257" i="4" s="1"/>
  <c r="B227" i="4"/>
  <c r="B226" i="4"/>
  <c r="B225" i="4"/>
  <c r="B224" i="4"/>
  <c r="B223" i="4"/>
  <c r="B222" i="4"/>
  <c r="B221" i="4"/>
  <c r="B220" i="4"/>
  <c r="E249" i="4" s="1" a="1"/>
  <c r="E249" i="4" s="1"/>
  <c r="G249" i="4" s="1"/>
  <c r="B219" i="4"/>
  <c r="E248" i="4" s="1" a="1"/>
  <c r="E248" i="4" s="1"/>
  <c r="G248" i="4" s="1"/>
  <c r="B218" i="4"/>
  <c r="E247" i="4" s="1" a="1"/>
  <c r="E247" i="4" s="1"/>
  <c r="G247" i="4" s="1"/>
  <c r="B217" i="4"/>
  <c r="B216" i="4"/>
  <c r="B215" i="4"/>
  <c r="B214" i="4"/>
  <c r="B213" i="4"/>
  <c r="B212" i="4"/>
  <c r="B211" i="4"/>
  <c r="B210" i="4"/>
  <c r="E237" i="4" s="1" a="1"/>
  <c r="E237" i="4" s="1"/>
  <c r="G237" i="4" s="1"/>
  <c r="B209" i="4"/>
  <c r="B208" i="4"/>
  <c r="F237" i="4" s="1" a="1"/>
  <c r="F237" i="4" s="1"/>
  <c r="H237" i="4" s="1"/>
  <c r="B207" i="4"/>
  <c r="B206" i="4"/>
  <c r="B205" i="4"/>
  <c r="B204" i="4"/>
  <c r="B203" i="4"/>
  <c r="B202" i="4"/>
  <c r="B201" i="4"/>
  <c r="B200" i="4"/>
  <c r="B199" i="4"/>
  <c r="B198" i="4"/>
  <c r="B197" i="4"/>
  <c r="B196" i="4"/>
  <c r="B195" i="4"/>
  <c r="E224" i="4" s="1" a="1"/>
  <c r="E224" i="4" s="1"/>
  <c r="G224" i="4" s="1"/>
  <c r="B194" i="4"/>
  <c r="B193" i="4"/>
  <c r="B192" i="4"/>
  <c r="E221" i="4" s="1" a="1"/>
  <c r="E221" i="4" s="1"/>
  <c r="G221" i="4" s="1"/>
  <c r="B191" i="4"/>
  <c r="B190" i="4"/>
  <c r="B189" i="4"/>
  <c r="B188" i="4"/>
  <c r="B187" i="4"/>
  <c r="B186" i="4"/>
  <c r="B185" i="4"/>
  <c r="B184" i="4"/>
  <c r="F213" i="4" s="1" a="1"/>
  <c r="F213" i="4" s="1"/>
  <c r="H213" i="4" s="1"/>
  <c r="B183" i="4"/>
  <c r="B182" i="4"/>
  <c r="F211" i="4" s="1" a="1"/>
  <c r="F211" i="4" s="1"/>
  <c r="H211" i="4" s="1"/>
  <c r="B181" i="4"/>
  <c r="B180" i="4"/>
  <c r="F209" i="4" s="1" a="1"/>
  <c r="F209" i="4" s="1"/>
  <c r="H209" i="4" s="1"/>
  <c r="B179" i="4"/>
  <c r="B178" i="4"/>
  <c r="B177" i="4"/>
  <c r="B176" i="4"/>
  <c r="B175" i="4"/>
  <c r="B174" i="4"/>
  <c r="B173" i="4"/>
  <c r="B172" i="4"/>
  <c r="E201" i="4" s="1" a="1"/>
  <c r="E201" i="4" s="1"/>
  <c r="G201" i="4" s="1"/>
  <c r="B171" i="4"/>
  <c r="F200" i="4" s="1" a="1"/>
  <c r="F200" i="4" s="1"/>
  <c r="H200" i="4" s="1"/>
  <c r="B170" i="4"/>
  <c r="F199" i="4" s="1" a="1"/>
  <c r="F199" i="4" s="1"/>
  <c r="H199" i="4" s="1"/>
  <c r="B169" i="4"/>
  <c r="B168" i="4"/>
  <c r="F197" i="4" s="1" a="1"/>
  <c r="F197" i="4" s="1"/>
  <c r="H197" i="4" s="1"/>
  <c r="B167" i="4"/>
  <c r="B166" i="4"/>
  <c r="B165" i="4"/>
  <c r="B164" i="4"/>
  <c r="B163" i="4"/>
  <c r="B162" i="4"/>
  <c r="B161" i="4"/>
  <c r="B160" i="4"/>
  <c r="E189" i="4" s="1" a="1"/>
  <c r="E189" i="4" s="1"/>
  <c r="G189" i="4" s="1"/>
  <c r="B159" i="4"/>
  <c r="F188" i="4" s="1" a="1"/>
  <c r="F188" i="4" s="1"/>
  <c r="H188" i="4" s="1"/>
  <c r="B158" i="4"/>
  <c r="E187" i="4" s="1" a="1"/>
  <c r="E187" i="4" s="1"/>
  <c r="G187" i="4" s="1"/>
  <c r="B157" i="4"/>
  <c r="B156" i="4"/>
  <c r="E185" i="4" s="1" a="1"/>
  <c r="E185" i="4" s="1"/>
  <c r="G185" i="4" s="1"/>
  <c r="B155" i="4"/>
  <c r="B154" i="4"/>
  <c r="B153" i="4"/>
  <c r="B152" i="4"/>
  <c r="B151" i="4"/>
  <c r="B150" i="4"/>
  <c r="B149" i="4"/>
  <c r="B148" i="4"/>
  <c r="F177" i="4" s="1" a="1"/>
  <c r="F177" i="4" s="1"/>
  <c r="H177" i="4" s="1"/>
  <c r="B147" i="4"/>
  <c r="F176" i="4" s="1" a="1"/>
  <c r="F176" i="4" s="1"/>
  <c r="H176" i="4" s="1"/>
  <c r="B146" i="4"/>
  <c r="F175" i="4" s="1" a="1"/>
  <c r="F175" i="4" s="1"/>
  <c r="H175" i="4" s="1"/>
  <c r="B145" i="4"/>
  <c r="B144" i="4"/>
  <c r="B143" i="4"/>
  <c r="B142" i="4"/>
  <c r="B141" i="4"/>
  <c r="B140" i="4"/>
  <c r="B139" i="4"/>
  <c r="B138" i="4"/>
  <c r="E166" i="4" s="1" a="1"/>
  <c r="E166" i="4" s="1"/>
  <c r="G166" i="4" s="1"/>
  <c r="B137" i="4"/>
  <c r="B136" i="4"/>
  <c r="F165" i="4" s="1" a="1"/>
  <c r="F165" i="4" s="1"/>
  <c r="H165" i="4" s="1"/>
  <c r="B135" i="4"/>
  <c r="F164" i="4" s="1" a="1"/>
  <c r="F164" i="4" s="1"/>
  <c r="H164" i="4" s="1"/>
  <c r="B134" i="4"/>
  <c r="B133" i="4"/>
  <c r="B132" i="4"/>
  <c r="E161" i="4" s="1" a="1"/>
  <c r="E161" i="4" s="1"/>
  <c r="G161" i="4" s="1"/>
  <c r="B131" i="4"/>
  <c r="B130" i="4"/>
  <c r="B129" i="4"/>
  <c r="B128" i="4"/>
  <c r="B127" i="4"/>
  <c r="B126" i="4"/>
  <c r="B125" i="4"/>
  <c r="B124" i="4"/>
  <c r="E153" i="4" s="1" a="1"/>
  <c r="E153" i="4" s="1"/>
  <c r="G153" i="4" s="1"/>
  <c r="B123" i="4"/>
  <c r="F152" i="4" s="1" a="1"/>
  <c r="F152" i="4" s="1"/>
  <c r="H152" i="4" s="1"/>
  <c r="B122" i="4"/>
  <c r="E151" i="4" s="1" a="1"/>
  <c r="E151" i="4" s="1"/>
  <c r="G151" i="4" s="1"/>
  <c r="B121" i="4"/>
  <c r="B120" i="4"/>
  <c r="E149" i="4" s="1" a="1"/>
  <c r="E149" i="4" s="1"/>
  <c r="G149" i="4" s="1"/>
  <c r="B119" i="4"/>
  <c r="B118" i="4"/>
  <c r="B117" i="4"/>
  <c r="B116" i="4"/>
  <c r="B115" i="4"/>
  <c r="B114" i="4"/>
  <c r="F142" i="4" s="1" a="1"/>
  <c r="F142" i="4" s="1"/>
  <c r="H142" i="4" s="1"/>
  <c r="B113" i="4"/>
  <c r="B112" i="4"/>
  <c r="F141" i="4" s="1" a="1"/>
  <c r="F141" i="4" s="1"/>
  <c r="H141" i="4" s="1"/>
  <c r="B111" i="4"/>
  <c r="E140" i="4" s="1" a="1"/>
  <c r="E140" i="4" s="1"/>
  <c r="G140" i="4" s="1"/>
  <c r="B110" i="4"/>
  <c r="B109" i="4"/>
  <c r="B108" i="4"/>
  <c r="B107" i="4"/>
  <c r="B106" i="4"/>
  <c r="B105" i="4"/>
  <c r="B104" i="4"/>
  <c r="B103" i="4"/>
  <c r="B102" i="4"/>
  <c r="F131" i="4" s="1" a="1"/>
  <c r="F131" i="4" s="1"/>
  <c r="H131" i="4" s="1"/>
  <c r="B101" i="4"/>
  <c r="B100" i="4"/>
  <c r="B99" i="4"/>
  <c r="B98" i="4"/>
  <c r="B97" i="4"/>
  <c r="B96" i="4"/>
  <c r="F125" i="4" s="1" a="1"/>
  <c r="F125" i="4" s="1"/>
  <c r="H125" i="4" s="1"/>
  <c r="B95" i="4"/>
  <c r="B94" i="4"/>
  <c r="B93" i="4"/>
  <c r="B92" i="4"/>
  <c r="B91" i="4"/>
  <c r="B90" i="4"/>
  <c r="B89" i="4"/>
  <c r="B88" i="4"/>
  <c r="F117" i="4" s="1" a="1"/>
  <c r="F117" i="4" s="1"/>
  <c r="H117" i="4" s="1"/>
  <c r="B87" i="4"/>
  <c r="F116" i="4" s="1" a="1"/>
  <c r="F116" i="4" s="1"/>
  <c r="H116" i="4" s="1"/>
  <c r="B86" i="4"/>
  <c r="F115" i="4" s="1" a="1"/>
  <c r="F115" i="4" s="1"/>
  <c r="H115" i="4" s="1"/>
  <c r="B85" i="4"/>
  <c r="B84" i="4"/>
  <c r="F113" i="4" s="1" a="1"/>
  <c r="F113" i="4" s="1"/>
  <c r="H113" i="4" s="1"/>
  <c r="B83" i="4"/>
  <c r="B82" i="4"/>
  <c r="B81" i="4"/>
  <c r="B80" i="4"/>
  <c r="B79" i="4"/>
  <c r="B78" i="4"/>
  <c r="B77" i="4"/>
  <c r="B76" i="4"/>
  <c r="F105" i="4" s="1" a="1"/>
  <c r="F105" i="4" s="1"/>
  <c r="H105" i="4" s="1"/>
  <c r="B75" i="4"/>
  <c r="F104" i="4" s="1" a="1"/>
  <c r="F104" i="4" s="1"/>
  <c r="H104" i="4" s="1"/>
  <c r="B74" i="4"/>
  <c r="F103" i="4" s="1" a="1"/>
  <c r="F103" i="4" s="1"/>
  <c r="H103" i="4" s="1"/>
  <c r="B73" i="4"/>
  <c r="B72" i="4"/>
  <c r="F101" i="4" s="1" a="1"/>
  <c r="F101" i="4" s="1"/>
  <c r="H101" i="4" s="1"/>
  <c r="B71" i="4"/>
  <c r="B70" i="4"/>
  <c r="B69" i="4"/>
  <c r="B68" i="4"/>
  <c r="B67" i="4"/>
  <c r="B66" i="4"/>
  <c r="B65" i="4"/>
  <c r="B64" i="4"/>
  <c r="F93" i="4" s="1" a="1"/>
  <c r="F93" i="4" s="1"/>
  <c r="H93" i="4" s="1"/>
  <c r="B63" i="4"/>
  <c r="B62" i="4"/>
  <c r="F91" i="4" s="1" a="1"/>
  <c r="F91" i="4" s="1"/>
  <c r="H91" i="4" s="1"/>
  <c r="B61" i="4"/>
  <c r="B60" i="4"/>
  <c r="B59" i="4"/>
  <c r="B58" i="4"/>
  <c r="B57" i="4"/>
  <c r="B56" i="4"/>
  <c r="B55" i="4"/>
  <c r="B54" i="4"/>
  <c r="F82" i="4" s="1" a="1"/>
  <c r="F82" i="4" s="1"/>
  <c r="H82" i="4" s="1"/>
  <c r="B53" i="4"/>
  <c r="B52" i="4"/>
  <c r="F81" i="4" s="1" a="1"/>
  <c r="F81" i="4" s="1"/>
  <c r="H81" i="4" s="1"/>
  <c r="B51" i="4"/>
  <c r="B50" i="4"/>
  <c r="B49" i="4"/>
  <c r="B48" i="4"/>
  <c r="F77" i="4" s="1" a="1"/>
  <c r="F77" i="4" s="1"/>
  <c r="H77" i="4" s="1"/>
  <c r="B47" i="4"/>
  <c r="B46" i="4"/>
  <c r="B45" i="4"/>
  <c r="B44" i="4"/>
  <c r="B43" i="4"/>
  <c r="B42" i="4"/>
  <c r="B41" i="4"/>
  <c r="B40" i="4"/>
  <c r="F69" i="4" s="1" a="1"/>
  <c r="F69" i="4" s="1"/>
  <c r="H69" i="4" s="1"/>
  <c r="B39" i="4"/>
  <c r="F68" i="4" s="1" a="1"/>
  <c r="F68" i="4" s="1"/>
  <c r="H68" i="4" s="1"/>
  <c r="B38" i="4"/>
  <c r="F67" i="4" s="1" a="1"/>
  <c r="F67" i="4" s="1"/>
  <c r="H67" i="4" s="1"/>
  <c r="B37" i="4"/>
  <c r="B36" i="4"/>
  <c r="F65" i="4" s="1" a="1"/>
  <c r="F65" i="4" s="1"/>
  <c r="H65" i="4" s="1"/>
  <c r="B35" i="4"/>
  <c r="B34" i="4"/>
  <c r="B33" i="4"/>
  <c r="B32" i="4"/>
  <c r="B31" i="4"/>
  <c r="B30" i="4"/>
  <c r="B29" i="4"/>
  <c r="B28" i="4"/>
  <c r="F57" i="4" s="1" a="1"/>
  <c r="F57" i="4" s="1"/>
  <c r="H57" i="4" s="1"/>
  <c r="B27" i="4"/>
  <c r="F56" i="4" s="1" a="1"/>
  <c r="F56" i="4" s="1"/>
  <c r="H56" i="4" s="1"/>
  <c r="B26" i="4"/>
  <c r="F55" i="4" s="1" a="1"/>
  <c r="F55" i="4" s="1"/>
  <c r="H55" i="4" s="1"/>
  <c r="B25" i="4"/>
  <c r="B24" i="4"/>
  <c r="F53" i="4" s="1" a="1"/>
  <c r="F53" i="4" s="1"/>
  <c r="H53" i="4" s="1"/>
  <c r="B23" i="4"/>
  <c r="B22" i="4"/>
  <c r="B21" i="4"/>
  <c r="B20" i="4"/>
  <c r="B19" i="4"/>
  <c r="B18" i="4"/>
  <c r="E46" i="4" s="1" a="1"/>
  <c r="E46" i="4" s="1"/>
  <c r="G46" i="4" s="1"/>
  <c r="B17" i="4"/>
  <c r="B16" i="4"/>
  <c r="F45" i="4" s="1" a="1"/>
  <c r="F45" i="4" s="1"/>
  <c r="H45" i="4" s="1"/>
  <c r="B15" i="4"/>
  <c r="F44" i="4" s="1" a="1"/>
  <c r="F44" i="4" s="1"/>
  <c r="H44" i="4" s="1"/>
  <c r="B14" i="4"/>
  <c r="B13" i="4"/>
  <c r="B12" i="4"/>
  <c r="B11" i="4"/>
  <c r="B10" i="4"/>
  <c r="B9" i="4"/>
  <c r="B8" i="4"/>
  <c r="B7" i="4"/>
  <c r="B6" i="4"/>
  <c r="B5" i="4"/>
  <c r="B4" i="4"/>
  <c r="F33" i="4" s="1" a="1"/>
  <c r="F33" i="4" s="1"/>
  <c r="H33" i="4" s="1"/>
  <c r="B3" i="4"/>
  <c r="F32" i="4" s="1" a="1"/>
  <c r="F32" i="4" s="1"/>
  <c r="H32" i="4" s="1"/>
  <c r="B2" i="4"/>
  <c r="F31" i="4" s="1" a="1"/>
  <c r="F31" i="4" s="1"/>
  <c r="H31" i="4" s="1"/>
  <c r="I900" i="2"/>
  <c r="I887" i="2"/>
  <c r="I867" i="2"/>
  <c r="I865" i="2"/>
  <c r="I854" i="2"/>
  <c r="I853" i="2"/>
  <c r="I852" i="2"/>
  <c r="I839" i="2"/>
  <c r="I819" i="2"/>
  <c r="I817" i="2"/>
  <c r="I806" i="2"/>
  <c r="I805" i="2"/>
  <c r="I804" i="2"/>
  <c r="I791" i="2"/>
  <c r="I771" i="2"/>
  <c r="I769" i="2"/>
  <c r="I758" i="2"/>
  <c r="I757" i="2"/>
  <c r="I756" i="2"/>
  <c r="I743" i="2"/>
  <c r="I721" i="2"/>
  <c r="I710" i="2"/>
  <c r="I709" i="2"/>
  <c r="I708" i="2"/>
  <c r="I695" i="2"/>
  <c r="I675" i="2"/>
  <c r="I673" i="2"/>
  <c r="I662" i="2"/>
  <c r="I661" i="2"/>
  <c r="I660" i="2"/>
  <c r="I647" i="2"/>
  <c r="I625" i="2"/>
  <c r="I614" i="2"/>
  <c r="I613" i="2"/>
  <c r="I612" i="2"/>
  <c r="I599" i="2"/>
  <c r="I579" i="2"/>
  <c r="I577" i="2"/>
  <c r="I566" i="2"/>
  <c r="I565" i="2"/>
  <c r="I564" i="2"/>
  <c r="I551" i="2"/>
  <c r="I529" i="2"/>
  <c r="I518" i="2"/>
  <c r="I517" i="2"/>
  <c r="I514" i="2"/>
  <c r="I490" i="2"/>
  <c r="I485" i="2"/>
  <c r="I483" i="2"/>
  <c r="I481" i="2"/>
  <c r="I470" i="2"/>
  <c r="I454" i="2"/>
  <c r="I442" i="2"/>
  <c r="I435" i="2"/>
  <c r="I418" i="2"/>
  <c r="I409" i="2"/>
  <c r="I407" i="2"/>
  <c r="I406" i="2"/>
  <c r="I394" i="2"/>
  <c r="I374" i="2"/>
  <c r="I373" i="2"/>
  <c r="I372" i="2"/>
  <c r="I370" i="2"/>
  <c r="I361" i="2"/>
  <c r="I358" i="2"/>
  <c r="I339" i="2"/>
  <c r="I337" i="2"/>
  <c r="I326" i="2"/>
  <c r="I325" i="2"/>
  <c r="I322" i="2"/>
  <c r="I298" i="2"/>
  <c r="I291" i="2"/>
  <c r="I289" i="2"/>
  <c r="I278" i="2"/>
  <c r="I262" i="2"/>
  <c r="I258" i="2"/>
  <c r="I250" i="2"/>
  <c r="I226" i="2"/>
  <c r="I217" i="2"/>
  <c r="I215" i="2"/>
  <c r="I214" i="2"/>
  <c r="I202" i="2"/>
  <c r="I182" i="2"/>
  <c r="I181" i="2"/>
  <c r="I180" i="2"/>
  <c r="I178" i="2"/>
  <c r="I169" i="2"/>
  <c r="I166" i="2"/>
  <c r="I145" i="2"/>
  <c r="I134" i="2"/>
  <c r="I133" i="2"/>
  <c r="I130" i="2"/>
  <c r="I106" i="2"/>
  <c r="I101" i="2"/>
  <c r="I99" i="2"/>
  <c r="I97" i="2"/>
  <c r="I86" i="2"/>
  <c r="I70" i="2"/>
  <c r="I58" i="2"/>
  <c r="I51" i="2"/>
  <c r="I34" i="2"/>
  <c r="I25" i="2"/>
  <c r="I23" i="2"/>
  <c r="I22" i="2"/>
  <c r="I10" i="2"/>
  <c r="H887" i="2"/>
  <c r="H886" i="2"/>
  <c r="H883" i="2"/>
  <c r="H874" i="2"/>
  <c r="H871" i="2"/>
  <c r="H852" i="2"/>
  <c r="H850" i="2"/>
  <c r="H841" i="2"/>
  <c r="H839" i="2"/>
  <c r="H838" i="2"/>
  <c r="H806" i="2"/>
  <c r="H805" i="2"/>
  <c r="H804" i="2"/>
  <c r="H802" i="2"/>
  <c r="H791" i="2"/>
  <c r="H775" i="2"/>
  <c r="H771" i="2"/>
  <c r="H769" i="2"/>
  <c r="H763" i="2"/>
  <c r="H758" i="2"/>
  <c r="H756" i="2"/>
  <c r="H730" i="2"/>
  <c r="H727" i="2"/>
  <c r="H723" i="2"/>
  <c r="H715" i="2"/>
  <c r="H695" i="2"/>
  <c r="H694" i="2"/>
  <c r="H691" i="2"/>
  <c r="H682" i="2"/>
  <c r="H660" i="2"/>
  <c r="H658" i="2"/>
  <c r="H649" i="2"/>
  <c r="H647" i="2"/>
  <c r="H646" i="2"/>
  <c r="H643" i="2"/>
  <c r="H619" i="2"/>
  <c r="H614" i="2"/>
  <c r="H613" i="2"/>
  <c r="H612" i="2"/>
  <c r="H610" i="2"/>
  <c r="H599" i="2"/>
  <c r="H579" i="2"/>
  <c r="H577" i="2"/>
  <c r="H571" i="2"/>
  <c r="H566" i="2"/>
  <c r="H564" i="2"/>
  <c r="H547" i="2"/>
  <c r="H538" i="2"/>
  <c r="H531" i="2"/>
  <c r="H503" i="2"/>
  <c r="H502" i="2"/>
  <c r="H499" i="2"/>
  <c r="H490" i="2"/>
  <c r="H487" i="2"/>
  <c r="H468" i="2"/>
  <c r="H466" i="2"/>
  <c r="H457" i="2"/>
  <c r="H455" i="2"/>
  <c r="H454" i="2"/>
  <c r="H422" i="2"/>
  <c r="H421" i="2"/>
  <c r="H420" i="2"/>
  <c r="H418" i="2"/>
  <c r="H407" i="2"/>
  <c r="H391" i="2"/>
  <c r="H387" i="2"/>
  <c r="H385" i="2"/>
  <c r="H374" i="2"/>
  <c r="H372" i="2"/>
  <c r="H346" i="2"/>
  <c r="H343" i="2"/>
  <c r="H339" i="2"/>
  <c r="H331" i="2"/>
  <c r="H311" i="2"/>
  <c r="H310" i="2"/>
  <c r="H298" i="2"/>
  <c r="H276" i="2"/>
  <c r="H274" i="2"/>
  <c r="H265" i="2"/>
  <c r="H263" i="2"/>
  <c r="H262" i="2"/>
  <c r="H259" i="2"/>
  <c r="H241" i="2"/>
  <c r="H240" i="2"/>
  <c r="H230" i="2"/>
  <c r="H229" i="2"/>
  <c r="H226" i="2"/>
  <c r="H207" i="2"/>
  <c r="H202" i="2"/>
  <c r="H200" i="2"/>
  <c r="H193" i="2"/>
  <c r="H178" i="2"/>
  <c r="H177" i="2"/>
  <c r="H169" i="2"/>
  <c r="H167" i="2"/>
  <c r="H166" i="2"/>
  <c r="H145" i="2"/>
  <c r="H144" i="2"/>
  <c r="H134" i="2"/>
  <c r="H133" i="2"/>
  <c r="H130" i="2"/>
  <c r="H115" i="2"/>
  <c r="H111" i="2"/>
  <c r="H106" i="2"/>
  <c r="H97" i="2"/>
  <c r="H82" i="2"/>
  <c r="H73" i="2"/>
  <c r="H71" i="2"/>
  <c r="H70" i="2"/>
  <c r="H67" i="2"/>
  <c r="H49" i="2"/>
  <c r="H48" i="2"/>
  <c r="H38" i="2"/>
  <c r="H37" i="2"/>
  <c r="H34" i="2"/>
  <c r="H15" i="2"/>
  <c r="H10" i="2"/>
  <c r="H8" i="2"/>
  <c r="G902" i="2"/>
  <c r="G901" i="2"/>
  <c r="G900" i="2"/>
  <c r="G899" i="2"/>
  <c r="I898" i="2" s="1"/>
  <c r="G898" i="2"/>
  <c r="G897" i="2"/>
  <c r="G896" i="2"/>
  <c r="G895" i="2"/>
  <c r="G894" i="2"/>
  <c r="I896" i="2" s="1"/>
  <c r="G893" i="2"/>
  <c r="I894" i="2" s="1"/>
  <c r="G892" i="2"/>
  <c r="G891" i="2"/>
  <c r="G890" i="2"/>
  <c r="G889" i="2"/>
  <c r="I891" i="2" s="1"/>
  <c r="G888" i="2"/>
  <c r="I890" i="2" s="1"/>
  <c r="G887" i="2"/>
  <c r="I886" i="2" s="1"/>
  <c r="G886" i="2"/>
  <c r="I888" i="2" s="1"/>
  <c r="G885" i="2"/>
  <c r="G884" i="2"/>
  <c r="G883" i="2"/>
  <c r="G882" i="2"/>
  <c r="G881" i="2"/>
  <c r="I881" i="2" s="1"/>
  <c r="G880" i="2"/>
  <c r="G879" i="2"/>
  <c r="G878" i="2"/>
  <c r="G877" i="2"/>
  <c r="G876" i="2"/>
  <c r="I878" i="2" s="1"/>
  <c r="G875" i="2"/>
  <c r="G874" i="2"/>
  <c r="I876" i="2" s="1"/>
  <c r="G873" i="2"/>
  <c r="G872" i="2"/>
  <c r="G871" i="2"/>
  <c r="G870" i="2"/>
  <c r="G869" i="2"/>
  <c r="G868" i="2"/>
  <c r="G867" i="2"/>
  <c r="G866" i="2"/>
  <c r="G865" i="2"/>
  <c r="G864" i="2"/>
  <c r="I866" i="2" s="1"/>
  <c r="G863" i="2"/>
  <c r="G862" i="2"/>
  <c r="I864" i="2" s="1"/>
  <c r="G861" i="2"/>
  <c r="G860" i="2"/>
  <c r="I862" i="2" s="1"/>
  <c r="G859" i="2"/>
  <c r="G858" i="2"/>
  <c r="I860" i="2" s="1"/>
  <c r="G857" i="2"/>
  <c r="G856" i="2"/>
  <c r="G855" i="2"/>
  <c r="G854" i="2"/>
  <c r="G853" i="2"/>
  <c r="G852" i="2"/>
  <c r="G851" i="2"/>
  <c r="I850" i="2" s="1"/>
  <c r="G850" i="2"/>
  <c r="G849" i="2"/>
  <c r="G848" i="2"/>
  <c r="G847" i="2"/>
  <c r="G846" i="2"/>
  <c r="I848" i="2" s="1"/>
  <c r="G845" i="2"/>
  <c r="I846" i="2" s="1"/>
  <c r="G844" i="2"/>
  <c r="G843" i="2"/>
  <c r="G842" i="2"/>
  <c r="G841" i="2"/>
  <c r="I843" i="2" s="1"/>
  <c r="G840" i="2"/>
  <c r="I842" i="2" s="1"/>
  <c r="G839" i="2"/>
  <c r="I838" i="2" s="1"/>
  <c r="G838" i="2"/>
  <c r="I840" i="2" s="1"/>
  <c r="G837" i="2"/>
  <c r="G836" i="2"/>
  <c r="G835" i="2"/>
  <c r="G834" i="2"/>
  <c r="G833" i="2"/>
  <c r="I833" i="2" s="1"/>
  <c r="G832" i="2"/>
  <c r="G831" i="2"/>
  <c r="G830" i="2"/>
  <c r="G829" i="2"/>
  <c r="G828" i="2"/>
  <c r="I830" i="2" s="1"/>
  <c r="G827" i="2"/>
  <c r="G826" i="2"/>
  <c r="G825" i="2"/>
  <c r="G824" i="2"/>
  <c r="G823" i="2"/>
  <c r="G822" i="2"/>
  <c r="G821" i="2"/>
  <c r="G820" i="2"/>
  <c r="G819" i="2"/>
  <c r="G818" i="2"/>
  <c r="G817" i="2"/>
  <c r="G816" i="2"/>
  <c r="I818" i="2" s="1"/>
  <c r="G815" i="2"/>
  <c r="G814" i="2"/>
  <c r="I816" i="2" s="1"/>
  <c r="G813" i="2"/>
  <c r="G812" i="2"/>
  <c r="G811" i="2"/>
  <c r="G810" i="2"/>
  <c r="I812" i="2" s="1"/>
  <c r="G809" i="2"/>
  <c r="G808" i="2"/>
  <c r="G807" i="2"/>
  <c r="G806" i="2"/>
  <c r="G805" i="2"/>
  <c r="G804" i="2"/>
  <c r="G803" i="2"/>
  <c r="G802" i="2"/>
  <c r="I802" i="2" s="1"/>
  <c r="G801" i="2"/>
  <c r="G800" i="2"/>
  <c r="G799" i="2"/>
  <c r="G798" i="2"/>
  <c r="I800" i="2" s="1"/>
  <c r="G797" i="2"/>
  <c r="G796" i="2"/>
  <c r="G795" i="2"/>
  <c r="G794" i="2"/>
  <c r="G793" i="2"/>
  <c r="I795" i="2" s="1"/>
  <c r="G792" i="2"/>
  <c r="I794" i="2" s="1"/>
  <c r="G791" i="2"/>
  <c r="G790" i="2"/>
  <c r="I792" i="2" s="1"/>
  <c r="G789" i="2"/>
  <c r="G788" i="2"/>
  <c r="G787" i="2"/>
  <c r="G786" i="2"/>
  <c r="I788" i="2" s="1"/>
  <c r="G785" i="2"/>
  <c r="G784" i="2"/>
  <c r="G783" i="2"/>
  <c r="G782" i="2"/>
  <c r="G781" i="2"/>
  <c r="G780" i="2"/>
  <c r="I782" i="2" s="1"/>
  <c r="G779" i="2"/>
  <c r="G778" i="2"/>
  <c r="G777" i="2"/>
  <c r="G776" i="2"/>
  <c r="G775" i="2"/>
  <c r="G774" i="2"/>
  <c r="I776" i="2" s="1"/>
  <c r="G773" i="2"/>
  <c r="G772" i="2"/>
  <c r="G771" i="2"/>
  <c r="G770" i="2"/>
  <c r="G769" i="2"/>
  <c r="G768" i="2"/>
  <c r="I770" i="2" s="1"/>
  <c r="G767" i="2"/>
  <c r="G766" i="2"/>
  <c r="G765" i="2"/>
  <c r="G764" i="2"/>
  <c r="G763" i="2"/>
  <c r="G762" i="2"/>
  <c r="I764" i="2" s="1"/>
  <c r="G761" i="2"/>
  <c r="G760" i="2"/>
  <c r="G759" i="2"/>
  <c r="G758" i="2"/>
  <c r="G757" i="2"/>
  <c r="G756" i="2"/>
  <c r="G755" i="2"/>
  <c r="G754" i="2"/>
  <c r="I754" i="2" s="1"/>
  <c r="G753" i="2"/>
  <c r="G752" i="2"/>
  <c r="G751" i="2"/>
  <c r="G750" i="2"/>
  <c r="I752" i="2" s="1"/>
  <c r="G749" i="2"/>
  <c r="G748" i="2"/>
  <c r="G747" i="2"/>
  <c r="G746" i="2"/>
  <c r="G745" i="2"/>
  <c r="I747" i="2" s="1"/>
  <c r="G744" i="2"/>
  <c r="I746" i="2" s="1"/>
  <c r="G743" i="2"/>
  <c r="G742" i="2"/>
  <c r="I744" i="2" s="1"/>
  <c r="G741" i="2"/>
  <c r="G740" i="2"/>
  <c r="G739" i="2"/>
  <c r="G738" i="2"/>
  <c r="I740" i="2" s="1"/>
  <c r="G737" i="2"/>
  <c r="G736" i="2"/>
  <c r="G735" i="2"/>
  <c r="G734" i="2"/>
  <c r="G733" i="2"/>
  <c r="G732" i="2"/>
  <c r="I734" i="2" s="1"/>
  <c r="G731" i="2"/>
  <c r="G730" i="2"/>
  <c r="G729" i="2"/>
  <c r="G728" i="2"/>
  <c r="G727" i="2"/>
  <c r="G726" i="2"/>
  <c r="I728" i="2" s="1"/>
  <c r="G725" i="2"/>
  <c r="I723" i="2" s="1"/>
  <c r="G724" i="2"/>
  <c r="G723" i="2"/>
  <c r="G722" i="2"/>
  <c r="G721" i="2"/>
  <c r="G720" i="2"/>
  <c r="I722" i="2" s="1"/>
  <c r="G719" i="2"/>
  <c r="G718" i="2"/>
  <c r="G717" i="2"/>
  <c r="G716" i="2"/>
  <c r="G715" i="2"/>
  <c r="G714" i="2"/>
  <c r="I716" i="2" s="1"/>
  <c r="G713" i="2"/>
  <c r="G712" i="2"/>
  <c r="G711" i="2"/>
  <c r="G710" i="2"/>
  <c r="G709" i="2"/>
  <c r="G708" i="2"/>
  <c r="G707" i="2"/>
  <c r="G706" i="2"/>
  <c r="I706" i="2" s="1"/>
  <c r="G705" i="2"/>
  <c r="G704" i="2"/>
  <c r="G703" i="2"/>
  <c r="G702" i="2"/>
  <c r="I704" i="2" s="1"/>
  <c r="G701" i="2"/>
  <c r="G700" i="2"/>
  <c r="G699" i="2"/>
  <c r="G698" i="2"/>
  <c r="G697" i="2"/>
  <c r="I699" i="2" s="1"/>
  <c r="G696" i="2"/>
  <c r="I698" i="2" s="1"/>
  <c r="G695" i="2"/>
  <c r="G694" i="2"/>
  <c r="I696" i="2" s="1"/>
  <c r="G693" i="2"/>
  <c r="G692" i="2"/>
  <c r="G691" i="2"/>
  <c r="G690" i="2"/>
  <c r="I692" i="2" s="1"/>
  <c r="G689" i="2"/>
  <c r="G688" i="2"/>
  <c r="G687" i="2"/>
  <c r="G686" i="2"/>
  <c r="G685" i="2"/>
  <c r="G684" i="2"/>
  <c r="I686" i="2" s="1"/>
  <c r="G683" i="2"/>
  <c r="G682" i="2"/>
  <c r="G681" i="2"/>
  <c r="G680" i="2"/>
  <c r="G679" i="2"/>
  <c r="G678" i="2"/>
  <c r="I680" i="2" s="1"/>
  <c r="G677" i="2"/>
  <c r="G676" i="2"/>
  <c r="G675" i="2"/>
  <c r="G674" i="2"/>
  <c r="G673" i="2"/>
  <c r="G672" i="2"/>
  <c r="I674" i="2" s="1"/>
  <c r="G671" i="2"/>
  <c r="G670" i="2"/>
  <c r="G669" i="2"/>
  <c r="G668" i="2"/>
  <c r="G667" i="2"/>
  <c r="G666" i="2"/>
  <c r="I668" i="2" s="1"/>
  <c r="G665" i="2"/>
  <c r="G664" i="2"/>
  <c r="G663" i="2"/>
  <c r="G662" i="2"/>
  <c r="G661" i="2"/>
  <c r="G660" i="2"/>
  <c r="G659" i="2"/>
  <c r="G658" i="2"/>
  <c r="I658" i="2" s="1"/>
  <c r="G657" i="2"/>
  <c r="G656" i="2"/>
  <c r="G655" i="2"/>
  <c r="G654" i="2"/>
  <c r="I656" i="2" s="1"/>
  <c r="G653" i="2"/>
  <c r="G652" i="2"/>
  <c r="G651" i="2"/>
  <c r="G650" i="2"/>
  <c r="G649" i="2"/>
  <c r="I651" i="2" s="1"/>
  <c r="G648" i="2"/>
  <c r="I650" i="2" s="1"/>
  <c r="G647" i="2"/>
  <c r="G646" i="2"/>
  <c r="I648" i="2" s="1"/>
  <c r="G645" i="2"/>
  <c r="G644" i="2"/>
  <c r="G643" i="2"/>
  <c r="G642" i="2"/>
  <c r="I644" i="2" s="1"/>
  <c r="G641" i="2"/>
  <c r="G640" i="2"/>
  <c r="G639" i="2"/>
  <c r="G638" i="2"/>
  <c r="G637" i="2"/>
  <c r="G636" i="2"/>
  <c r="I638" i="2" s="1"/>
  <c r="G635" i="2"/>
  <c r="G634" i="2"/>
  <c r="G633" i="2"/>
  <c r="G632" i="2"/>
  <c r="G631" i="2"/>
  <c r="G630" i="2"/>
  <c r="I632" i="2" s="1"/>
  <c r="G629" i="2"/>
  <c r="I627" i="2" s="1"/>
  <c r="G628" i="2"/>
  <c r="G627" i="2"/>
  <c r="G626" i="2"/>
  <c r="G625" i="2"/>
  <c r="G624" i="2"/>
  <c r="I626" i="2" s="1"/>
  <c r="G623" i="2"/>
  <c r="G622" i="2"/>
  <c r="G621" i="2"/>
  <c r="G620" i="2"/>
  <c r="G619" i="2"/>
  <c r="G618" i="2"/>
  <c r="I620" i="2" s="1"/>
  <c r="G617" i="2"/>
  <c r="G616" i="2"/>
  <c r="G615" i="2"/>
  <c r="G614" i="2"/>
  <c r="G613" i="2"/>
  <c r="G612" i="2"/>
  <c r="G611" i="2"/>
  <c r="G610" i="2"/>
  <c r="I610" i="2" s="1"/>
  <c r="G609" i="2"/>
  <c r="G608" i="2"/>
  <c r="G607" i="2"/>
  <c r="G606" i="2"/>
  <c r="I608" i="2" s="1"/>
  <c r="G605" i="2"/>
  <c r="G604" i="2"/>
  <c r="G603" i="2"/>
  <c r="G602" i="2"/>
  <c r="G601" i="2"/>
  <c r="I603" i="2" s="1"/>
  <c r="G600" i="2"/>
  <c r="I602" i="2" s="1"/>
  <c r="G599" i="2"/>
  <c r="G598" i="2"/>
  <c r="I600" i="2" s="1"/>
  <c r="G597" i="2"/>
  <c r="G596" i="2"/>
  <c r="G595" i="2"/>
  <c r="G594" i="2"/>
  <c r="I596" i="2" s="1"/>
  <c r="G593" i="2"/>
  <c r="G592" i="2"/>
  <c r="G591" i="2"/>
  <c r="G590" i="2"/>
  <c r="G589" i="2"/>
  <c r="G588" i="2"/>
  <c r="I590" i="2" s="1"/>
  <c r="G587" i="2"/>
  <c r="G586" i="2"/>
  <c r="G585" i="2"/>
  <c r="G584" i="2"/>
  <c r="G583" i="2"/>
  <c r="G582" i="2"/>
  <c r="I584" i="2" s="1"/>
  <c r="G581" i="2"/>
  <c r="G580" i="2"/>
  <c r="G579" i="2"/>
  <c r="G578" i="2"/>
  <c r="G577" i="2"/>
  <c r="G576" i="2"/>
  <c r="I578" i="2" s="1"/>
  <c r="G575" i="2"/>
  <c r="G574" i="2"/>
  <c r="G573" i="2"/>
  <c r="G572" i="2"/>
  <c r="G571" i="2"/>
  <c r="G570" i="2"/>
  <c r="I572" i="2" s="1"/>
  <c r="G569" i="2"/>
  <c r="G568" i="2"/>
  <c r="G567" i="2"/>
  <c r="G566" i="2"/>
  <c r="G565" i="2"/>
  <c r="G564" i="2"/>
  <c r="G563" i="2"/>
  <c r="G562" i="2"/>
  <c r="I562" i="2" s="1"/>
  <c r="G561" i="2"/>
  <c r="G560" i="2"/>
  <c r="G559" i="2"/>
  <c r="G558" i="2"/>
  <c r="I560" i="2" s="1"/>
  <c r="G557" i="2"/>
  <c r="G556" i="2"/>
  <c r="G555" i="2"/>
  <c r="G554" i="2"/>
  <c r="G553" i="2"/>
  <c r="I555" i="2" s="1"/>
  <c r="G552" i="2"/>
  <c r="I554" i="2" s="1"/>
  <c r="G551" i="2"/>
  <c r="G550" i="2"/>
  <c r="I552" i="2" s="1"/>
  <c r="G549" i="2"/>
  <c r="G548" i="2"/>
  <c r="G547" i="2"/>
  <c r="G546" i="2"/>
  <c r="I548" i="2" s="1"/>
  <c r="G545" i="2"/>
  <c r="G544" i="2"/>
  <c r="G543" i="2"/>
  <c r="G542" i="2"/>
  <c r="G541" i="2"/>
  <c r="G540" i="2"/>
  <c r="I542" i="2" s="1"/>
  <c r="G539" i="2"/>
  <c r="G538" i="2"/>
  <c r="G537" i="2"/>
  <c r="G536" i="2"/>
  <c r="G535" i="2"/>
  <c r="G534" i="2"/>
  <c r="I536" i="2" s="1"/>
  <c r="G533" i="2"/>
  <c r="I531" i="2" s="1"/>
  <c r="G532" i="2"/>
  <c r="G531" i="2"/>
  <c r="G530" i="2"/>
  <c r="G529" i="2"/>
  <c r="G528" i="2"/>
  <c r="I530" i="2" s="1"/>
  <c r="G527" i="2"/>
  <c r="G526" i="2"/>
  <c r="G525" i="2"/>
  <c r="G524" i="2"/>
  <c r="G523" i="2"/>
  <c r="G522" i="2"/>
  <c r="I524" i="2" s="1"/>
  <c r="G521" i="2"/>
  <c r="G520" i="2"/>
  <c r="G519" i="2"/>
  <c r="G518" i="2"/>
  <c r="G517" i="2"/>
  <c r="G516" i="2"/>
  <c r="G515" i="2"/>
  <c r="G514" i="2"/>
  <c r="I516" i="2" s="1"/>
  <c r="G513" i="2"/>
  <c r="G512" i="2"/>
  <c r="G511" i="2"/>
  <c r="G510" i="2"/>
  <c r="I512" i="2" s="1"/>
  <c r="G509" i="2"/>
  <c r="G508" i="2"/>
  <c r="G507" i="2"/>
  <c r="G506" i="2"/>
  <c r="G505" i="2"/>
  <c r="I507" i="2" s="1"/>
  <c r="G504" i="2"/>
  <c r="I506" i="2" s="1"/>
  <c r="G503" i="2"/>
  <c r="I505" i="2" s="1"/>
  <c r="G502" i="2"/>
  <c r="I504" i="2" s="1"/>
  <c r="G501" i="2"/>
  <c r="G500" i="2"/>
  <c r="G499" i="2"/>
  <c r="G498" i="2"/>
  <c r="I500" i="2" s="1"/>
  <c r="G497" i="2"/>
  <c r="G496" i="2"/>
  <c r="G495" i="2"/>
  <c r="G494" i="2"/>
  <c r="G493" i="2"/>
  <c r="G492" i="2"/>
  <c r="I494" i="2" s="1"/>
  <c r="G491" i="2"/>
  <c r="G490" i="2"/>
  <c r="I492" i="2" s="1"/>
  <c r="G489" i="2"/>
  <c r="G488" i="2"/>
  <c r="G487" i="2"/>
  <c r="G486" i="2"/>
  <c r="I488" i="2" s="1"/>
  <c r="G485" i="2"/>
  <c r="I484" i="2" s="1"/>
  <c r="G484" i="2"/>
  <c r="G483" i="2"/>
  <c r="G482" i="2"/>
  <c r="G481" i="2"/>
  <c r="G480" i="2"/>
  <c r="I482" i="2" s="1"/>
  <c r="G479" i="2"/>
  <c r="G478" i="2"/>
  <c r="G477" i="2"/>
  <c r="G476" i="2"/>
  <c r="G475" i="2"/>
  <c r="G474" i="2"/>
  <c r="I476" i="2" s="1"/>
  <c r="G473" i="2"/>
  <c r="G472" i="2"/>
  <c r="G471" i="2"/>
  <c r="G470" i="2"/>
  <c r="G469" i="2"/>
  <c r="G468" i="2"/>
  <c r="G467" i="2"/>
  <c r="I469" i="2" s="1"/>
  <c r="G466" i="2"/>
  <c r="I468" i="2" s="1"/>
  <c r="G465" i="2"/>
  <c r="G464" i="2"/>
  <c r="G463" i="2"/>
  <c r="G462" i="2"/>
  <c r="I464" i="2" s="1"/>
  <c r="G461" i="2"/>
  <c r="G460" i="2"/>
  <c r="G459" i="2"/>
  <c r="G458" i="2"/>
  <c r="G457" i="2"/>
  <c r="I459" i="2" s="1"/>
  <c r="G456" i="2"/>
  <c r="I458" i="2" s="1"/>
  <c r="G455" i="2"/>
  <c r="I457" i="2" s="1"/>
  <c r="G454" i="2"/>
  <c r="I456" i="2" s="1"/>
  <c r="G453" i="2"/>
  <c r="G452" i="2"/>
  <c r="G451" i="2"/>
  <c r="G450" i="2"/>
  <c r="I452" i="2" s="1"/>
  <c r="G449" i="2"/>
  <c r="G448" i="2"/>
  <c r="G447" i="2"/>
  <c r="G446" i="2"/>
  <c r="G445" i="2"/>
  <c r="G444" i="2"/>
  <c r="I446" i="2" s="1"/>
  <c r="G443" i="2"/>
  <c r="G442" i="2"/>
  <c r="I444" i="2" s="1"/>
  <c r="G441" i="2"/>
  <c r="G440" i="2"/>
  <c r="G439" i="2"/>
  <c r="G438" i="2"/>
  <c r="I440" i="2" s="1"/>
  <c r="G437" i="2"/>
  <c r="I437" i="2" s="1"/>
  <c r="G436" i="2"/>
  <c r="G435" i="2"/>
  <c r="G434" i="2"/>
  <c r="G433" i="2"/>
  <c r="G432" i="2"/>
  <c r="I434" i="2" s="1"/>
  <c r="G431" i="2"/>
  <c r="I433" i="2" s="1"/>
  <c r="G430" i="2"/>
  <c r="G429" i="2"/>
  <c r="G428" i="2"/>
  <c r="G427" i="2"/>
  <c r="G426" i="2"/>
  <c r="I428" i="2" s="1"/>
  <c r="G425" i="2"/>
  <c r="G424" i="2"/>
  <c r="G423" i="2"/>
  <c r="G422" i="2"/>
  <c r="G421" i="2"/>
  <c r="G420" i="2"/>
  <c r="I422" i="2" s="1"/>
  <c r="G419" i="2"/>
  <c r="I421" i="2" s="1"/>
  <c r="G418" i="2"/>
  <c r="I420" i="2" s="1"/>
  <c r="G417" i="2"/>
  <c r="G416" i="2"/>
  <c r="G415" i="2"/>
  <c r="G414" i="2"/>
  <c r="I416" i="2" s="1"/>
  <c r="G413" i="2"/>
  <c r="G412" i="2"/>
  <c r="G411" i="2"/>
  <c r="G410" i="2"/>
  <c r="G409" i="2"/>
  <c r="I411" i="2" s="1"/>
  <c r="G408" i="2"/>
  <c r="I410" i="2" s="1"/>
  <c r="G407" i="2"/>
  <c r="G406" i="2"/>
  <c r="I408" i="2" s="1"/>
  <c r="G405" i="2"/>
  <c r="G404" i="2"/>
  <c r="G403" i="2"/>
  <c r="G402" i="2"/>
  <c r="I404" i="2" s="1"/>
  <c r="G401" i="2"/>
  <c r="I402" i="2" s="1"/>
  <c r="G400" i="2"/>
  <c r="G399" i="2"/>
  <c r="G398" i="2"/>
  <c r="G397" i="2"/>
  <c r="G396" i="2"/>
  <c r="I398" i="2" s="1"/>
  <c r="G395" i="2"/>
  <c r="G394" i="2"/>
  <c r="I396" i="2" s="1"/>
  <c r="G393" i="2"/>
  <c r="G392" i="2"/>
  <c r="G391" i="2"/>
  <c r="G390" i="2"/>
  <c r="I392" i="2" s="1"/>
  <c r="G389" i="2"/>
  <c r="G388" i="2"/>
  <c r="G387" i="2"/>
  <c r="G386" i="2"/>
  <c r="G385" i="2"/>
  <c r="G384" i="2"/>
  <c r="I386" i="2" s="1"/>
  <c r="G383" i="2"/>
  <c r="I385" i="2" s="1"/>
  <c r="G382" i="2"/>
  <c r="G381" i="2"/>
  <c r="G380" i="2"/>
  <c r="G379" i="2"/>
  <c r="G378" i="2"/>
  <c r="I380" i="2" s="1"/>
  <c r="G377" i="2"/>
  <c r="G376" i="2"/>
  <c r="G375" i="2"/>
  <c r="G374" i="2"/>
  <c r="G373" i="2"/>
  <c r="G372" i="2"/>
  <c r="G371" i="2"/>
  <c r="G370" i="2"/>
  <c r="G369" i="2"/>
  <c r="G368" i="2"/>
  <c r="G367" i="2"/>
  <c r="G366" i="2"/>
  <c r="I368" i="2" s="1"/>
  <c r="G365" i="2"/>
  <c r="G364" i="2"/>
  <c r="G363" i="2"/>
  <c r="G362" i="2"/>
  <c r="G361" i="2"/>
  <c r="I363" i="2" s="1"/>
  <c r="G360" i="2"/>
  <c r="I362" i="2" s="1"/>
  <c r="G359" i="2"/>
  <c r="G358" i="2"/>
  <c r="I360" i="2" s="1"/>
  <c r="G357" i="2"/>
  <c r="G356" i="2"/>
  <c r="G355" i="2"/>
  <c r="G354" i="2"/>
  <c r="I356" i="2" s="1"/>
  <c r="G353" i="2"/>
  <c r="G352" i="2"/>
  <c r="G351" i="2"/>
  <c r="G350" i="2"/>
  <c r="G349" i="2"/>
  <c r="G348" i="2"/>
  <c r="I350" i="2" s="1"/>
  <c r="G347" i="2"/>
  <c r="G346" i="2"/>
  <c r="I348" i="2" s="1"/>
  <c r="G345" i="2"/>
  <c r="G344" i="2"/>
  <c r="G343" i="2"/>
  <c r="G342" i="2"/>
  <c r="I344" i="2" s="1"/>
  <c r="G341" i="2"/>
  <c r="G340" i="2"/>
  <c r="G339" i="2"/>
  <c r="G338" i="2"/>
  <c r="G337" i="2"/>
  <c r="G336" i="2"/>
  <c r="I338" i="2" s="1"/>
  <c r="G335" i="2"/>
  <c r="G334" i="2"/>
  <c r="G333" i="2"/>
  <c r="G332" i="2"/>
  <c r="G331" i="2"/>
  <c r="G330" i="2"/>
  <c r="I332" i="2" s="1"/>
  <c r="G329" i="2"/>
  <c r="I328" i="2" s="1"/>
  <c r="G328" i="2"/>
  <c r="G327" i="2"/>
  <c r="G326" i="2"/>
  <c r="G325" i="2"/>
  <c r="G324" i="2"/>
  <c r="G323" i="2"/>
  <c r="G322" i="2"/>
  <c r="I324" i="2" s="1"/>
  <c r="G321" i="2"/>
  <c r="G320" i="2"/>
  <c r="G319" i="2"/>
  <c r="G318" i="2"/>
  <c r="I320" i="2" s="1"/>
  <c r="G317" i="2"/>
  <c r="G316" i="2"/>
  <c r="G315" i="2"/>
  <c r="G314" i="2"/>
  <c r="G313" i="2"/>
  <c r="I315" i="2" s="1"/>
  <c r="G312" i="2"/>
  <c r="I314" i="2" s="1"/>
  <c r="G311" i="2"/>
  <c r="I313" i="2" s="1"/>
  <c r="G310" i="2"/>
  <c r="I312" i="2" s="1"/>
  <c r="G309" i="2"/>
  <c r="G308" i="2"/>
  <c r="G307" i="2"/>
  <c r="G306" i="2"/>
  <c r="I308" i="2" s="1"/>
  <c r="G305" i="2"/>
  <c r="G304" i="2"/>
  <c r="G303" i="2"/>
  <c r="G302" i="2"/>
  <c r="G301" i="2"/>
  <c r="G300" i="2"/>
  <c r="I302" i="2" s="1"/>
  <c r="G299" i="2"/>
  <c r="G298" i="2"/>
  <c r="I300" i="2" s="1"/>
  <c r="G297" i="2"/>
  <c r="G296" i="2"/>
  <c r="G295" i="2"/>
  <c r="G294" i="2"/>
  <c r="I296" i="2" s="1"/>
  <c r="G293" i="2"/>
  <c r="G292" i="2"/>
  <c r="G291" i="2"/>
  <c r="G290" i="2"/>
  <c r="G289" i="2"/>
  <c r="G288" i="2"/>
  <c r="I290" i="2" s="1"/>
  <c r="G287" i="2"/>
  <c r="G286" i="2"/>
  <c r="G285" i="2"/>
  <c r="G284" i="2"/>
  <c r="G283" i="2"/>
  <c r="G282" i="2"/>
  <c r="I284" i="2" s="1"/>
  <c r="G281" i="2"/>
  <c r="G280" i="2"/>
  <c r="G279" i="2"/>
  <c r="G278" i="2"/>
  <c r="G277" i="2"/>
  <c r="G276" i="2"/>
  <c r="G275" i="2"/>
  <c r="I277" i="2" s="1"/>
  <c r="G274" i="2"/>
  <c r="I276" i="2" s="1"/>
  <c r="G273" i="2"/>
  <c r="G272" i="2"/>
  <c r="G271" i="2"/>
  <c r="G270" i="2"/>
  <c r="I272" i="2" s="1"/>
  <c r="G269" i="2"/>
  <c r="G268" i="2"/>
  <c r="G267" i="2"/>
  <c r="G266" i="2"/>
  <c r="G265" i="2"/>
  <c r="I267" i="2" s="1"/>
  <c r="G264" i="2"/>
  <c r="I266" i="2" s="1"/>
  <c r="G263" i="2"/>
  <c r="I265" i="2" s="1"/>
  <c r="G262" i="2"/>
  <c r="I264" i="2" s="1"/>
  <c r="G261" i="2"/>
  <c r="G260" i="2"/>
  <c r="G259" i="2"/>
  <c r="G258" i="2"/>
  <c r="I260" i="2" s="1"/>
  <c r="G257" i="2"/>
  <c r="I256" i="2" s="1"/>
  <c r="G256" i="2"/>
  <c r="G255" i="2"/>
  <c r="G254" i="2"/>
  <c r="G253" i="2"/>
  <c r="G252" i="2"/>
  <c r="I254" i="2" s="1"/>
  <c r="G251" i="2"/>
  <c r="G250" i="2"/>
  <c r="I252" i="2" s="1"/>
  <c r="G249" i="2"/>
  <c r="G248" i="2"/>
  <c r="G247" i="2"/>
  <c r="G246" i="2"/>
  <c r="I248" i="2" s="1"/>
  <c r="G245" i="2"/>
  <c r="I245" i="2" s="1"/>
  <c r="G244" i="2"/>
  <c r="G243" i="2"/>
  <c r="G242" i="2"/>
  <c r="G241" i="2"/>
  <c r="G240" i="2"/>
  <c r="I242" i="2" s="1"/>
  <c r="G239" i="2"/>
  <c r="I241" i="2" s="1"/>
  <c r="G238" i="2"/>
  <c r="G237" i="2"/>
  <c r="G236" i="2"/>
  <c r="G235" i="2"/>
  <c r="G234" i="2"/>
  <c r="I236" i="2" s="1"/>
  <c r="G233" i="2"/>
  <c r="G232" i="2"/>
  <c r="G231" i="2"/>
  <c r="G230" i="2"/>
  <c r="G229" i="2"/>
  <c r="G228" i="2"/>
  <c r="I230" i="2" s="1"/>
  <c r="G227" i="2"/>
  <c r="I229" i="2" s="1"/>
  <c r="G226" i="2"/>
  <c r="I228" i="2" s="1"/>
  <c r="G225" i="2"/>
  <c r="G224" i="2"/>
  <c r="G223" i="2"/>
  <c r="G222" i="2"/>
  <c r="I224" i="2" s="1"/>
  <c r="G221" i="2"/>
  <c r="G220" i="2"/>
  <c r="G219" i="2"/>
  <c r="G218" i="2"/>
  <c r="G217" i="2"/>
  <c r="I219" i="2" s="1"/>
  <c r="G216" i="2"/>
  <c r="I218" i="2" s="1"/>
  <c r="G215" i="2"/>
  <c r="G214" i="2"/>
  <c r="I216" i="2" s="1"/>
  <c r="G213" i="2"/>
  <c r="G212" i="2"/>
  <c r="G211" i="2"/>
  <c r="G210" i="2"/>
  <c r="I212" i="2" s="1"/>
  <c r="G209" i="2"/>
  <c r="I210" i="2" s="1"/>
  <c r="G208" i="2"/>
  <c r="G207" i="2"/>
  <c r="G206" i="2"/>
  <c r="G205" i="2"/>
  <c r="G204" i="2"/>
  <c r="I206" i="2" s="1"/>
  <c r="G203" i="2"/>
  <c r="G202" i="2"/>
  <c r="I204" i="2" s="1"/>
  <c r="G201" i="2"/>
  <c r="G200" i="2"/>
  <c r="G199" i="2"/>
  <c r="G198" i="2"/>
  <c r="I200" i="2" s="1"/>
  <c r="G197" i="2"/>
  <c r="G196" i="2"/>
  <c r="G195" i="2"/>
  <c r="G194" i="2"/>
  <c r="G193" i="2"/>
  <c r="G192" i="2"/>
  <c r="I194" i="2" s="1"/>
  <c r="G191" i="2"/>
  <c r="I193" i="2" s="1"/>
  <c r="G190" i="2"/>
  <c r="G189" i="2"/>
  <c r="G188" i="2"/>
  <c r="G187" i="2"/>
  <c r="G186" i="2"/>
  <c r="I188" i="2" s="1"/>
  <c r="G185" i="2"/>
  <c r="G184" i="2"/>
  <c r="G183" i="2"/>
  <c r="G182" i="2"/>
  <c r="G181" i="2"/>
  <c r="G180" i="2"/>
  <c r="G179" i="2"/>
  <c r="G178" i="2"/>
  <c r="G177" i="2"/>
  <c r="G176" i="2"/>
  <c r="G175" i="2"/>
  <c r="G174" i="2"/>
  <c r="I176" i="2" s="1"/>
  <c r="G173" i="2"/>
  <c r="G172" i="2"/>
  <c r="G171" i="2"/>
  <c r="G170" i="2"/>
  <c r="G169" i="2"/>
  <c r="I171" i="2" s="1"/>
  <c r="G168" i="2"/>
  <c r="I170" i="2" s="1"/>
  <c r="G167" i="2"/>
  <c r="G166" i="2"/>
  <c r="I168" i="2" s="1"/>
  <c r="G165" i="2"/>
  <c r="G164" i="2"/>
  <c r="G163" i="2"/>
  <c r="G162" i="2"/>
  <c r="I164" i="2" s="1"/>
  <c r="G161" i="2"/>
  <c r="G160" i="2"/>
  <c r="G159" i="2"/>
  <c r="G158" i="2"/>
  <c r="G157" i="2"/>
  <c r="G156" i="2"/>
  <c r="I158" i="2" s="1"/>
  <c r="G155" i="2"/>
  <c r="G154" i="2"/>
  <c r="I156" i="2" s="1"/>
  <c r="G153" i="2"/>
  <c r="G152" i="2"/>
  <c r="G151" i="2"/>
  <c r="G150" i="2"/>
  <c r="I152" i="2" s="1"/>
  <c r="G149" i="2"/>
  <c r="I147" i="2" s="1"/>
  <c r="G148" i="2"/>
  <c r="G147" i="2"/>
  <c r="G146" i="2"/>
  <c r="G145" i="2"/>
  <c r="G144" i="2"/>
  <c r="I146" i="2" s="1"/>
  <c r="G143" i="2"/>
  <c r="G142" i="2"/>
  <c r="G141" i="2"/>
  <c r="G140" i="2"/>
  <c r="G139" i="2"/>
  <c r="G138" i="2"/>
  <c r="I140" i="2" s="1"/>
  <c r="G137" i="2"/>
  <c r="G136" i="2"/>
  <c r="G135" i="2"/>
  <c r="G134" i="2"/>
  <c r="G133" i="2"/>
  <c r="G132" i="2"/>
  <c r="G131" i="2"/>
  <c r="G130" i="2"/>
  <c r="I132" i="2" s="1"/>
  <c r="G129" i="2"/>
  <c r="G128" i="2"/>
  <c r="G127" i="2"/>
  <c r="G126" i="2"/>
  <c r="I128" i="2" s="1"/>
  <c r="G125" i="2"/>
  <c r="G124" i="2"/>
  <c r="G123" i="2"/>
  <c r="G122" i="2"/>
  <c r="G121" i="2"/>
  <c r="I123" i="2" s="1"/>
  <c r="G120" i="2"/>
  <c r="I122" i="2" s="1"/>
  <c r="G119" i="2"/>
  <c r="I121" i="2" s="1"/>
  <c r="G118" i="2"/>
  <c r="I120" i="2" s="1"/>
  <c r="G117" i="2"/>
  <c r="G116" i="2"/>
  <c r="G115" i="2"/>
  <c r="G114" i="2"/>
  <c r="I116" i="2" s="1"/>
  <c r="G113" i="2"/>
  <c r="G112" i="2"/>
  <c r="G111" i="2"/>
  <c r="G110" i="2"/>
  <c r="G109" i="2"/>
  <c r="G108" i="2"/>
  <c r="I110" i="2" s="1"/>
  <c r="G107" i="2"/>
  <c r="G106" i="2"/>
  <c r="I108" i="2" s="1"/>
  <c r="G105" i="2"/>
  <c r="G104" i="2"/>
  <c r="G103" i="2"/>
  <c r="G102" i="2"/>
  <c r="I104" i="2" s="1"/>
  <c r="G101" i="2"/>
  <c r="I100" i="2" s="1"/>
  <c r="G100" i="2"/>
  <c r="G99" i="2"/>
  <c r="G98" i="2"/>
  <c r="G97" i="2"/>
  <c r="G96" i="2"/>
  <c r="I98" i="2" s="1"/>
  <c r="G95" i="2"/>
  <c r="G94" i="2"/>
  <c r="G93" i="2"/>
  <c r="G92" i="2"/>
  <c r="G91" i="2"/>
  <c r="G90" i="2"/>
  <c r="I92" i="2" s="1"/>
  <c r="G89" i="2"/>
  <c r="G88" i="2"/>
  <c r="G87" i="2"/>
  <c r="G86" i="2"/>
  <c r="G85" i="2"/>
  <c r="G84" i="2"/>
  <c r="G83" i="2"/>
  <c r="I85" i="2" s="1"/>
  <c r="G82" i="2"/>
  <c r="I84" i="2" s="1"/>
  <c r="G81" i="2"/>
  <c r="G80" i="2"/>
  <c r="G79" i="2"/>
  <c r="G78" i="2"/>
  <c r="I80" i="2" s="1"/>
  <c r="G77" i="2"/>
  <c r="G76" i="2"/>
  <c r="G75" i="2"/>
  <c r="G74" i="2"/>
  <c r="G73" i="2"/>
  <c r="I75" i="2" s="1"/>
  <c r="G72" i="2"/>
  <c r="I74" i="2" s="1"/>
  <c r="G71" i="2"/>
  <c r="I73" i="2" s="1"/>
  <c r="G70" i="2"/>
  <c r="I72" i="2" s="1"/>
  <c r="G69" i="2"/>
  <c r="G68" i="2"/>
  <c r="G67" i="2"/>
  <c r="G66" i="2"/>
  <c r="I68" i="2" s="1"/>
  <c r="G65" i="2"/>
  <c r="G64" i="2"/>
  <c r="G63" i="2"/>
  <c r="G62" i="2"/>
  <c r="G61" i="2"/>
  <c r="G60" i="2"/>
  <c r="I62" i="2" s="1"/>
  <c r="G59" i="2"/>
  <c r="G58" i="2"/>
  <c r="I60" i="2" s="1"/>
  <c r="G57" i="2"/>
  <c r="G56" i="2"/>
  <c r="G55" i="2"/>
  <c r="G54" i="2"/>
  <c r="I56" i="2" s="1"/>
  <c r="G53" i="2"/>
  <c r="I53" i="2" s="1"/>
  <c r="G52" i="2"/>
  <c r="G51" i="2"/>
  <c r="G50" i="2"/>
  <c r="G49" i="2"/>
  <c r="G48" i="2"/>
  <c r="I50" i="2" s="1"/>
  <c r="G47" i="2"/>
  <c r="I49" i="2" s="1"/>
  <c r="G46" i="2"/>
  <c r="G45" i="2"/>
  <c r="G44" i="2"/>
  <c r="G43" i="2"/>
  <c r="G42" i="2"/>
  <c r="I44" i="2" s="1"/>
  <c r="G41" i="2"/>
  <c r="G40" i="2"/>
  <c r="G39" i="2"/>
  <c r="G38" i="2"/>
  <c r="G37" i="2"/>
  <c r="G36" i="2"/>
  <c r="I38" i="2" s="1"/>
  <c r="G35" i="2"/>
  <c r="I37" i="2" s="1"/>
  <c r="G34" i="2"/>
  <c r="I36" i="2" s="1"/>
  <c r="G33" i="2"/>
  <c r="G32" i="2"/>
  <c r="G31" i="2"/>
  <c r="G30" i="2"/>
  <c r="I32" i="2" s="1"/>
  <c r="G29" i="2"/>
  <c r="G28" i="2"/>
  <c r="G27" i="2"/>
  <c r="G26" i="2"/>
  <c r="G25" i="2"/>
  <c r="I27" i="2" s="1"/>
  <c r="G24" i="2"/>
  <c r="I26" i="2" s="1"/>
  <c r="G23" i="2"/>
  <c r="G22" i="2"/>
  <c r="I24" i="2" s="1"/>
  <c r="G21" i="2"/>
  <c r="G20" i="2"/>
  <c r="G19" i="2"/>
  <c r="G18" i="2"/>
  <c r="I20" i="2" s="1"/>
  <c r="G17" i="2"/>
  <c r="I18" i="2" s="1"/>
  <c r="G16" i="2"/>
  <c r="G15" i="2"/>
  <c r="G14" i="2"/>
  <c r="G13" i="2"/>
  <c r="G12" i="2"/>
  <c r="I14" i="2" s="1"/>
  <c r="G11" i="2"/>
  <c r="G10" i="2"/>
  <c r="I12" i="2" s="1"/>
  <c r="G9" i="2"/>
  <c r="G8" i="2"/>
  <c r="G7" i="2"/>
  <c r="G6" i="2"/>
  <c r="I8" i="2" s="1"/>
  <c r="G5" i="2"/>
  <c r="G4" i="2"/>
  <c r="G3" i="2"/>
  <c r="G2" i="2"/>
  <c r="F902" i="2"/>
  <c r="F901" i="2"/>
  <c r="F900" i="2"/>
  <c r="F899" i="2"/>
  <c r="H900" i="2" s="1"/>
  <c r="F898" i="2"/>
  <c r="F897" i="2"/>
  <c r="F896" i="2"/>
  <c r="F895" i="2"/>
  <c r="H897" i="2" s="1"/>
  <c r="F894" i="2"/>
  <c r="F893" i="2"/>
  <c r="F892" i="2"/>
  <c r="F891" i="2"/>
  <c r="F890" i="2"/>
  <c r="F889" i="2"/>
  <c r="H891" i="2" s="1"/>
  <c r="F888" i="2"/>
  <c r="F887" i="2"/>
  <c r="H888" i="2" s="1"/>
  <c r="F886" i="2"/>
  <c r="F885" i="2"/>
  <c r="F884" i="2"/>
  <c r="F883" i="2"/>
  <c r="H885" i="2" s="1"/>
  <c r="F882" i="2"/>
  <c r="F881" i="2"/>
  <c r="F880" i="2"/>
  <c r="F879" i="2"/>
  <c r="F878" i="2"/>
  <c r="F877" i="2"/>
  <c r="H879" i="2" s="1"/>
  <c r="F876" i="2"/>
  <c r="F875" i="2"/>
  <c r="H877" i="2" s="1"/>
  <c r="F874" i="2"/>
  <c r="F873" i="2"/>
  <c r="F872" i="2"/>
  <c r="F871" i="2"/>
  <c r="H873" i="2" s="1"/>
  <c r="F870" i="2"/>
  <c r="F869" i="2"/>
  <c r="F868" i="2"/>
  <c r="F867" i="2"/>
  <c r="F866" i="2"/>
  <c r="F865" i="2"/>
  <c r="H867" i="2" s="1"/>
  <c r="F864" i="2"/>
  <c r="F863" i="2"/>
  <c r="F862" i="2"/>
  <c r="F861" i="2"/>
  <c r="F860" i="2"/>
  <c r="H862" i="2" s="1"/>
  <c r="F859" i="2"/>
  <c r="H861" i="2" s="1"/>
  <c r="F858" i="2"/>
  <c r="F857" i="2"/>
  <c r="F856" i="2"/>
  <c r="F855" i="2"/>
  <c r="F854" i="2"/>
  <c r="F853" i="2"/>
  <c r="H855" i="2" s="1"/>
  <c r="F852" i="2"/>
  <c r="H854" i="2" s="1"/>
  <c r="F851" i="2"/>
  <c r="H853" i="2" s="1"/>
  <c r="F850" i="2"/>
  <c r="F849" i="2"/>
  <c r="F848" i="2"/>
  <c r="F847" i="2"/>
  <c r="H849" i="2" s="1"/>
  <c r="F846" i="2"/>
  <c r="F845" i="2"/>
  <c r="F844" i="2"/>
  <c r="F843" i="2"/>
  <c r="F842" i="2"/>
  <c r="F841" i="2"/>
  <c r="H843" i="2" s="1"/>
  <c r="F840" i="2"/>
  <c r="F839" i="2"/>
  <c r="H840" i="2" s="1"/>
  <c r="F838" i="2"/>
  <c r="F837" i="2"/>
  <c r="F836" i="2"/>
  <c r="F835" i="2"/>
  <c r="H837" i="2" s="1"/>
  <c r="F834" i="2"/>
  <c r="H835" i="2" s="1"/>
  <c r="F833" i="2"/>
  <c r="F832" i="2"/>
  <c r="F831" i="2"/>
  <c r="F830" i="2"/>
  <c r="F829" i="2"/>
  <c r="H831" i="2" s="1"/>
  <c r="F828" i="2"/>
  <c r="F827" i="2"/>
  <c r="H829" i="2" s="1"/>
  <c r="F826" i="2"/>
  <c r="F825" i="2"/>
  <c r="F824" i="2"/>
  <c r="F823" i="2"/>
  <c r="H825" i="2" s="1"/>
  <c r="F822" i="2"/>
  <c r="F821" i="2"/>
  <c r="F820" i="2"/>
  <c r="F819" i="2"/>
  <c r="F818" i="2"/>
  <c r="F817" i="2"/>
  <c r="H819" i="2" s="1"/>
  <c r="F816" i="2"/>
  <c r="F815" i="2"/>
  <c r="H817" i="2" s="1"/>
  <c r="F814" i="2"/>
  <c r="F813" i="2"/>
  <c r="F812" i="2"/>
  <c r="H814" i="2" s="1"/>
  <c r="F811" i="2"/>
  <c r="H813" i="2" s="1"/>
  <c r="F810" i="2"/>
  <c r="H811" i="2" s="1"/>
  <c r="F809" i="2"/>
  <c r="F808" i="2"/>
  <c r="F807" i="2"/>
  <c r="F806" i="2"/>
  <c r="F805" i="2"/>
  <c r="H807" i="2" s="1"/>
  <c r="F804" i="2"/>
  <c r="F803" i="2"/>
  <c r="F802" i="2"/>
  <c r="F801" i="2"/>
  <c r="F800" i="2"/>
  <c r="F799" i="2"/>
  <c r="H801" i="2" s="1"/>
  <c r="F798" i="2"/>
  <c r="F797" i="2"/>
  <c r="F796" i="2"/>
  <c r="F795" i="2"/>
  <c r="F794" i="2"/>
  <c r="F793" i="2"/>
  <c r="H795" i="2" s="1"/>
  <c r="F792" i="2"/>
  <c r="F791" i="2"/>
  <c r="H793" i="2" s="1"/>
  <c r="F790" i="2"/>
  <c r="F789" i="2"/>
  <c r="F788" i="2"/>
  <c r="F787" i="2"/>
  <c r="H789" i="2" s="1"/>
  <c r="F786" i="2"/>
  <c r="F785" i="2"/>
  <c r="F784" i="2"/>
  <c r="F783" i="2"/>
  <c r="F782" i="2"/>
  <c r="F781" i="2"/>
  <c r="H783" i="2" s="1"/>
  <c r="F780" i="2"/>
  <c r="F779" i="2"/>
  <c r="H778" i="2" s="1"/>
  <c r="F778" i="2"/>
  <c r="F777" i="2"/>
  <c r="F776" i="2"/>
  <c r="F775" i="2"/>
  <c r="H777" i="2" s="1"/>
  <c r="F774" i="2"/>
  <c r="F773" i="2"/>
  <c r="F772" i="2"/>
  <c r="F771" i="2"/>
  <c r="F770" i="2"/>
  <c r="F769" i="2"/>
  <c r="F768" i="2"/>
  <c r="F767" i="2"/>
  <c r="F766" i="2"/>
  <c r="F765" i="2"/>
  <c r="F764" i="2"/>
  <c r="H766" i="2" s="1"/>
  <c r="F763" i="2"/>
  <c r="H765" i="2" s="1"/>
  <c r="F762" i="2"/>
  <c r="F761" i="2"/>
  <c r="F760" i="2"/>
  <c r="F759" i="2"/>
  <c r="F758" i="2"/>
  <c r="F757" i="2"/>
  <c r="H759" i="2" s="1"/>
  <c r="F756" i="2"/>
  <c r="F755" i="2"/>
  <c r="H757" i="2" s="1"/>
  <c r="F754" i="2"/>
  <c r="F753" i="2"/>
  <c r="F752" i="2"/>
  <c r="F751" i="2"/>
  <c r="H753" i="2" s="1"/>
  <c r="F750" i="2"/>
  <c r="F749" i="2"/>
  <c r="F748" i="2"/>
  <c r="F747" i="2"/>
  <c r="F746" i="2"/>
  <c r="F745" i="2"/>
  <c r="H747" i="2" s="1"/>
  <c r="F744" i="2"/>
  <c r="F743" i="2"/>
  <c r="H742" i="2" s="1"/>
  <c r="F742" i="2"/>
  <c r="F741" i="2"/>
  <c r="F740" i="2"/>
  <c r="F739" i="2"/>
  <c r="H741" i="2" s="1"/>
  <c r="F738" i="2"/>
  <c r="H739" i="2" s="1"/>
  <c r="F737" i="2"/>
  <c r="F736" i="2"/>
  <c r="F735" i="2"/>
  <c r="F734" i="2"/>
  <c r="F733" i="2"/>
  <c r="H735" i="2" s="1"/>
  <c r="F732" i="2"/>
  <c r="F731" i="2"/>
  <c r="F730" i="2"/>
  <c r="F729" i="2"/>
  <c r="F728" i="2"/>
  <c r="F727" i="2"/>
  <c r="H729" i="2" s="1"/>
  <c r="F726" i="2"/>
  <c r="H728" i="2" s="1"/>
  <c r="F725" i="2"/>
  <c r="F724" i="2"/>
  <c r="F723" i="2"/>
  <c r="F722" i="2"/>
  <c r="F721" i="2"/>
  <c r="F720" i="2"/>
  <c r="F719" i="2"/>
  <c r="H721" i="2" s="1"/>
  <c r="F718" i="2"/>
  <c r="F717" i="2"/>
  <c r="F716" i="2"/>
  <c r="H718" i="2" s="1"/>
  <c r="F715" i="2"/>
  <c r="H717" i="2" s="1"/>
  <c r="F714" i="2"/>
  <c r="F713" i="2"/>
  <c r="F712" i="2"/>
  <c r="F711" i="2"/>
  <c r="F710" i="2"/>
  <c r="F709" i="2"/>
  <c r="H711" i="2" s="1"/>
  <c r="F708" i="2"/>
  <c r="H710" i="2" s="1"/>
  <c r="F707" i="2"/>
  <c r="H709" i="2" s="1"/>
  <c r="F706" i="2"/>
  <c r="F705" i="2"/>
  <c r="F704" i="2"/>
  <c r="F703" i="2"/>
  <c r="H705" i="2" s="1"/>
  <c r="F702" i="2"/>
  <c r="F701" i="2"/>
  <c r="F700" i="2"/>
  <c r="F699" i="2"/>
  <c r="F698" i="2"/>
  <c r="F697" i="2"/>
  <c r="H699" i="2" s="1"/>
  <c r="F696" i="2"/>
  <c r="F695" i="2"/>
  <c r="H697" i="2" s="1"/>
  <c r="F694" i="2"/>
  <c r="F693" i="2"/>
  <c r="F692" i="2"/>
  <c r="F691" i="2"/>
  <c r="H693" i="2" s="1"/>
  <c r="F690" i="2"/>
  <c r="F689" i="2"/>
  <c r="F688" i="2"/>
  <c r="F687" i="2"/>
  <c r="F686" i="2"/>
  <c r="F685" i="2"/>
  <c r="H687" i="2" s="1"/>
  <c r="F684" i="2"/>
  <c r="F683" i="2"/>
  <c r="F682" i="2"/>
  <c r="F681" i="2"/>
  <c r="F680" i="2"/>
  <c r="F679" i="2"/>
  <c r="H681" i="2" s="1"/>
  <c r="F678" i="2"/>
  <c r="H679" i="2" s="1"/>
  <c r="F677" i="2"/>
  <c r="F676" i="2"/>
  <c r="F675" i="2"/>
  <c r="F674" i="2"/>
  <c r="F673" i="2"/>
  <c r="H675" i="2" s="1"/>
  <c r="F672" i="2"/>
  <c r="F671" i="2"/>
  <c r="F670" i="2"/>
  <c r="F669" i="2"/>
  <c r="F668" i="2"/>
  <c r="H670" i="2" s="1"/>
  <c r="F667" i="2"/>
  <c r="H669" i="2" s="1"/>
  <c r="F666" i="2"/>
  <c r="F665" i="2"/>
  <c r="F664" i="2"/>
  <c r="F663" i="2"/>
  <c r="F662" i="2"/>
  <c r="F661" i="2"/>
  <c r="H663" i="2" s="1"/>
  <c r="F660" i="2"/>
  <c r="H662" i="2" s="1"/>
  <c r="F659" i="2"/>
  <c r="H661" i="2" s="1"/>
  <c r="F658" i="2"/>
  <c r="F657" i="2"/>
  <c r="F656" i="2"/>
  <c r="F655" i="2"/>
  <c r="H657" i="2" s="1"/>
  <c r="F654" i="2"/>
  <c r="F653" i="2"/>
  <c r="F652" i="2"/>
  <c r="F651" i="2"/>
  <c r="F650" i="2"/>
  <c r="F649" i="2"/>
  <c r="H651" i="2" s="1"/>
  <c r="F648" i="2"/>
  <c r="F647" i="2"/>
  <c r="F646" i="2"/>
  <c r="F645" i="2"/>
  <c r="F644" i="2"/>
  <c r="F643" i="2"/>
  <c r="H645" i="2" s="1"/>
  <c r="F642" i="2"/>
  <c r="F641" i="2"/>
  <c r="F640" i="2"/>
  <c r="F639" i="2"/>
  <c r="F638" i="2"/>
  <c r="F637" i="2"/>
  <c r="H639" i="2" s="1"/>
  <c r="F636" i="2"/>
  <c r="F635" i="2"/>
  <c r="H634" i="2" s="1"/>
  <c r="F634" i="2"/>
  <c r="F633" i="2"/>
  <c r="F632" i="2"/>
  <c r="F631" i="2"/>
  <c r="H633" i="2" s="1"/>
  <c r="F630" i="2"/>
  <c r="F629" i="2"/>
  <c r="F628" i="2"/>
  <c r="F627" i="2"/>
  <c r="F626" i="2"/>
  <c r="F625" i="2"/>
  <c r="H627" i="2" s="1"/>
  <c r="F624" i="2"/>
  <c r="F623" i="2"/>
  <c r="H625" i="2" s="1"/>
  <c r="F622" i="2"/>
  <c r="F621" i="2"/>
  <c r="F620" i="2"/>
  <c r="H622" i="2" s="1"/>
  <c r="F619" i="2"/>
  <c r="H621" i="2" s="1"/>
  <c r="F618" i="2"/>
  <c r="F617" i="2"/>
  <c r="F616" i="2"/>
  <c r="F615" i="2"/>
  <c r="F614" i="2"/>
  <c r="F613" i="2"/>
  <c r="H615" i="2" s="1"/>
  <c r="F612" i="2"/>
  <c r="F611" i="2"/>
  <c r="F610" i="2"/>
  <c r="F609" i="2"/>
  <c r="F608" i="2"/>
  <c r="F607" i="2"/>
  <c r="H609" i="2" s="1"/>
  <c r="F606" i="2"/>
  <c r="F605" i="2"/>
  <c r="F604" i="2"/>
  <c r="F603" i="2"/>
  <c r="F602" i="2"/>
  <c r="F601" i="2"/>
  <c r="H603" i="2" s="1"/>
  <c r="F600" i="2"/>
  <c r="F599" i="2"/>
  <c r="H601" i="2" s="1"/>
  <c r="F598" i="2"/>
  <c r="F597" i="2"/>
  <c r="F596" i="2"/>
  <c r="F595" i="2"/>
  <c r="H597" i="2" s="1"/>
  <c r="F594" i="2"/>
  <c r="F593" i="2"/>
  <c r="F592" i="2"/>
  <c r="F591" i="2"/>
  <c r="F590" i="2"/>
  <c r="F589" i="2"/>
  <c r="H591" i="2" s="1"/>
  <c r="F588" i="2"/>
  <c r="F587" i="2"/>
  <c r="H586" i="2" s="1"/>
  <c r="F586" i="2"/>
  <c r="F585" i="2"/>
  <c r="F584" i="2"/>
  <c r="F583" i="2"/>
  <c r="H585" i="2" s="1"/>
  <c r="F582" i="2"/>
  <c r="H583" i="2" s="1"/>
  <c r="F581" i="2"/>
  <c r="F580" i="2"/>
  <c r="F579" i="2"/>
  <c r="F578" i="2"/>
  <c r="F577" i="2"/>
  <c r="F576" i="2"/>
  <c r="F575" i="2"/>
  <c r="F574" i="2"/>
  <c r="F573" i="2"/>
  <c r="F572" i="2"/>
  <c r="H574" i="2" s="1"/>
  <c r="F571" i="2"/>
  <c r="H573" i="2" s="1"/>
  <c r="F570" i="2"/>
  <c r="F569" i="2"/>
  <c r="F568" i="2"/>
  <c r="F567" i="2"/>
  <c r="F566" i="2"/>
  <c r="F565" i="2"/>
  <c r="H567" i="2" s="1"/>
  <c r="F564" i="2"/>
  <c r="F563" i="2"/>
  <c r="H565" i="2" s="1"/>
  <c r="F562" i="2"/>
  <c r="F561" i="2"/>
  <c r="F560" i="2"/>
  <c r="F559" i="2"/>
  <c r="H561" i="2" s="1"/>
  <c r="F558" i="2"/>
  <c r="F557" i="2"/>
  <c r="F556" i="2"/>
  <c r="F555" i="2"/>
  <c r="F554" i="2"/>
  <c r="F553" i="2"/>
  <c r="H555" i="2" s="1"/>
  <c r="F552" i="2"/>
  <c r="F551" i="2"/>
  <c r="H550" i="2" s="1"/>
  <c r="F550" i="2"/>
  <c r="F549" i="2"/>
  <c r="F548" i="2"/>
  <c r="F547" i="2"/>
  <c r="H549" i="2" s="1"/>
  <c r="F546" i="2"/>
  <c r="F545" i="2"/>
  <c r="F544" i="2"/>
  <c r="F543" i="2"/>
  <c r="F542" i="2"/>
  <c r="F541" i="2"/>
  <c r="H543" i="2" s="1"/>
  <c r="F540" i="2"/>
  <c r="F539" i="2"/>
  <c r="F538" i="2"/>
  <c r="F537" i="2"/>
  <c r="F536" i="2"/>
  <c r="F535" i="2"/>
  <c r="H537" i="2" s="1"/>
  <c r="F534" i="2"/>
  <c r="H536" i="2" s="1"/>
  <c r="F533" i="2"/>
  <c r="F532" i="2"/>
  <c r="F531" i="2"/>
  <c r="F530" i="2"/>
  <c r="F529" i="2"/>
  <c r="F528" i="2"/>
  <c r="F527" i="2"/>
  <c r="H529" i="2" s="1"/>
  <c r="F526" i="2"/>
  <c r="F525" i="2"/>
  <c r="F524" i="2"/>
  <c r="H526" i="2" s="1"/>
  <c r="F523" i="2"/>
  <c r="H525" i="2" s="1"/>
  <c r="F522" i="2"/>
  <c r="H523" i="2" s="1"/>
  <c r="F521" i="2"/>
  <c r="F520" i="2"/>
  <c r="F519" i="2"/>
  <c r="F518" i="2"/>
  <c r="F517" i="2"/>
  <c r="H519" i="2" s="1"/>
  <c r="F516" i="2"/>
  <c r="H518" i="2" s="1"/>
  <c r="F515" i="2"/>
  <c r="H517" i="2" s="1"/>
  <c r="F514" i="2"/>
  <c r="F513" i="2"/>
  <c r="F512" i="2"/>
  <c r="F511" i="2"/>
  <c r="H513" i="2" s="1"/>
  <c r="F510" i="2"/>
  <c r="F509" i="2"/>
  <c r="F508" i="2"/>
  <c r="F507" i="2"/>
  <c r="F506" i="2"/>
  <c r="F505" i="2"/>
  <c r="H507" i="2" s="1"/>
  <c r="F504" i="2"/>
  <c r="F503" i="2"/>
  <c r="H505" i="2" s="1"/>
  <c r="F502" i="2"/>
  <c r="F501" i="2"/>
  <c r="F500" i="2"/>
  <c r="F499" i="2"/>
  <c r="H501" i="2" s="1"/>
  <c r="F498" i="2"/>
  <c r="F497" i="2"/>
  <c r="F496" i="2"/>
  <c r="F495" i="2"/>
  <c r="F494" i="2"/>
  <c r="F493" i="2"/>
  <c r="H495" i="2" s="1"/>
  <c r="F492" i="2"/>
  <c r="F491" i="2"/>
  <c r="F490" i="2"/>
  <c r="F489" i="2"/>
  <c r="F488" i="2"/>
  <c r="F487" i="2"/>
  <c r="H489" i="2" s="1"/>
  <c r="F486" i="2"/>
  <c r="F485" i="2"/>
  <c r="F484" i="2"/>
  <c r="F483" i="2"/>
  <c r="F482" i="2"/>
  <c r="F481" i="2"/>
  <c r="H483" i="2" s="1"/>
  <c r="F480" i="2"/>
  <c r="F479" i="2"/>
  <c r="F478" i="2"/>
  <c r="F477" i="2"/>
  <c r="F476" i="2"/>
  <c r="H478" i="2" s="1"/>
  <c r="F475" i="2"/>
  <c r="H477" i="2" s="1"/>
  <c r="F474" i="2"/>
  <c r="F473" i="2"/>
  <c r="F472" i="2"/>
  <c r="F471" i="2"/>
  <c r="F470" i="2"/>
  <c r="F469" i="2"/>
  <c r="H471" i="2" s="1"/>
  <c r="F468" i="2"/>
  <c r="H470" i="2" s="1"/>
  <c r="F467" i="2"/>
  <c r="H469" i="2" s="1"/>
  <c r="F466" i="2"/>
  <c r="F465" i="2"/>
  <c r="F464" i="2"/>
  <c r="F463" i="2"/>
  <c r="H465" i="2" s="1"/>
  <c r="F462" i="2"/>
  <c r="F461" i="2"/>
  <c r="F460" i="2"/>
  <c r="F459" i="2"/>
  <c r="F458" i="2"/>
  <c r="F457" i="2"/>
  <c r="H459" i="2" s="1"/>
  <c r="F456" i="2"/>
  <c r="F455" i="2"/>
  <c r="F454" i="2"/>
  <c r="F453" i="2"/>
  <c r="F452" i="2"/>
  <c r="F451" i="2"/>
  <c r="H453" i="2" s="1"/>
  <c r="F450" i="2"/>
  <c r="H451" i="2" s="1"/>
  <c r="F449" i="2"/>
  <c r="F448" i="2"/>
  <c r="F447" i="2"/>
  <c r="F446" i="2"/>
  <c r="F445" i="2"/>
  <c r="H447" i="2" s="1"/>
  <c r="F444" i="2"/>
  <c r="F443" i="2"/>
  <c r="H442" i="2" s="1"/>
  <c r="F442" i="2"/>
  <c r="F441" i="2"/>
  <c r="F440" i="2"/>
  <c r="F439" i="2"/>
  <c r="H441" i="2" s="1"/>
  <c r="F438" i="2"/>
  <c r="F437" i="2"/>
  <c r="F436" i="2"/>
  <c r="F435" i="2"/>
  <c r="F434" i="2"/>
  <c r="F433" i="2"/>
  <c r="H435" i="2" s="1"/>
  <c r="F432" i="2"/>
  <c r="F431" i="2"/>
  <c r="H433" i="2" s="1"/>
  <c r="F430" i="2"/>
  <c r="F429" i="2"/>
  <c r="F428" i="2"/>
  <c r="H430" i="2" s="1"/>
  <c r="F427" i="2"/>
  <c r="H429" i="2" s="1"/>
  <c r="F426" i="2"/>
  <c r="H427" i="2" s="1"/>
  <c r="F425" i="2"/>
  <c r="F424" i="2"/>
  <c r="F423" i="2"/>
  <c r="F422" i="2"/>
  <c r="F421" i="2"/>
  <c r="H423" i="2" s="1"/>
  <c r="F420" i="2"/>
  <c r="F419" i="2"/>
  <c r="F418" i="2"/>
  <c r="F417" i="2"/>
  <c r="F416" i="2"/>
  <c r="F415" i="2"/>
  <c r="H417" i="2" s="1"/>
  <c r="F414" i="2"/>
  <c r="F413" i="2"/>
  <c r="F412" i="2"/>
  <c r="F411" i="2"/>
  <c r="F410" i="2"/>
  <c r="F409" i="2"/>
  <c r="H411" i="2" s="1"/>
  <c r="F408" i="2"/>
  <c r="F407" i="2"/>
  <c r="H409" i="2" s="1"/>
  <c r="F406" i="2"/>
  <c r="F405" i="2"/>
  <c r="F404" i="2"/>
  <c r="F403" i="2"/>
  <c r="H405" i="2" s="1"/>
  <c r="F402" i="2"/>
  <c r="F401" i="2"/>
  <c r="F400" i="2"/>
  <c r="F399" i="2"/>
  <c r="F398" i="2"/>
  <c r="F397" i="2"/>
  <c r="H399" i="2" s="1"/>
  <c r="F396" i="2"/>
  <c r="F395" i="2"/>
  <c r="H394" i="2" s="1"/>
  <c r="F394" i="2"/>
  <c r="F393" i="2"/>
  <c r="F392" i="2"/>
  <c r="F391" i="2"/>
  <c r="H393" i="2" s="1"/>
  <c r="F390" i="2"/>
  <c r="F389" i="2"/>
  <c r="F388" i="2"/>
  <c r="F387" i="2"/>
  <c r="F386" i="2"/>
  <c r="F385" i="2"/>
  <c r="F384" i="2"/>
  <c r="F383" i="2"/>
  <c r="F382" i="2"/>
  <c r="F381" i="2"/>
  <c r="F380" i="2"/>
  <c r="H382" i="2" s="1"/>
  <c r="F379" i="2"/>
  <c r="H381" i="2" s="1"/>
  <c r="F378" i="2"/>
  <c r="F377" i="2"/>
  <c r="F376" i="2"/>
  <c r="F375" i="2"/>
  <c r="F374" i="2"/>
  <c r="F373" i="2"/>
  <c r="H375" i="2" s="1"/>
  <c r="F372" i="2"/>
  <c r="F371" i="2"/>
  <c r="H373" i="2" s="1"/>
  <c r="F370" i="2"/>
  <c r="F369" i="2"/>
  <c r="F368" i="2"/>
  <c r="F367" i="2"/>
  <c r="H369" i="2" s="1"/>
  <c r="F366" i="2"/>
  <c r="F365" i="2"/>
  <c r="F364" i="2"/>
  <c r="F363" i="2"/>
  <c r="F362" i="2"/>
  <c r="F361" i="2"/>
  <c r="H363" i="2" s="1"/>
  <c r="F360" i="2"/>
  <c r="F359" i="2"/>
  <c r="H358" i="2" s="1"/>
  <c r="F358" i="2"/>
  <c r="F357" i="2"/>
  <c r="F356" i="2"/>
  <c r="F355" i="2"/>
  <c r="H357" i="2" s="1"/>
  <c r="F354" i="2"/>
  <c r="H355" i="2" s="1"/>
  <c r="F353" i="2"/>
  <c r="F352" i="2"/>
  <c r="F351" i="2"/>
  <c r="F350" i="2"/>
  <c r="F349" i="2"/>
  <c r="H351" i="2" s="1"/>
  <c r="F348" i="2"/>
  <c r="F347" i="2"/>
  <c r="F346" i="2"/>
  <c r="F345" i="2"/>
  <c r="F344" i="2"/>
  <c r="F343" i="2"/>
  <c r="H345" i="2" s="1"/>
  <c r="F342" i="2"/>
  <c r="H344" i="2" s="1"/>
  <c r="F341" i="2"/>
  <c r="F340" i="2"/>
  <c r="F339" i="2"/>
  <c r="F338" i="2"/>
  <c r="F337" i="2"/>
  <c r="F336" i="2"/>
  <c r="F335" i="2"/>
  <c r="H337" i="2" s="1"/>
  <c r="F334" i="2"/>
  <c r="F333" i="2"/>
  <c r="F332" i="2"/>
  <c r="H334" i="2" s="1"/>
  <c r="F331" i="2"/>
  <c r="H333" i="2" s="1"/>
  <c r="F330" i="2"/>
  <c r="F329" i="2"/>
  <c r="F328" i="2"/>
  <c r="F327" i="2"/>
  <c r="F326" i="2"/>
  <c r="F325" i="2"/>
  <c r="H327" i="2" s="1"/>
  <c r="F324" i="2"/>
  <c r="H326" i="2" s="1"/>
  <c r="F323" i="2"/>
  <c r="H325" i="2" s="1"/>
  <c r="F322" i="2"/>
  <c r="F321" i="2"/>
  <c r="F320" i="2"/>
  <c r="F319" i="2"/>
  <c r="H321" i="2" s="1"/>
  <c r="F318" i="2"/>
  <c r="F317" i="2"/>
  <c r="F316" i="2"/>
  <c r="F315" i="2"/>
  <c r="F314" i="2"/>
  <c r="F313" i="2"/>
  <c r="H315" i="2" s="1"/>
  <c r="F312" i="2"/>
  <c r="F311" i="2"/>
  <c r="H313" i="2" s="1"/>
  <c r="F310" i="2"/>
  <c r="F309" i="2"/>
  <c r="F308" i="2"/>
  <c r="F307" i="2"/>
  <c r="H309" i="2" s="1"/>
  <c r="F306" i="2"/>
  <c r="F305" i="2"/>
  <c r="F304" i="2"/>
  <c r="F303" i="2"/>
  <c r="F302" i="2"/>
  <c r="F301" i="2"/>
  <c r="H303" i="2" s="1"/>
  <c r="F300" i="2"/>
  <c r="F299" i="2"/>
  <c r="F298" i="2"/>
  <c r="F297" i="2"/>
  <c r="F296" i="2"/>
  <c r="F295" i="2"/>
  <c r="H297" i="2" s="1"/>
  <c r="F294" i="2"/>
  <c r="H295" i="2" s="1"/>
  <c r="F293" i="2"/>
  <c r="F292" i="2"/>
  <c r="F291" i="2"/>
  <c r="F290" i="2"/>
  <c r="F289" i="2"/>
  <c r="H291" i="2" s="1"/>
  <c r="F288" i="2"/>
  <c r="F287" i="2"/>
  <c r="F286" i="2"/>
  <c r="F285" i="2"/>
  <c r="F284" i="2"/>
  <c r="H286" i="2" s="1"/>
  <c r="F283" i="2"/>
  <c r="H285" i="2" s="1"/>
  <c r="F282" i="2"/>
  <c r="F281" i="2"/>
  <c r="F280" i="2"/>
  <c r="F279" i="2"/>
  <c r="F278" i="2"/>
  <c r="F277" i="2"/>
  <c r="H279" i="2" s="1"/>
  <c r="F276" i="2"/>
  <c r="H278" i="2" s="1"/>
  <c r="F275" i="2"/>
  <c r="H277" i="2" s="1"/>
  <c r="F274" i="2"/>
  <c r="F273" i="2"/>
  <c r="F272" i="2"/>
  <c r="F271" i="2"/>
  <c r="H273" i="2" s="1"/>
  <c r="F270" i="2"/>
  <c r="F269" i="2"/>
  <c r="F268" i="2"/>
  <c r="F267" i="2"/>
  <c r="F266" i="2"/>
  <c r="F265" i="2"/>
  <c r="H267" i="2" s="1"/>
  <c r="F264" i="2"/>
  <c r="F263" i="2"/>
  <c r="F262" i="2"/>
  <c r="F261" i="2"/>
  <c r="F260" i="2"/>
  <c r="F259" i="2"/>
  <c r="H261" i="2" s="1"/>
  <c r="F258" i="2"/>
  <c r="F257" i="2"/>
  <c r="F256" i="2"/>
  <c r="F255" i="2"/>
  <c r="F254" i="2"/>
  <c r="F253" i="2"/>
  <c r="H255" i="2" s="1"/>
  <c r="F252" i="2"/>
  <c r="F251" i="2"/>
  <c r="F250" i="2"/>
  <c r="F249" i="2"/>
  <c r="F248" i="2"/>
  <c r="F247" i="2"/>
  <c r="H249" i="2" s="1"/>
  <c r="F246" i="2"/>
  <c r="F245" i="2"/>
  <c r="F244" i="2"/>
  <c r="F243" i="2"/>
  <c r="F242" i="2"/>
  <c r="F241" i="2"/>
  <c r="H243" i="2" s="1"/>
  <c r="F240" i="2"/>
  <c r="F239" i="2"/>
  <c r="F238" i="2"/>
  <c r="F237" i="2"/>
  <c r="F236" i="2"/>
  <c r="H238" i="2" s="1"/>
  <c r="F235" i="2"/>
  <c r="H237" i="2" s="1"/>
  <c r="F234" i="2"/>
  <c r="H235" i="2" s="1"/>
  <c r="F233" i="2"/>
  <c r="F232" i="2"/>
  <c r="F231" i="2"/>
  <c r="F230" i="2"/>
  <c r="F229" i="2"/>
  <c r="H231" i="2" s="1"/>
  <c r="F228" i="2"/>
  <c r="F227" i="2"/>
  <c r="H228" i="2" s="1"/>
  <c r="F226" i="2"/>
  <c r="F225" i="2"/>
  <c r="F224" i="2"/>
  <c r="F223" i="2"/>
  <c r="H225" i="2" s="1"/>
  <c r="F222" i="2"/>
  <c r="F221" i="2"/>
  <c r="F220" i="2"/>
  <c r="F219" i="2"/>
  <c r="F218" i="2"/>
  <c r="F217" i="2"/>
  <c r="H219" i="2" s="1"/>
  <c r="F216" i="2"/>
  <c r="F215" i="2"/>
  <c r="H214" i="2" s="1"/>
  <c r="F214" i="2"/>
  <c r="F213" i="2"/>
  <c r="F212" i="2"/>
  <c r="F211" i="2"/>
  <c r="H213" i="2" s="1"/>
  <c r="F210" i="2"/>
  <c r="H211" i="2" s="1"/>
  <c r="F209" i="2"/>
  <c r="F208" i="2"/>
  <c r="F207" i="2"/>
  <c r="F206" i="2"/>
  <c r="F205" i="2"/>
  <c r="F204" i="2"/>
  <c r="F203" i="2"/>
  <c r="F202" i="2"/>
  <c r="F201" i="2"/>
  <c r="F200" i="2"/>
  <c r="F199" i="2"/>
  <c r="H201" i="2" s="1"/>
  <c r="F198" i="2"/>
  <c r="H199" i="2" s="1"/>
  <c r="F197" i="2"/>
  <c r="F196" i="2"/>
  <c r="F195" i="2"/>
  <c r="F194" i="2"/>
  <c r="F193" i="2"/>
  <c r="H195" i="2" s="1"/>
  <c r="F192" i="2"/>
  <c r="F191" i="2"/>
  <c r="H192" i="2" s="1"/>
  <c r="F190" i="2"/>
  <c r="F189" i="2"/>
  <c r="F188" i="2"/>
  <c r="H190" i="2" s="1"/>
  <c r="F187" i="2"/>
  <c r="H189" i="2" s="1"/>
  <c r="F186" i="2"/>
  <c r="F185" i="2"/>
  <c r="F184" i="2"/>
  <c r="F183" i="2"/>
  <c r="F182" i="2"/>
  <c r="F181" i="2"/>
  <c r="H183" i="2" s="1"/>
  <c r="F180" i="2"/>
  <c r="H182" i="2" s="1"/>
  <c r="F179" i="2"/>
  <c r="H181" i="2" s="1"/>
  <c r="F178" i="2"/>
  <c r="F177" i="2"/>
  <c r="F176" i="2"/>
  <c r="F175" i="2"/>
  <c r="F174" i="2"/>
  <c r="F173" i="2"/>
  <c r="F172" i="2"/>
  <c r="F171" i="2"/>
  <c r="F170" i="2"/>
  <c r="F169" i="2"/>
  <c r="H171" i="2" s="1"/>
  <c r="F168" i="2"/>
  <c r="F167" i="2"/>
  <c r="F166" i="2"/>
  <c r="F165" i="2"/>
  <c r="F164" i="2"/>
  <c r="F163" i="2"/>
  <c r="H165" i="2" s="1"/>
  <c r="F162" i="2"/>
  <c r="H163" i="2" s="1"/>
  <c r="F161" i="2"/>
  <c r="F160" i="2"/>
  <c r="F159" i="2"/>
  <c r="F158" i="2"/>
  <c r="F157" i="2"/>
  <c r="H159" i="2" s="1"/>
  <c r="F156" i="2"/>
  <c r="F155" i="2"/>
  <c r="F154" i="2"/>
  <c r="F153" i="2"/>
  <c r="F152" i="2"/>
  <c r="F151" i="2"/>
  <c r="H153" i="2" s="1"/>
  <c r="F150" i="2"/>
  <c r="F149" i="2"/>
  <c r="F148" i="2"/>
  <c r="F147" i="2"/>
  <c r="F146" i="2"/>
  <c r="F145" i="2"/>
  <c r="H147" i="2" s="1"/>
  <c r="F144" i="2"/>
  <c r="F143" i="2"/>
  <c r="F142" i="2"/>
  <c r="F141" i="2"/>
  <c r="F140" i="2"/>
  <c r="H142" i="2" s="1"/>
  <c r="F139" i="2"/>
  <c r="H141" i="2" s="1"/>
  <c r="F138" i="2"/>
  <c r="F137" i="2"/>
  <c r="F136" i="2"/>
  <c r="F135" i="2"/>
  <c r="F134" i="2"/>
  <c r="F133" i="2"/>
  <c r="H135" i="2" s="1"/>
  <c r="F132" i="2"/>
  <c r="F131" i="2"/>
  <c r="H132" i="2" s="1"/>
  <c r="F130" i="2"/>
  <c r="F129" i="2"/>
  <c r="F128" i="2"/>
  <c r="F127" i="2"/>
  <c r="H129" i="2" s="1"/>
  <c r="F126" i="2"/>
  <c r="F125" i="2"/>
  <c r="F124" i="2"/>
  <c r="F123" i="2"/>
  <c r="F122" i="2"/>
  <c r="F121" i="2"/>
  <c r="H123" i="2" s="1"/>
  <c r="F120" i="2"/>
  <c r="F119" i="2"/>
  <c r="H118" i="2" s="1"/>
  <c r="F118" i="2"/>
  <c r="F117" i="2"/>
  <c r="F116" i="2"/>
  <c r="F115" i="2"/>
  <c r="H117" i="2" s="1"/>
  <c r="F114" i="2"/>
  <c r="F113" i="2"/>
  <c r="F112" i="2"/>
  <c r="F111" i="2"/>
  <c r="F110" i="2"/>
  <c r="F109" i="2"/>
  <c r="F108" i="2"/>
  <c r="F107" i="2"/>
  <c r="F106" i="2"/>
  <c r="F105" i="2"/>
  <c r="F104" i="2"/>
  <c r="F103" i="2"/>
  <c r="H105" i="2" s="1"/>
  <c r="F102" i="2"/>
  <c r="H103" i="2" s="1"/>
  <c r="F101" i="2"/>
  <c r="F100" i="2"/>
  <c r="F99" i="2"/>
  <c r="F98" i="2"/>
  <c r="F97" i="2"/>
  <c r="H99" i="2" s="1"/>
  <c r="F96" i="2"/>
  <c r="F95" i="2"/>
  <c r="H96" i="2" s="1"/>
  <c r="F94" i="2"/>
  <c r="F93" i="2"/>
  <c r="F92" i="2"/>
  <c r="H94" i="2" s="1"/>
  <c r="F91" i="2"/>
  <c r="H93" i="2" s="1"/>
  <c r="F90" i="2"/>
  <c r="F89" i="2"/>
  <c r="F88" i="2"/>
  <c r="F87" i="2"/>
  <c r="F86" i="2"/>
  <c r="F85" i="2"/>
  <c r="H87" i="2" s="1"/>
  <c r="F84" i="2"/>
  <c r="H86" i="2" s="1"/>
  <c r="F83" i="2"/>
  <c r="H85" i="2" s="1"/>
  <c r="F82" i="2"/>
  <c r="F81" i="2"/>
  <c r="F80" i="2"/>
  <c r="F79" i="2"/>
  <c r="H81" i="2" s="1"/>
  <c r="F78" i="2"/>
  <c r="F77" i="2"/>
  <c r="F76" i="2"/>
  <c r="F75" i="2"/>
  <c r="F74" i="2"/>
  <c r="F73" i="2"/>
  <c r="H75" i="2" s="1"/>
  <c r="F72" i="2"/>
  <c r="F71" i="2"/>
  <c r="F70" i="2"/>
  <c r="F69" i="2"/>
  <c r="F68" i="2"/>
  <c r="F67" i="2"/>
  <c r="H69" i="2" s="1"/>
  <c r="F66" i="2"/>
  <c r="F65" i="2"/>
  <c r="F64" i="2"/>
  <c r="F63" i="2"/>
  <c r="F62" i="2"/>
  <c r="F61" i="2"/>
  <c r="H63" i="2" s="1"/>
  <c r="F60" i="2"/>
  <c r="F59" i="2"/>
  <c r="F58" i="2"/>
  <c r="F57" i="2"/>
  <c r="F56" i="2"/>
  <c r="F55" i="2"/>
  <c r="H57" i="2" s="1"/>
  <c r="F54" i="2"/>
  <c r="F53" i="2"/>
  <c r="F52" i="2"/>
  <c r="F51" i="2"/>
  <c r="F50" i="2"/>
  <c r="F49" i="2"/>
  <c r="H51" i="2" s="1"/>
  <c r="F48" i="2"/>
  <c r="F47" i="2"/>
  <c r="F46" i="2"/>
  <c r="F45" i="2"/>
  <c r="F44" i="2"/>
  <c r="H46" i="2" s="1"/>
  <c r="F43" i="2"/>
  <c r="H45" i="2" s="1"/>
  <c r="F42" i="2"/>
  <c r="H43" i="2" s="1"/>
  <c r="F41" i="2"/>
  <c r="F40" i="2"/>
  <c r="F39" i="2"/>
  <c r="F38" i="2"/>
  <c r="F37" i="2"/>
  <c r="H39" i="2" s="1"/>
  <c r="F36" i="2"/>
  <c r="F35" i="2"/>
  <c r="H36" i="2" s="1"/>
  <c r="F34" i="2"/>
  <c r="F33" i="2"/>
  <c r="F32" i="2"/>
  <c r="F31" i="2"/>
  <c r="H33" i="2" s="1"/>
  <c r="F30" i="2"/>
  <c r="F29" i="2"/>
  <c r="F28" i="2"/>
  <c r="F27" i="2"/>
  <c r="F26" i="2"/>
  <c r="F25" i="2"/>
  <c r="H27" i="2" s="1"/>
  <c r="F24" i="2"/>
  <c r="F23" i="2"/>
  <c r="H22" i="2" s="1"/>
  <c r="F22" i="2"/>
  <c r="F21" i="2"/>
  <c r="F20" i="2"/>
  <c r="F19" i="2"/>
  <c r="H21" i="2" s="1"/>
  <c r="F18" i="2"/>
  <c r="H19" i="2" s="1"/>
  <c r="F17" i="2"/>
  <c r="F16" i="2"/>
  <c r="F15" i="2"/>
  <c r="F14" i="2"/>
  <c r="F13" i="2"/>
  <c r="F12" i="2"/>
  <c r="F11" i="2"/>
  <c r="F10" i="2"/>
  <c r="F9" i="2"/>
  <c r="F8" i="2"/>
  <c r="F7" i="2"/>
  <c r="H9" i="2" s="1"/>
  <c r="F6" i="2"/>
  <c r="H7" i="2" s="1"/>
  <c r="F5" i="2"/>
  <c r="F4" i="2"/>
  <c r="F3" i="2"/>
  <c r="F2" i="2"/>
  <c r="AC892" i="1"/>
  <c r="AC891" i="1"/>
  <c r="AC879" i="1"/>
  <c r="AC872" i="1"/>
  <c r="AC868" i="1"/>
  <c r="AC860" i="1"/>
  <c r="AC844" i="1"/>
  <c r="AC843" i="1"/>
  <c r="AC831" i="1"/>
  <c r="AC824" i="1"/>
  <c r="AC820" i="1"/>
  <c r="AC812" i="1"/>
  <c r="AC796" i="1"/>
  <c r="AC795" i="1"/>
  <c r="AC783" i="1"/>
  <c r="AC776" i="1"/>
  <c r="AC772" i="1"/>
  <c r="AC764" i="1"/>
  <c r="AC748" i="1"/>
  <c r="AC747" i="1"/>
  <c r="AC735" i="1"/>
  <c r="AC728" i="1"/>
  <c r="AC724" i="1"/>
  <c r="AC716" i="1"/>
  <c r="AC700" i="1"/>
  <c r="AC699" i="1"/>
  <c r="AC687" i="1"/>
  <c r="AC680" i="1"/>
  <c r="AC676" i="1"/>
  <c r="AC668" i="1"/>
  <c r="AC652" i="1"/>
  <c r="AC632" i="1"/>
  <c r="AC628" i="1"/>
  <c r="AC620" i="1"/>
  <c r="AC604" i="1"/>
  <c r="AC580" i="1"/>
  <c r="AC572" i="1"/>
  <c r="AC556" i="1"/>
  <c r="AC532" i="1"/>
  <c r="AC524" i="1"/>
  <c r="AC508" i="1"/>
  <c r="AC484" i="1"/>
  <c r="AC476" i="1"/>
  <c r="AC460" i="1"/>
  <c r="AC436" i="1"/>
  <c r="AC428" i="1"/>
  <c r="AC412" i="1"/>
  <c r="AC388" i="1"/>
  <c r="AC380" i="1"/>
  <c r="AC364" i="1"/>
  <c r="AC340" i="1"/>
  <c r="AC332" i="1"/>
  <c r="AC316" i="1"/>
  <c r="AC294" i="1"/>
  <c r="AC285" i="1"/>
  <c r="AC270" i="1"/>
  <c r="AC246" i="1"/>
  <c r="AC244" i="1"/>
  <c r="AC243" i="1"/>
  <c r="AC241" i="1"/>
  <c r="AC229" i="1"/>
  <c r="AC211" i="1"/>
  <c r="AC210" i="1"/>
  <c r="AC175" i="1"/>
  <c r="AC174" i="1"/>
  <c r="AC139" i="1"/>
  <c r="AC138" i="1"/>
  <c r="AC103" i="1"/>
  <c r="AC102" i="1"/>
  <c r="AC67" i="1"/>
  <c r="AC66" i="1"/>
  <c r="AC31" i="1"/>
  <c r="AC30" i="1"/>
  <c r="AB896" i="1"/>
  <c r="AB895" i="1"/>
  <c r="AB894" i="1"/>
  <c r="AB889" i="1"/>
  <c r="AB888" i="1"/>
  <c r="AB884" i="1"/>
  <c r="AB883" i="1"/>
  <c r="AB872" i="1"/>
  <c r="AB871" i="1"/>
  <c r="AB860" i="1"/>
  <c r="AB859" i="1"/>
  <c r="AB858" i="1"/>
  <c r="AB854" i="1"/>
  <c r="AB848" i="1"/>
  <c r="AB836" i="1"/>
  <c r="AB835" i="1"/>
  <c r="AB830" i="1"/>
  <c r="AB824" i="1"/>
  <c r="AB823" i="1"/>
  <c r="AB822" i="1"/>
  <c r="AB812" i="1"/>
  <c r="AB800" i="1"/>
  <c r="AB799" i="1"/>
  <c r="AB794" i="1"/>
  <c r="AB788" i="1"/>
  <c r="AB787" i="1"/>
  <c r="AB786" i="1"/>
  <c r="AB776" i="1"/>
  <c r="AB764" i="1"/>
  <c r="AB762" i="1"/>
  <c r="AB752" i="1"/>
  <c r="AB750" i="1"/>
  <c r="AB747" i="1"/>
  <c r="AB738" i="1"/>
  <c r="AB735" i="1"/>
  <c r="AB734" i="1"/>
  <c r="AB733" i="1"/>
  <c r="AB728" i="1"/>
  <c r="AB716" i="1"/>
  <c r="AB714" i="1"/>
  <c r="AB704" i="1"/>
  <c r="AB703" i="1"/>
  <c r="AB702" i="1"/>
  <c r="AB699" i="1"/>
  <c r="AB690" i="1"/>
  <c r="AB687" i="1"/>
  <c r="AB680" i="1"/>
  <c r="AB673" i="1"/>
  <c r="AB668" i="1"/>
  <c r="AB666" i="1"/>
  <c r="AB656" i="1"/>
  <c r="AB655" i="1"/>
  <c r="AB654" i="1"/>
  <c r="AB649" i="1"/>
  <c r="AB642" i="1"/>
  <c r="AB639" i="1"/>
  <c r="AB632" i="1"/>
  <c r="AB620" i="1"/>
  <c r="AB618" i="1"/>
  <c r="AB607" i="1"/>
  <c r="AB606" i="1"/>
  <c r="AB594" i="1"/>
  <c r="AB577" i="1"/>
  <c r="AB570" i="1"/>
  <c r="AB559" i="1"/>
  <c r="AB558" i="1"/>
  <c r="AB555" i="1"/>
  <c r="AB553" i="1"/>
  <c r="AB546" i="1"/>
  <c r="AB524" i="1"/>
  <c r="AB522" i="1"/>
  <c r="AB511" i="1"/>
  <c r="AB498" i="1"/>
  <c r="AB481" i="1"/>
  <c r="AB463" i="1"/>
  <c r="AB462" i="1"/>
  <c r="AB459" i="1"/>
  <c r="AB457" i="1"/>
  <c r="AB450" i="1"/>
  <c r="AB428" i="1"/>
  <c r="AB426" i="1"/>
  <c r="AB415" i="1"/>
  <c r="AB402" i="1"/>
  <c r="AB385" i="1"/>
  <c r="AB367" i="1"/>
  <c r="AB366" i="1"/>
  <c r="AB363" i="1"/>
  <c r="AB361" i="1"/>
  <c r="AB354" i="1"/>
  <c r="AB332" i="1"/>
  <c r="AB330" i="1"/>
  <c r="AB319" i="1"/>
  <c r="AB306" i="1"/>
  <c r="AB289" i="1"/>
  <c r="AB271" i="1"/>
  <c r="AB270" i="1"/>
  <c r="AB267" i="1"/>
  <c r="AB265" i="1"/>
  <c r="AB258" i="1"/>
  <c r="AB236" i="1"/>
  <c r="AB234" i="1"/>
  <c r="AB223" i="1"/>
  <c r="AB210" i="1"/>
  <c r="AB193" i="1"/>
  <c r="AB175" i="1"/>
  <c r="AB174" i="1"/>
  <c r="AB171" i="1"/>
  <c r="AB169" i="1"/>
  <c r="AB162" i="1"/>
  <c r="AB140" i="1"/>
  <c r="AB138" i="1"/>
  <c r="AB127" i="1"/>
  <c r="AB115" i="1"/>
  <c r="AB114" i="1"/>
  <c r="AB111" i="1"/>
  <c r="AB109" i="1"/>
  <c r="AB99" i="1"/>
  <c r="AB81" i="1"/>
  <c r="AB79" i="1"/>
  <c r="AB55" i="1"/>
  <c r="AB54" i="1"/>
  <c r="AB51" i="1"/>
  <c r="AB49" i="1"/>
  <c r="AB43" i="1"/>
  <c r="AB39" i="1"/>
  <c r="AB27" i="1"/>
  <c r="AB21" i="1"/>
  <c r="AB13" i="1"/>
  <c r="AA903" i="1"/>
  <c r="AA902" i="1"/>
  <c r="AA901" i="1"/>
  <c r="AA900" i="1"/>
  <c r="AA899" i="1"/>
  <c r="AA898" i="1"/>
  <c r="AA897" i="1"/>
  <c r="AA896" i="1"/>
  <c r="AC896" i="1" s="1"/>
  <c r="AA895" i="1"/>
  <c r="AA894" i="1"/>
  <c r="AA893" i="1"/>
  <c r="AA892" i="1"/>
  <c r="AA891" i="1"/>
  <c r="AA890" i="1"/>
  <c r="AA889" i="1"/>
  <c r="AA888" i="1"/>
  <c r="AA887" i="1"/>
  <c r="AA886" i="1"/>
  <c r="AA885" i="1"/>
  <c r="AA884" i="1"/>
  <c r="AA883" i="1"/>
  <c r="AA882" i="1"/>
  <c r="AA881" i="1"/>
  <c r="AA880" i="1"/>
  <c r="AA879" i="1"/>
  <c r="AA878" i="1"/>
  <c r="AA877" i="1"/>
  <c r="AA876" i="1"/>
  <c r="AA875" i="1"/>
  <c r="AA874" i="1"/>
  <c r="AA873" i="1"/>
  <c r="AA872" i="1"/>
  <c r="AA871" i="1"/>
  <c r="AA870" i="1"/>
  <c r="AA869" i="1"/>
  <c r="AA868" i="1"/>
  <c r="AA867" i="1"/>
  <c r="AA866" i="1"/>
  <c r="AA865" i="1"/>
  <c r="AA864" i="1"/>
  <c r="AA863" i="1"/>
  <c r="AA862" i="1"/>
  <c r="AC862" i="1" s="1"/>
  <c r="AA861" i="1"/>
  <c r="AA860" i="1"/>
  <c r="AA859" i="1"/>
  <c r="AA858" i="1"/>
  <c r="AA857" i="1"/>
  <c r="AA856" i="1"/>
  <c r="AA855" i="1"/>
  <c r="AA854" i="1"/>
  <c r="AA853" i="1"/>
  <c r="AA852" i="1"/>
  <c r="AA851" i="1"/>
  <c r="AA850" i="1"/>
  <c r="AA849" i="1"/>
  <c r="AA848" i="1"/>
  <c r="AC848" i="1" s="1"/>
  <c r="AA847" i="1"/>
  <c r="AA846" i="1"/>
  <c r="AA845" i="1"/>
  <c r="AA844" i="1"/>
  <c r="AA843" i="1"/>
  <c r="AA842" i="1"/>
  <c r="AA841" i="1"/>
  <c r="AA840" i="1"/>
  <c r="AA839" i="1"/>
  <c r="AA838" i="1"/>
  <c r="AA837" i="1"/>
  <c r="AA836" i="1"/>
  <c r="AA835" i="1"/>
  <c r="AA834" i="1"/>
  <c r="AA833" i="1"/>
  <c r="AA832" i="1"/>
  <c r="AA831" i="1"/>
  <c r="AA830" i="1"/>
  <c r="AA829" i="1"/>
  <c r="AA828" i="1"/>
  <c r="AA827" i="1"/>
  <c r="AA826" i="1"/>
  <c r="AA825" i="1"/>
  <c r="AA824" i="1"/>
  <c r="AA823" i="1"/>
  <c r="AA822" i="1"/>
  <c r="AA821" i="1"/>
  <c r="AA820" i="1"/>
  <c r="AA819" i="1"/>
  <c r="AA818" i="1"/>
  <c r="AA817" i="1"/>
  <c r="AA816" i="1"/>
  <c r="AA815" i="1"/>
  <c r="AA814" i="1"/>
  <c r="AC814" i="1" s="1"/>
  <c r="AA813" i="1"/>
  <c r="AA812" i="1"/>
  <c r="AA811" i="1"/>
  <c r="AA810" i="1"/>
  <c r="AA809" i="1"/>
  <c r="AA808" i="1"/>
  <c r="AA807" i="1"/>
  <c r="AA806" i="1"/>
  <c r="AA805" i="1"/>
  <c r="AA804" i="1"/>
  <c r="AA803" i="1"/>
  <c r="AA802" i="1"/>
  <c r="AA801" i="1"/>
  <c r="AA800" i="1"/>
  <c r="AC800" i="1" s="1"/>
  <c r="AA799" i="1"/>
  <c r="AA798" i="1"/>
  <c r="AA797" i="1"/>
  <c r="AA796" i="1"/>
  <c r="AA795" i="1"/>
  <c r="AA794" i="1"/>
  <c r="AA793" i="1"/>
  <c r="AA792" i="1"/>
  <c r="AA791" i="1"/>
  <c r="AA790" i="1"/>
  <c r="AA789" i="1"/>
  <c r="AA788" i="1"/>
  <c r="AA787" i="1"/>
  <c r="AA786" i="1"/>
  <c r="AA785" i="1"/>
  <c r="AA784" i="1"/>
  <c r="AA783" i="1"/>
  <c r="AA782" i="1"/>
  <c r="AA781" i="1"/>
  <c r="AA780" i="1"/>
  <c r="AA779" i="1"/>
  <c r="AA778" i="1"/>
  <c r="AA777" i="1"/>
  <c r="AA776" i="1"/>
  <c r="AA775" i="1"/>
  <c r="AA774" i="1"/>
  <c r="AA773" i="1"/>
  <c r="AA772" i="1"/>
  <c r="AA771" i="1"/>
  <c r="AA770" i="1"/>
  <c r="AA769" i="1"/>
  <c r="AA768" i="1"/>
  <c r="AA767" i="1"/>
  <c r="AA766" i="1"/>
  <c r="AC766" i="1" s="1"/>
  <c r="AA765" i="1"/>
  <c r="AA764" i="1"/>
  <c r="AA763" i="1"/>
  <c r="AA762" i="1"/>
  <c r="AA761" i="1"/>
  <c r="AA760" i="1"/>
  <c r="AA759" i="1"/>
  <c r="AA758" i="1"/>
  <c r="AA757" i="1"/>
  <c r="AA756" i="1"/>
  <c r="AA755" i="1"/>
  <c r="AA754" i="1"/>
  <c r="AA753" i="1"/>
  <c r="AA752" i="1"/>
  <c r="AC752" i="1" s="1"/>
  <c r="AA751" i="1"/>
  <c r="AA750" i="1"/>
  <c r="AA749" i="1"/>
  <c r="AA748" i="1"/>
  <c r="AA747" i="1"/>
  <c r="AA746" i="1"/>
  <c r="AA745" i="1"/>
  <c r="AB745" i="1" s="1"/>
  <c r="AA744" i="1"/>
  <c r="AA743" i="1"/>
  <c r="AA742" i="1"/>
  <c r="AA741" i="1"/>
  <c r="AA740" i="1"/>
  <c r="AB740" i="1" s="1"/>
  <c r="AA739" i="1"/>
  <c r="AA738" i="1"/>
  <c r="AA737" i="1"/>
  <c r="AA736" i="1"/>
  <c r="AA735" i="1"/>
  <c r="AA734" i="1"/>
  <c r="AA733" i="1"/>
  <c r="AA732" i="1"/>
  <c r="AA731" i="1"/>
  <c r="AA730" i="1"/>
  <c r="AA729" i="1"/>
  <c r="AA728" i="1"/>
  <c r="AA727" i="1"/>
  <c r="AA726" i="1"/>
  <c r="AA725" i="1"/>
  <c r="AA724" i="1"/>
  <c r="AA723" i="1"/>
  <c r="AA722" i="1"/>
  <c r="AA721" i="1"/>
  <c r="AA720" i="1"/>
  <c r="AA719" i="1"/>
  <c r="AA718" i="1"/>
  <c r="AC718" i="1" s="1"/>
  <c r="AA717" i="1"/>
  <c r="AA716" i="1"/>
  <c r="AA715" i="1"/>
  <c r="AA714" i="1"/>
  <c r="AA713" i="1"/>
  <c r="AA712" i="1"/>
  <c r="AA711" i="1"/>
  <c r="AA710" i="1"/>
  <c r="AA709" i="1"/>
  <c r="AA708" i="1"/>
  <c r="AA707" i="1"/>
  <c r="AA706" i="1"/>
  <c r="AB706" i="1" s="1"/>
  <c r="AA705" i="1"/>
  <c r="AA704" i="1"/>
  <c r="AC704" i="1" s="1"/>
  <c r="AA703" i="1"/>
  <c r="AA702" i="1"/>
  <c r="AA701" i="1"/>
  <c r="AA700" i="1"/>
  <c r="AA699" i="1"/>
  <c r="AA698" i="1"/>
  <c r="AA697" i="1"/>
  <c r="AA696" i="1"/>
  <c r="AA695" i="1"/>
  <c r="AA694" i="1"/>
  <c r="AA693" i="1"/>
  <c r="AA692" i="1"/>
  <c r="AB692" i="1" s="1"/>
  <c r="AA691" i="1"/>
  <c r="AA690" i="1"/>
  <c r="AA689" i="1"/>
  <c r="AA688" i="1"/>
  <c r="AA687" i="1"/>
  <c r="AA686" i="1"/>
  <c r="AA685" i="1"/>
  <c r="AA684" i="1"/>
  <c r="AA683" i="1"/>
  <c r="AA682" i="1"/>
  <c r="AA681" i="1"/>
  <c r="AA680" i="1"/>
  <c r="AA679" i="1"/>
  <c r="AA678" i="1"/>
  <c r="AA677" i="1"/>
  <c r="AA676" i="1"/>
  <c r="AA675" i="1"/>
  <c r="AA674" i="1"/>
  <c r="AA673" i="1"/>
  <c r="AA672" i="1"/>
  <c r="AA671" i="1"/>
  <c r="AA670" i="1"/>
  <c r="AC670" i="1" s="1"/>
  <c r="AA669" i="1"/>
  <c r="AA668" i="1"/>
  <c r="AA667" i="1"/>
  <c r="AA666" i="1"/>
  <c r="AA665" i="1"/>
  <c r="AA664" i="1"/>
  <c r="AA663" i="1"/>
  <c r="AA662" i="1"/>
  <c r="AA661" i="1"/>
  <c r="AA660" i="1"/>
  <c r="AA659" i="1"/>
  <c r="AA658" i="1"/>
  <c r="AA657" i="1"/>
  <c r="AA656" i="1"/>
  <c r="AC656" i="1" s="1"/>
  <c r="AA655" i="1"/>
  <c r="AA654" i="1"/>
  <c r="AA653" i="1"/>
  <c r="AA652" i="1"/>
  <c r="AA651" i="1"/>
  <c r="AA650" i="1"/>
  <c r="AA649" i="1"/>
  <c r="AA648" i="1"/>
  <c r="AA647" i="1"/>
  <c r="AA646" i="1"/>
  <c r="AA645" i="1"/>
  <c r="AA644" i="1"/>
  <c r="AB644" i="1" s="1"/>
  <c r="AA643" i="1"/>
  <c r="AA642" i="1"/>
  <c r="AA641" i="1"/>
  <c r="AA640" i="1"/>
  <c r="AA639" i="1"/>
  <c r="AA638" i="1"/>
  <c r="AA637" i="1"/>
  <c r="AB637" i="1" s="1"/>
  <c r="AA636" i="1"/>
  <c r="AA635" i="1"/>
  <c r="AA634" i="1"/>
  <c r="AA633" i="1"/>
  <c r="AA632" i="1"/>
  <c r="AA631" i="1"/>
  <c r="AA630" i="1"/>
  <c r="AA629" i="1"/>
  <c r="AA628" i="1"/>
  <c r="AA627" i="1"/>
  <c r="AA626" i="1"/>
  <c r="AA625" i="1"/>
  <c r="AB625" i="1" s="1"/>
  <c r="AA624" i="1"/>
  <c r="AA623" i="1"/>
  <c r="AA622" i="1"/>
  <c r="AC622" i="1" s="1"/>
  <c r="AA621" i="1"/>
  <c r="AA620" i="1"/>
  <c r="AA619" i="1"/>
  <c r="AA618" i="1"/>
  <c r="AA617" i="1"/>
  <c r="AA616" i="1"/>
  <c r="AA615" i="1"/>
  <c r="AA614" i="1"/>
  <c r="AA613" i="1"/>
  <c r="AA612" i="1"/>
  <c r="AA611" i="1"/>
  <c r="AA610" i="1"/>
  <c r="AA609" i="1"/>
  <c r="AA608" i="1"/>
  <c r="AA607" i="1"/>
  <c r="AA606" i="1"/>
  <c r="AA605" i="1"/>
  <c r="AA604" i="1"/>
  <c r="AA603" i="1"/>
  <c r="AA602" i="1"/>
  <c r="AA601" i="1"/>
  <c r="AA600" i="1"/>
  <c r="AA599" i="1"/>
  <c r="AA598" i="1"/>
  <c r="AA597" i="1"/>
  <c r="AA596" i="1"/>
  <c r="AA595" i="1"/>
  <c r="AA594" i="1"/>
  <c r="AA593" i="1"/>
  <c r="AA592" i="1"/>
  <c r="AA591" i="1"/>
  <c r="AA590" i="1"/>
  <c r="AA589" i="1"/>
  <c r="AA588" i="1"/>
  <c r="AA587" i="1"/>
  <c r="AA586" i="1"/>
  <c r="AB586" i="1" s="1"/>
  <c r="AA585" i="1"/>
  <c r="AA584" i="1"/>
  <c r="AA583" i="1"/>
  <c r="AA582" i="1"/>
  <c r="AA581" i="1"/>
  <c r="AA580" i="1"/>
  <c r="AA579" i="1"/>
  <c r="AA578" i="1"/>
  <c r="AA577" i="1"/>
  <c r="AA576" i="1"/>
  <c r="AA575" i="1"/>
  <c r="AA574" i="1"/>
  <c r="AC574" i="1" s="1"/>
  <c r="AA573" i="1"/>
  <c r="AA572" i="1"/>
  <c r="AA571" i="1"/>
  <c r="AA570" i="1"/>
  <c r="AA569" i="1"/>
  <c r="AA568" i="1"/>
  <c r="AA567" i="1"/>
  <c r="AA566" i="1"/>
  <c r="AA565" i="1"/>
  <c r="AA564" i="1"/>
  <c r="AA563" i="1"/>
  <c r="AA562" i="1"/>
  <c r="AA561" i="1"/>
  <c r="AA560" i="1"/>
  <c r="AA559" i="1"/>
  <c r="AA558" i="1"/>
  <c r="AA557" i="1"/>
  <c r="AA556" i="1"/>
  <c r="AA555" i="1"/>
  <c r="AA554" i="1"/>
  <c r="AA553" i="1"/>
  <c r="AA552" i="1"/>
  <c r="AA551" i="1"/>
  <c r="AA550" i="1"/>
  <c r="AA549" i="1"/>
  <c r="AA548" i="1"/>
  <c r="AA547" i="1"/>
  <c r="AA546" i="1"/>
  <c r="AA545" i="1"/>
  <c r="AA544" i="1"/>
  <c r="AA543" i="1"/>
  <c r="AA542" i="1"/>
  <c r="AA541" i="1"/>
  <c r="AA540" i="1"/>
  <c r="AA539" i="1"/>
  <c r="AA538" i="1"/>
  <c r="AA537" i="1"/>
  <c r="AA536" i="1"/>
  <c r="AA535" i="1"/>
  <c r="AA534" i="1"/>
  <c r="AA533" i="1"/>
  <c r="AA532" i="1"/>
  <c r="AA531" i="1"/>
  <c r="AA530" i="1"/>
  <c r="AA529" i="1"/>
  <c r="AB529" i="1" s="1"/>
  <c r="AA528" i="1"/>
  <c r="AA527" i="1"/>
  <c r="AA526" i="1"/>
  <c r="AC526" i="1" s="1"/>
  <c r="AA525" i="1"/>
  <c r="AA524" i="1"/>
  <c r="AA523" i="1"/>
  <c r="AA522" i="1"/>
  <c r="AA521" i="1"/>
  <c r="AA520" i="1"/>
  <c r="AA519" i="1"/>
  <c r="AA518" i="1"/>
  <c r="AA517" i="1"/>
  <c r="AA516" i="1"/>
  <c r="AA515" i="1"/>
  <c r="AA514" i="1"/>
  <c r="AA513" i="1"/>
  <c r="AA512" i="1"/>
  <c r="AA511" i="1"/>
  <c r="AA510" i="1"/>
  <c r="AA509" i="1"/>
  <c r="AA508" i="1"/>
  <c r="AA507" i="1"/>
  <c r="AA506" i="1"/>
  <c r="AA505" i="1"/>
  <c r="AA504" i="1"/>
  <c r="AA503" i="1"/>
  <c r="AA502" i="1"/>
  <c r="AA501" i="1"/>
  <c r="AA500" i="1"/>
  <c r="AA499" i="1"/>
  <c r="AA498" i="1"/>
  <c r="AA497" i="1"/>
  <c r="AA496" i="1"/>
  <c r="AA495" i="1"/>
  <c r="AA494" i="1"/>
  <c r="AA493" i="1"/>
  <c r="AA492" i="1"/>
  <c r="AA491" i="1"/>
  <c r="AA490" i="1"/>
  <c r="AB490" i="1" s="1"/>
  <c r="AA489" i="1"/>
  <c r="AA488" i="1"/>
  <c r="AA487" i="1"/>
  <c r="AA486" i="1"/>
  <c r="AA485" i="1"/>
  <c r="AA484" i="1"/>
  <c r="AA483" i="1"/>
  <c r="AA482" i="1"/>
  <c r="AA481" i="1"/>
  <c r="AA480" i="1"/>
  <c r="AA479" i="1"/>
  <c r="AA478" i="1"/>
  <c r="AC478" i="1" s="1"/>
  <c r="AA477" i="1"/>
  <c r="AA476" i="1"/>
  <c r="AA475" i="1"/>
  <c r="AA474" i="1"/>
  <c r="AA473" i="1"/>
  <c r="AA472" i="1"/>
  <c r="AA471" i="1"/>
  <c r="AA470" i="1"/>
  <c r="AA469" i="1"/>
  <c r="AA468" i="1"/>
  <c r="AA467" i="1"/>
  <c r="AA466" i="1"/>
  <c r="AA465" i="1"/>
  <c r="AA464" i="1"/>
  <c r="AA463" i="1"/>
  <c r="AA462" i="1"/>
  <c r="AA461" i="1"/>
  <c r="AA460" i="1"/>
  <c r="AA459" i="1"/>
  <c r="AA458" i="1"/>
  <c r="AA457" i="1"/>
  <c r="AA456" i="1"/>
  <c r="AA455" i="1"/>
  <c r="AA454" i="1"/>
  <c r="AA453" i="1"/>
  <c r="AA452" i="1"/>
  <c r="AA451" i="1"/>
  <c r="AA450" i="1"/>
  <c r="AA449" i="1"/>
  <c r="AA448" i="1"/>
  <c r="AA447" i="1"/>
  <c r="AA446" i="1"/>
  <c r="AA445" i="1"/>
  <c r="AA444" i="1"/>
  <c r="AA443" i="1"/>
  <c r="AA442" i="1"/>
  <c r="AA441" i="1"/>
  <c r="AA440" i="1"/>
  <c r="AA439" i="1"/>
  <c r="AA438" i="1"/>
  <c r="AA437" i="1"/>
  <c r="AA436" i="1"/>
  <c r="AA435" i="1"/>
  <c r="AA434" i="1"/>
  <c r="AA433" i="1"/>
  <c r="AB433" i="1" s="1"/>
  <c r="AA432" i="1"/>
  <c r="AA431" i="1"/>
  <c r="AA430" i="1"/>
  <c r="AC430" i="1" s="1"/>
  <c r="AA429" i="1"/>
  <c r="AA428" i="1"/>
  <c r="AA427" i="1"/>
  <c r="AA426" i="1"/>
  <c r="AA425" i="1"/>
  <c r="AA424" i="1"/>
  <c r="AA423" i="1"/>
  <c r="AA422" i="1"/>
  <c r="AA421" i="1"/>
  <c r="AA420" i="1"/>
  <c r="AA419" i="1"/>
  <c r="AA418" i="1"/>
  <c r="AA417" i="1"/>
  <c r="AA416" i="1"/>
  <c r="AA415" i="1"/>
  <c r="AA414" i="1"/>
  <c r="AA413" i="1"/>
  <c r="AA412" i="1"/>
  <c r="AA411" i="1"/>
  <c r="AA410" i="1"/>
  <c r="AA409" i="1"/>
  <c r="AA408" i="1"/>
  <c r="AA407" i="1"/>
  <c r="AA406" i="1"/>
  <c r="AA405" i="1"/>
  <c r="AA404" i="1"/>
  <c r="AA403" i="1"/>
  <c r="AA402" i="1"/>
  <c r="AA401" i="1"/>
  <c r="AA400" i="1"/>
  <c r="AA399" i="1"/>
  <c r="AA398" i="1"/>
  <c r="AA397" i="1"/>
  <c r="AA396" i="1"/>
  <c r="AA395" i="1"/>
  <c r="AA394" i="1"/>
  <c r="AB394" i="1" s="1"/>
  <c r="AA393" i="1"/>
  <c r="AA392" i="1"/>
  <c r="AA391" i="1"/>
  <c r="AA390" i="1"/>
  <c r="AA389" i="1"/>
  <c r="AA388" i="1"/>
  <c r="AA387" i="1"/>
  <c r="AA386" i="1"/>
  <c r="AA385" i="1"/>
  <c r="AA384" i="1"/>
  <c r="AA383" i="1"/>
  <c r="AA382" i="1"/>
  <c r="AC382" i="1" s="1"/>
  <c r="AA381" i="1"/>
  <c r="AA380" i="1"/>
  <c r="AA379" i="1"/>
  <c r="AA378" i="1"/>
  <c r="AA377" i="1"/>
  <c r="AA376" i="1"/>
  <c r="AA375" i="1"/>
  <c r="AA374" i="1"/>
  <c r="AA373" i="1"/>
  <c r="AA372" i="1"/>
  <c r="AA371" i="1"/>
  <c r="AA370" i="1"/>
  <c r="AA369" i="1"/>
  <c r="AA368" i="1"/>
  <c r="AA367" i="1"/>
  <c r="AA366" i="1"/>
  <c r="AA365" i="1"/>
  <c r="AA364" i="1"/>
  <c r="AA363" i="1"/>
  <c r="AA362" i="1"/>
  <c r="AA361" i="1"/>
  <c r="AA360" i="1"/>
  <c r="AA359" i="1"/>
  <c r="AA358" i="1"/>
  <c r="AA357" i="1"/>
  <c r="AA356" i="1"/>
  <c r="AA355" i="1"/>
  <c r="AA354" i="1"/>
  <c r="AA353" i="1"/>
  <c r="AA352" i="1"/>
  <c r="AA351" i="1"/>
  <c r="AA350" i="1"/>
  <c r="AA349" i="1"/>
  <c r="AA348" i="1"/>
  <c r="AA347" i="1"/>
  <c r="AA346" i="1"/>
  <c r="AA345" i="1"/>
  <c r="AA344" i="1"/>
  <c r="AA343" i="1"/>
  <c r="AA342" i="1"/>
  <c r="AA341" i="1"/>
  <c r="AA340" i="1"/>
  <c r="AA339" i="1"/>
  <c r="AA338" i="1"/>
  <c r="AA337" i="1"/>
  <c r="AB337" i="1" s="1"/>
  <c r="AA336" i="1"/>
  <c r="AA335" i="1"/>
  <c r="AA334" i="1"/>
  <c r="AC334" i="1" s="1"/>
  <c r="AA333" i="1"/>
  <c r="AA332" i="1"/>
  <c r="AA331" i="1"/>
  <c r="AA330" i="1"/>
  <c r="AA329" i="1"/>
  <c r="AA328" i="1"/>
  <c r="AA327" i="1"/>
  <c r="AA326" i="1"/>
  <c r="AA325" i="1"/>
  <c r="AA324" i="1"/>
  <c r="AA323" i="1"/>
  <c r="AA322" i="1"/>
  <c r="AA321" i="1"/>
  <c r="AA320" i="1"/>
  <c r="AA319" i="1"/>
  <c r="AA318" i="1"/>
  <c r="AA317" i="1"/>
  <c r="AA316" i="1"/>
  <c r="AA315" i="1"/>
  <c r="AA314" i="1"/>
  <c r="AA313" i="1"/>
  <c r="AA312" i="1"/>
  <c r="AA311" i="1"/>
  <c r="AA310" i="1"/>
  <c r="AA309" i="1"/>
  <c r="AA308" i="1"/>
  <c r="AA307" i="1"/>
  <c r="AA306" i="1"/>
  <c r="AA305" i="1"/>
  <c r="AA304" i="1"/>
  <c r="AA303" i="1"/>
  <c r="AA302" i="1"/>
  <c r="AA301" i="1"/>
  <c r="AA300" i="1"/>
  <c r="AA299" i="1"/>
  <c r="AA298" i="1"/>
  <c r="AB298" i="1" s="1"/>
  <c r="AA297" i="1"/>
  <c r="AA296" i="1"/>
  <c r="AA295" i="1"/>
  <c r="AA294" i="1"/>
  <c r="AA293" i="1"/>
  <c r="AA292" i="1"/>
  <c r="AA291" i="1"/>
  <c r="AA290" i="1"/>
  <c r="AA289" i="1"/>
  <c r="AC289" i="1" s="1"/>
  <c r="AA288" i="1"/>
  <c r="AA287" i="1"/>
  <c r="AA286" i="1"/>
  <c r="AA285" i="1"/>
  <c r="AA284" i="1"/>
  <c r="AA283" i="1"/>
  <c r="AA282" i="1"/>
  <c r="AA281" i="1"/>
  <c r="AA280" i="1"/>
  <c r="AA279" i="1"/>
  <c r="AA278" i="1"/>
  <c r="AA277" i="1"/>
  <c r="AA276" i="1"/>
  <c r="AA275" i="1"/>
  <c r="AA274" i="1"/>
  <c r="AA273" i="1"/>
  <c r="AC273" i="1" s="1"/>
  <c r="AA272" i="1"/>
  <c r="AA271" i="1"/>
  <c r="AA270" i="1"/>
  <c r="AA269" i="1"/>
  <c r="AA268" i="1"/>
  <c r="AA267" i="1"/>
  <c r="AA266" i="1"/>
  <c r="AA265" i="1"/>
  <c r="AA264" i="1"/>
  <c r="AA263" i="1"/>
  <c r="AA262" i="1"/>
  <c r="AA261" i="1"/>
  <c r="AC261" i="1" s="1"/>
  <c r="AA260" i="1"/>
  <c r="AA259" i="1"/>
  <c r="AA258" i="1"/>
  <c r="AA257" i="1"/>
  <c r="AA256" i="1"/>
  <c r="AA255" i="1"/>
  <c r="AA254" i="1"/>
  <c r="AA253" i="1"/>
  <c r="AA252" i="1"/>
  <c r="AA251" i="1"/>
  <c r="AA250" i="1"/>
  <c r="AA249" i="1"/>
  <c r="AA248" i="1"/>
  <c r="AA247" i="1"/>
  <c r="AA246" i="1"/>
  <c r="AA245" i="1"/>
  <c r="AA244" i="1"/>
  <c r="AA243" i="1"/>
  <c r="AA242" i="1"/>
  <c r="AA241" i="1"/>
  <c r="AB241" i="1" s="1"/>
  <c r="AA240" i="1"/>
  <c r="AA239" i="1"/>
  <c r="AA238" i="1"/>
  <c r="AA237" i="1"/>
  <c r="AA236" i="1"/>
  <c r="AA235" i="1"/>
  <c r="AA234" i="1"/>
  <c r="AA233" i="1"/>
  <c r="AA232" i="1"/>
  <c r="AA231" i="1"/>
  <c r="AA230" i="1"/>
  <c r="AA229" i="1"/>
  <c r="AA228" i="1"/>
  <c r="AA227" i="1"/>
  <c r="AA226" i="1"/>
  <c r="AA225" i="1"/>
  <c r="AC225" i="1" s="1"/>
  <c r="AA224" i="1"/>
  <c r="AA223" i="1"/>
  <c r="AA222" i="1"/>
  <c r="AA221" i="1"/>
  <c r="AA220" i="1"/>
  <c r="AA219" i="1"/>
  <c r="AA218" i="1"/>
  <c r="AA217" i="1"/>
  <c r="AA216" i="1"/>
  <c r="AA215" i="1"/>
  <c r="AA214" i="1"/>
  <c r="AA213" i="1"/>
  <c r="AA212" i="1"/>
  <c r="AA211" i="1"/>
  <c r="AA210" i="1"/>
  <c r="AA209" i="1"/>
  <c r="AA208" i="1"/>
  <c r="AA207" i="1"/>
  <c r="AA206" i="1"/>
  <c r="AA205" i="1"/>
  <c r="AA204" i="1"/>
  <c r="AA203" i="1"/>
  <c r="AA202" i="1"/>
  <c r="AC202" i="1" s="1"/>
  <c r="AA201" i="1"/>
  <c r="AA200" i="1"/>
  <c r="AA199" i="1"/>
  <c r="AA198" i="1"/>
  <c r="AA197" i="1"/>
  <c r="AA196" i="1"/>
  <c r="AA195" i="1"/>
  <c r="AA194" i="1"/>
  <c r="AA193" i="1"/>
  <c r="AA192" i="1"/>
  <c r="AA191" i="1"/>
  <c r="AA190" i="1"/>
  <c r="AA189" i="1"/>
  <c r="AA188" i="1"/>
  <c r="AA187" i="1"/>
  <c r="AA186" i="1"/>
  <c r="AA185" i="1"/>
  <c r="AA184" i="1"/>
  <c r="AA183" i="1"/>
  <c r="AA182" i="1"/>
  <c r="AA181" i="1"/>
  <c r="AA180" i="1"/>
  <c r="AA179" i="1"/>
  <c r="AA178" i="1"/>
  <c r="AA177" i="1"/>
  <c r="AA176" i="1"/>
  <c r="AA175" i="1"/>
  <c r="AA174" i="1"/>
  <c r="AA173" i="1"/>
  <c r="AA172" i="1"/>
  <c r="AA171" i="1"/>
  <c r="AA170" i="1"/>
  <c r="AA169" i="1"/>
  <c r="AA168" i="1"/>
  <c r="AA167" i="1"/>
  <c r="AA166" i="1"/>
  <c r="AC166" i="1" s="1"/>
  <c r="AA165" i="1"/>
  <c r="AA164" i="1"/>
  <c r="AA163" i="1"/>
  <c r="AA162" i="1"/>
  <c r="AA161" i="1"/>
  <c r="AA160" i="1"/>
  <c r="AA159" i="1"/>
  <c r="AA158" i="1"/>
  <c r="AA157" i="1"/>
  <c r="AA156" i="1"/>
  <c r="AA155" i="1"/>
  <c r="AA154" i="1"/>
  <c r="AA153" i="1"/>
  <c r="AA152" i="1"/>
  <c r="AA151" i="1"/>
  <c r="AA150" i="1"/>
  <c r="AA149" i="1"/>
  <c r="AA148" i="1"/>
  <c r="AA147" i="1"/>
  <c r="AA146" i="1"/>
  <c r="AA145" i="1"/>
  <c r="AB145" i="1" s="1"/>
  <c r="AA144" i="1"/>
  <c r="AA143" i="1"/>
  <c r="AA142" i="1"/>
  <c r="AA141" i="1"/>
  <c r="AA140" i="1"/>
  <c r="AA139" i="1"/>
  <c r="AA138" i="1"/>
  <c r="AA137" i="1"/>
  <c r="AA136" i="1"/>
  <c r="AA135" i="1"/>
  <c r="AA134" i="1"/>
  <c r="AA133" i="1"/>
  <c r="AA132" i="1"/>
  <c r="AA131" i="1"/>
  <c r="AA130" i="1"/>
  <c r="AC130" i="1" s="1"/>
  <c r="AA129" i="1"/>
  <c r="AA128" i="1"/>
  <c r="AA127" i="1"/>
  <c r="AA126" i="1"/>
  <c r="AA125" i="1"/>
  <c r="AA124" i="1"/>
  <c r="AA123" i="1"/>
  <c r="AA122" i="1"/>
  <c r="AA121" i="1"/>
  <c r="AA120" i="1"/>
  <c r="AA119" i="1"/>
  <c r="AA118" i="1"/>
  <c r="AA117" i="1"/>
  <c r="AA116" i="1"/>
  <c r="AA115" i="1"/>
  <c r="AA114" i="1"/>
  <c r="AA113" i="1"/>
  <c r="AA112" i="1"/>
  <c r="AA111" i="1"/>
  <c r="AA110" i="1"/>
  <c r="AA109" i="1"/>
  <c r="AA108" i="1"/>
  <c r="AA107" i="1"/>
  <c r="AA106" i="1"/>
  <c r="AA105" i="1"/>
  <c r="AA104" i="1"/>
  <c r="AA103" i="1"/>
  <c r="AA102" i="1"/>
  <c r="AA101" i="1"/>
  <c r="AA100" i="1"/>
  <c r="AA99" i="1"/>
  <c r="AA98" i="1"/>
  <c r="AA97" i="1"/>
  <c r="AB97" i="1" s="1"/>
  <c r="AA96" i="1"/>
  <c r="AA95" i="1"/>
  <c r="AA94" i="1"/>
  <c r="AC94" i="1" s="1"/>
  <c r="AA93" i="1"/>
  <c r="AB93" i="1" s="1"/>
  <c r="AA92" i="1"/>
  <c r="AA91" i="1"/>
  <c r="AA90" i="1"/>
  <c r="AA89" i="1"/>
  <c r="AA88" i="1"/>
  <c r="AA87" i="1"/>
  <c r="AA86" i="1"/>
  <c r="AA85" i="1"/>
  <c r="AB85" i="1" s="1"/>
  <c r="AA84" i="1"/>
  <c r="AA83" i="1"/>
  <c r="AA82" i="1"/>
  <c r="AA81" i="1"/>
  <c r="AA80" i="1"/>
  <c r="AA79" i="1"/>
  <c r="AA78" i="1"/>
  <c r="AA77" i="1"/>
  <c r="AA76" i="1"/>
  <c r="AA75" i="1"/>
  <c r="AA74" i="1"/>
  <c r="AA73" i="1"/>
  <c r="AA72" i="1"/>
  <c r="AA71" i="1"/>
  <c r="AA70" i="1"/>
  <c r="AA69" i="1"/>
  <c r="AB69" i="1" s="1"/>
  <c r="AA68" i="1"/>
  <c r="AA67" i="1"/>
  <c r="AA66" i="1"/>
  <c r="AA65" i="1"/>
  <c r="AA64" i="1"/>
  <c r="AA63" i="1"/>
  <c r="AA62" i="1"/>
  <c r="AA61" i="1"/>
  <c r="AA60" i="1"/>
  <c r="AA59" i="1"/>
  <c r="AA58" i="1"/>
  <c r="AC58" i="1" s="1"/>
  <c r="AA57" i="1"/>
  <c r="AB57" i="1" s="1"/>
  <c r="AA56" i="1"/>
  <c r="AA55" i="1"/>
  <c r="AA54" i="1"/>
  <c r="AA53" i="1"/>
  <c r="AA52" i="1"/>
  <c r="AA51" i="1"/>
  <c r="AA50" i="1"/>
  <c r="AA49" i="1"/>
  <c r="AA48" i="1"/>
  <c r="AA47" i="1"/>
  <c r="AA46" i="1"/>
  <c r="AA45" i="1"/>
  <c r="AA44" i="1"/>
  <c r="AA43" i="1"/>
  <c r="AA42" i="1"/>
  <c r="AA41" i="1"/>
  <c r="AA40" i="1"/>
  <c r="AA39" i="1"/>
  <c r="AA38" i="1"/>
  <c r="AA37" i="1"/>
  <c r="AA36" i="1"/>
  <c r="AA35" i="1"/>
  <c r="AA34" i="1"/>
  <c r="AA33" i="1"/>
  <c r="AA32" i="1"/>
  <c r="AA31" i="1"/>
  <c r="AA30" i="1"/>
  <c r="AA29" i="1"/>
  <c r="AA28" i="1"/>
  <c r="AA27" i="1"/>
  <c r="AA26" i="1"/>
  <c r="AA25" i="1"/>
  <c r="AB25" i="1" s="1"/>
  <c r="AA24" i="1"/>
  <c r="AA23" i="1"/>
  <c r="AA22" i="1"/>
  <c r="AC22" i="1" s="1"/>
  <c r="AA21" i="1"/>
  <c r="AA20" i="1"/>
  <c r="AA19" i="1"/>
  <c r="AA18" i="1"/>
  <c r="AA17" i="1"/>
  <c r="AA16" i="1"/>
  <c r="AA15" i="1"/>
  <c r="AA14" i="1"/>
  <c r="AA13" i="1"/>
  <c r="AA12" i="1"/>
  <c r="AA11" i="1"/>
  <c r="AA10" i="1"/>
  <c r="AA9" i="1"/>
  <c r="AB9" i="1" s="1"/>
  <c r="AA8" i="1"/>
  <c r="AA7" i="1"/>
  <c r="AA6" i="1"/>
  <c r="AA5" i="1"/>
  <c r="AA4" i="1"/>
  <c r="AA3" i="1"/>
  <c r="Z903" i="1"/>
  <c r="AB903" i="1" s="1"/>
  <c r="Z902" i="1"/>
  <c r="AC902" i="1" s="1"/>
  <c r="Z901" i="1"/>
  <c r="Z900" i="1"/>
  <c r="Z899" i="1"/>
  <c r="Z898" i="1"/>
  <c r="Z897" i="1"/>
  <c r="Z896" i="1"/>
  <c r="Z895" i="1"/>
  <c r="AC895" i="1" s="1"/>
  <c r="Z894" i="1"/>
  <c r="AC894" i="1" s="1"/>
  <c r="Z893" i="1"/>
  <c r="Z892" i="1"/>
  <c r="Z891" i="1"/>
  <c r="AB891" i="1" s="1"/>
  <c r="Z890" i="1"/>
  <c r="AB890" i="1" s="1"/>
  <c r="Z889" i="1"/>
  <c r="Z888" i="1"/>
  <c r="AC888" i="1" s="1"/>
  <c r="Z887" i="1"/>
  <c r="AB887" i="1" s="1"/>
  <c r="Z886" i="1"/>
  <c r="Z885" i="1"/>
  <c r="Z884" i="1"/>
  <c r="AC884" i="1" s="1"/>
  <c r="Z883" i="1"/>
  <c r="AC883" i="1" s="1"/>
  <c r="Z882" i="1"/>
  <c r="AC882" i="1" s="1"/>
  <c r="Z881" i="1"/>
  <c r="Z880" i="1"/>
  <c r="Z879" i="1"/>
  <c r="AB879" i="1" s="1"/>
  <c r="Z878" i="1"/>
  <c r="Z877" i="1"/>
  <c r="Z876" i="1"/>
  <c r="AC876" i="1" s="1"/>
  <c r="Z875" i="1"/>
  <c r="AC875" i="1" s="1"/>
  <c r="Z874" i="1"/>
  <c r="AB874" i="1" s="1"/>
  <c r="Z873" i="1"/>
  <c r="Z872" i="1"/>
  <c r="Z871" i="1"/>
  <c r="AC871" i="1" s="1"/>
  <c r="Z870" i="1"/>
  <c r="AC870" i="1" s="1"/>
  <c r="Z869" i="1"/>
  <c r="Z868" i="1"/>
  <c r="Z867" i="1"/>
  <c r="Z866" i="1"/>
  <c r="AC866" i="1" s="1"/>
  <c r="Z865" i="1"/>
  <c r="Z864" i="1"/>
  <c r="AB864" i="1" s="1"/>
  <c r="Z863" i="1"/>
  <c r="AB863" i="1" s="1"/>
  <c r="Z862" i="1"/>
  <c r="Z861" i="1"/>
  <c r="Z860" i="1"/>
  <c r="Z859" i="1"/>
  <c r="AC859" i="1" s="1"/>
  <c r="Z858" i="1"/>
  <c r="AC858" i="1" s="1"/>
  <c r="Z857" i="1"/>
  <c r="Z856" i="1"/>
  <c r="Z855" i="1"/>
  <c r="AB855" i="1" s="1"/>
  <c r="Z854" i="1"/>
  <c r="AC854" i="1" s="1"/>
  <c r="Z853" i="1"/>
  <c r="AB853" i="1" s="1"/>
  <c r="Z852" i="1"/>
  <c r="AC852" i="1" s="1"/>
  <c r="Z851" i="1"/>
  <c r="Z850" i="1"/>
  <c r="AB850" i="1" s="1"/>
  <c r="Z849" i="1"/>
  <c r="Z848" i="1"/>
  <c r="Z847" i="1"/>
  <c r="AC847" i="1" s="1"/>
  <c r="Z846" i="1"/>
  <c r="AC846" i="1" s="1"/>
  <c r="Z845" i="1"/>
  <c r="Z844" i="1"/>
  <c r="Z843" i="1"/>
  <c r="AB843" i="1" s="1"/>
  <c r="Z842" i="1"/>
  <c r="AB842" i="1" s="1"/>
  <c r="Z841" i="1"/>
  <c r="Z840" i="1"/>
  <c r="AC840" i="1" s="1"/>
  <c r="Z839" i="1"/>
  <c r="AB839" i="1" s="1"/>
  <c r="Z838" i="1"/>
  <c r="Z837" i="1"/>
  <c r="Z836" i="1"/>
  <c r="AC836" i="1" s="1"/>
  <c r="Z835" i="1"/>
  <c r="AC835" i="1" s="1"/>
  <c r="Z834" i="1"/>
  <c r="AC834" i="1" s="1"/>
  <c r="Z833" i="1"/>
  <c r="Z832" i="1"/>
  <c r="Z831" i="1"/>
  <c r="AB831" i="1" s="1"/>
  <c r="Z830" i="1"/>
  <c r="AC830" i="1" s="1"/>
  <c r="Z829" i="1"/>
  <c r="Z828" i="1"/>
  <c r="Z827" i="1"/>
  <c r="Z826" i="1"/>
  <c r="Z825" i="1"/>
  <c r="Z824" i="1"/>
  <c r="Z823" i="1"/>
  <c r="AC823" i="1" s="1"/>
  <c r="Z822" i="1"/>
  <c r="AC822" i="1" s="1"/>
  <c r="Z821" i="1"/>
  <c r="Z820" i="1"/>
  <c r="Z819" i="1"/>
  <c r="Z818" i="1"/>
  <c r="AC818" i="1" s="1"/>
  <c r="Z817" i="1"/>
  <c r="AB817" i="1" s="1"/>
  <c r="Z816" i="1"/>
  <c r="AC816" i="1" s="1"/>
  <c r="Z815" i="1"/>
  <c r="AB815" i="1" s="1"/>
  <c r="Z814" i="1"/>
  <c r="AB814" i="1" s="1"/>
  <c r="Z813" i="1"/>
  <c r="Z812" i="1"/>
  <c r="Z811" i="1"/>
  <c r="AC811" i="1" s="1"/>
  <c r="Z810" i="1"/>
  <c r="AC810" i="1" s="1"/>
  <c r="Z809" i="1"/>
  <c r="Z808" i="1"/>
  <c r="Z807" i="1"/>
  <c r="AB807" i="1" s="1"/>
  <c r="Z806" i="1"/>
  <c r="Z805" i="1"/>
  <c r="Z804" i="1"/>
  <c r="AC804" i="1" s="1"/>
  <c r="Z803" i="1"/>
  <c r="AC803" i="1" s="1"/>
  <c r="Z802" i="1"/>
  <c r="Z801" i="1"/>
  <c r="Z800" i="1"/>
  <c r="Z799" i="1"/>
  <c r="AC799" i="1" s="1"/>
  <c r="Z798" i="1"/>
  <c r="AC798" i="1" s="1"/>
  <c r="Z797" i="1"/>
  <c r="Z796" i="1"/>
  <c r="Z795" i="1"/>
  <c r="AB795" i="1" s="1"/>
  <c r="Z794" i="1"/>
  <c r="AC794" i="1" s="1"/>
  <c r="Z793" i="1"/>
  <c r="Z792" i="1"/>
  <c r="AB792" i="1" s="1"/>
  <c r="Z791" i="1"/>
  <c r="AB791" i="1" s="1"/>
  <c r="Z790" i="1"/>
  <c r="Z789" i="1"/>
  <c r="Z788" i="1"/>
  <c r="AC788" i="1" s="1"/>
  <c r="Z787" i="1"/>
  <c r="AC787" i="1" s="1"/>
  <c r="Z786" i="1"/>
  <c r="AC786" i="1" s="1"/>
  <c r="Z785" i="1"/>
  <c r="Z784" i="1"/>
  <c r="Z783" i="1"/>
  <c r="AB783" i="1" s="1"/>
  <c r="Z782" i="1"/>
  <c r="AC782" i="1" s="1"/>
  <c r="Z781" i="1"/>
  <c r="AB781" i="1" s="1"/>
  <c r="Z780" i="1"/>
  <c r="AC780" i="1" s="1"/>
  <c r="Z779" i="1"/>
  <c r="Z778" i="1"/>
  <c r="Z777" i="1"/>
  <c r="Z776" i="1"/>
  <c r="Z775" i="1"/>
  <c r="AC775" i="1" s="1"/>
  <c r="Z774" i="1"/>
  <c r="AC774" i="1" s="1"/>
  <c r="Z773" i="1"/>
  <c r="Z772" i="1"/>
  <c r="Z771" i="1"/>
  <c r="AC771" i="1" s="1"/>
  <c r="Z770" i="1"/>
  <c r="Z769" i="1"/>
  <c r="Z768" i="1"/>
  <c r="AC768" i="1" s="1"/>
  <c r="Z767" i="1"/>
  <c r="AC767" i="1" s="1"/>
  <c r="Z766" i="1"/>
  <c r="AB766" i="1" s="1"/>
  <c r="Z765" i="1"/>
  <c r="Z764" i="1"/>
  <c r="Z763" i="1"/>
  <c r="AC763" i="1" s="1"/>
  <c r="Z762" i="1"/>
  <c r="AC762" i="1" s="1"/>
  <c r="Z761" i="1"/>
  <c r="Z760" i="1"/>
  <c r="Z759" i="1"/>
  <c r="AC759" i="1" s="1"/>
  <c r="Z758" i="1"/>
  <c r="Z757" i="1"/>
  <c r="Z756" i="1"/>
  <c r="Z755" i="1"/>
  <c r="Z754" i="1"/>
  <c r="AB754" i="1" s="1"/>
  <c r="Z753" i="1"/>
  <c r="Z752" i="1"/>
  <c r="Z751" i="1"/>
  <c r="AC751" i="1" s="1"/>
  <c r="Z750" i="1"/>
  <c r="AC750" i="1" s="1"/>
  <c r="Z749" i="1"/>
  <c r="Z748" i="1"/>
  <c r="Z747" i="1"/>
  <c r="Z746" i="1"/>
  <c r="AB746" i="1" s="1"/>
  <c r="Z745" i="1"/>
  <c r="Z744" i="1"/>
  <c r="AB744" i="1" s="1"/>
  <c r="Z743" i="1"/>
  <c r="AB743" i="1" s="1"/>
  <c r="Z742" i="1"/>
  <c r="Z741" i="1"/>
  <c r="Z740" i="1"/>
  <c r="AC740" i="1" s="1"/>
  <c r="Z739" i="1"/>
  <c r="Z738" i="1"/>
  <c r="AC738" i="1" s="1"/>
  <c r="Z737" i="1"/>
  <c r="Z736" i="1"/>
  <c r="Z735" i="1"/>
  <c r="Z734" i="1"/>
  <c r="AC734" i="1" s="1"/>
  <c r="Z733" i="1"/>
  <c r="Z732" i="1"/>
  <c r="AC732" i="1" s="1"/>
  <c r="Z731" i="1"/>
  <c r="Z730" i="1"/>
  <c r="AB730" i="1" s="1"/>
  <c r="Z729" i="1"/>
  <c r="Z728" i="1"/>
  <c r="Z727" i="1"/>
  <c r="Z726" i="1"/>
  <c r="AC726" i="1" s="1"/>
  <c r="Z725" i="1"/>
  <c r="Z724" i="1"/>
  <c r="Z723" i="1"/>
  <c r="AC723" i="1" s="1"/>
  <c r="Z722" i="1"/>
  <c r="Z721" i="1"/>
  <c r="AB721" i="1" s="1"/>
  <c r="Z720" i="1"/>
  <c r="AC720" i="1" s="1"/>
  <c r="Z719" i="1"/>
  <c r="AB719" i="1" s="1"/>
  <c r="Z718" i="1"/>
  <c r="AB718" i="1" s="1"/>
  <c r="Z717" i="1"/>
  <c r="Z716" i="1"/>
  <c r="Z715" i="1"/>
  <c r="Z714" i="1"/>
  <c r="AC714" i="1" s="1"/>
  <c r="Z713" i="1"/>
  <c r="Z712" i="1"/>
  <c r="Z711" i="1"/>
  <c r="AC711" i="1" s="1"/>
  <c r="Z710" i="1"/>
  <c r="Z709" i="1"/>
  <c r="Z708" i="1"/>
  <c r="Z707" i="1"/>
  <c r="Z706" i="1"/>
  <c r="Z705" i="1"/>
  <c r="Z704" i="1"/>
  <c r="Z703" i="1"/>
  <c r="AC703" i="1" s="1"/>
  <c r="Z702" i="1"/>
  <c r="AC702" i="1" s="1"/>
  <c r="Z701" i="1"/>
  <c r="Z700" i="1"/>
  <c r="Z699" i="1"/>
  <c r="Z698" i="1"/>
  <c r="AB698" i="1" s="1"/>
  <c r="Z697" i="1"/>
  <c r="AB697" i="1" s="1"/>
  <c r="Z696" i="1"/>
  <c r="AB696" i="1" s="1"/>
  <c r="Z695" i="1"/>
  <c r="AB695" i="1" s="1"/>
  <c r="Z694" i="1"/>
  <c r="Z693" i="1"/>
  <c r="Z692" i="1"/>
  <c r="AC692" i="1" s="1"/>
  <c r="Z691" i="1"/>
  <c r="Z690" i="1"/>
  <c r="AC690" i="1" s="1"/>
  <c r="Z689" i="1"/>
  <c r="Z688" i="1"/>
  <c r="Z687" i="1"/>
  <c r="Z686" i="1"/>
  <c r="AC686" i="1" s="1"/>
  <c r="Z685" i="1"/>
  <c r="Z684" i="1"/>
  <c r="AC684" i="1" s="1"/>
  <c r="Z683" i="1"/>
  <c r="Z682" i="1"/>
  <c r="Z681" i="1"/>
  <c r="Z680" i="1"/>
  <c r="Z679" i="1"/>
  <c r="Z678" i="1"/>
  <c r="AC678" i="1" s="1"/>
  <c r="Z677" i="1"/>
  <c r="Z676" i="1"/>
  <c r="Z675" i="1"/>
  <c r="AC675" i="1" s="1"/>
  <c r="Z674" i="1"/>
  <c r="Z673" i="1"/>
  <c r="Z672" i="1"/>
  <c r="AC672" i="1" s="1"/>
  <c r="Z671" i="1"/>
  <c r="AC671" i="1" s="1"/>
  <c r="Z670" i="1"/>
  <c r="AB670" i="1" s="1"/>
  <c r="Z669" i="1"/>
  <c r="Z668" i="1"/>
  <c r="Z667" i="1"/>
  <c r="Z666" i="1"/>
  <c r="AC666" i="1" s="1"/>
  <c r="Z665" i="1"/>
  <c r="Z664" i="1"/>
  <c r="Z663" i="1"/>
  <c r="AC663" i="1" s="1"/>
  <c r="Z662" i="1"/>
  <c r="Z661" i="1"/>
  <c r="Z660" i="1"/>
  <c r="Z659" i="1"/>
  <c r="Z658" i="1"/>
  <c r="AB658" i="1" s="1"/>
  <c r="Z657" i="1"/>
  <c r="Z656" i="1"/>
  <c r="Z655" i="1"/>
  <c r="AC655" i="1" s="1"/>
  <c r="Z654" i="1"/>
  <c r="AC654" i="1" s="1"/>
  <c r="Z653" i="1"/>
  <c r="Z652" i="1"/>
  <c r="Z651" i="1"/>
  <c r="AB651" i="1" s="1"/>
  <c r="Z650" i="1"/>
  <c r="AB650" i="1" s="1"/>
  <c r="Z649" i="1"/>
  <c r="Z648" i="1"/>
  <c r="AB648" i="1" s="1"/>
  <c r="Z647" i="1"/>
  <c r="AB647" i="1" s="1"/>
  <c r="Z646" i="1"/>
  <c r="Z645" i="1"/>
  <c r="Z644" i="1"/>
  <c r="AC644" i="1" s="1"/>
  <c r="Z643" i="1"/>
  <c r="Z642" i="1"/>
  <c r="AC642" i="1" s="1"/>
  <c r="Z641" i="1"/>
  <c r="Z640" i="1"/>
  <c r="Z639" i="1"/>
  <c r="AC639" i="1" s="1"/>
  <c r="Z638" i="1"/>
  <c r="AC638" i="1" s="1"/>
  <c r="Z637" i="1"/>
  <c r="Z636" i="1"/>
  <c r="AC636" i="1" s="1"/>
  <c r="Z635" i="1"/>
  <c r="Z634" i="1"/>
  <c r="AB634" i="1" s="1"/>
  <c r="Z633" i="1"/>
  <c r="Z632" i="1"/>
  <c r="Z631" i="1"/>
  <c r="Z630" i="1"/>
  <c r="AC630" i="1" s="1"/>
  <c r="Z629" i="1"/>
  <c r="Z628" i="1"/>
  <c r="Z627" i="1"/>
  <c r="Z626" i="1"/>
  <c r="Z625" i="1"/>
  <c r="Z624" i="1"/>
  <c r="AB624" i="1" s="1"/>
  <c r="Z623" i="1"/>
  <c r="AB623" i="1" s="1"/>
  <c r="Z622" i="1"/>
  <c r="AB622" i="1" s="1"/>
  <c r="Z621" i="1"/>
  <c r="Z620" i="1"/>
  <c r="Z619" i="1"/>
  <c r="Z618" i="1"/>
  <c r="AC618" i="1" s="1"/>
  <c r="Z617" i="1"/>
  <c r="Z616" i="1"/>
  <c r="Z615" i="1"/>
  <c r="Z614" i="1"/>
  <c r="Z613" i="1"/>
  <c r="Z612" i="1"/>
  <c r="Z611" i="1"/>
  <c r="Z610" i="1"/>
  <c r="Z609" i="1"/>
  <c r="Z608" i="1"/>
  <c r="AC608" i="1" s="1"/>
  <c r="Z607" i="1"/>
  <c r="AC607" i="1" s="1"/>
  <c r="Z606" i="1"/>
  <c r="AC606" i="1" s="1"/>
  <c r="Z605" i="1"/>
  <c r="Z604" i="1"/>
  <c r="Z603" i="1"/>
  <c r="AC603" i="1" s="1"/>
  <c r="Z602" i="1"/>
  <c r="AB602" i="1" s="1"/>
  <c r="Z601" i="1"/>
  <c r="AB601" i="1" s="1"/>
  <c r="Z600" i="1"/>
  <c r="AB600" i="1" s="1"/>
  <c r="Z599" i="1"/>
  <c r="AB599" i="1" s="1"/>
  <c r="Z598" i="1"/>
  <c r="Z597" i="1"/>
  <c r="Z596" i="1"/>
  <c r="Z595" i="1"/>
  <c r="Z594" i="1"/>
  <c r="AC594" i="1" s="1"/>
  <c r="Z593" i="1"/>
  <c r="Z592" i="1"/>
  <c r="Z591" i="1"/>
  <c r="AB591" i="1" s="1"/>
  <c r="Z590" i="1"/>
  <c r="AC590" i="1" s="1"/>
  <c r="Z589" i="1"/>
  <c r="Z588" i="1"/>
  <c r="AC588" i="1" s="1"/>
  <c r="Z587" i="1"/>
  <c r="Z586" i="1"/>
  <c r="Z585" i="1"/>
  <c r="Z584" i="1"/>
  <c r="AB584" i="1" s="1"/>
  <c r="Z583" i="1"/>
  <c r="Z582" i="1"/>
  <c r="AC582" i="1" s="1"/>
  <c r="Z581" i="1"/>
  <c r="Z580" i="1"/>
  <c r="Z579" i="1"/>
  <c r="Z578" i="1"/>
  <c r="Z577" i="1"/>
  <c r="Z576" i="1"/>
  <c r="AC576" i="1" s="1"/>
  <c r="Z575" i="1"/>
  <c r="AC575" i="1" s="1"/>
  <c r="Z574" i="1"/>
  <c r="AB574" i="1" s="1"/>
  <c r="Z573" i="1"/>
  <c r="Z572" i="1"/>
  <c r="AB572" i="1" s="1"/>
  <c r="Z571" i="1"/>
  <c r="Z570" i="1"/>
  <c r="AC570" i="1" s="1"/>
  <c r="Z569" i="1"/>
  <c r="Z568" i="1"/>
  <c r="Z567" i="1"/>
  <c r="Z566" i="1"/>
  <c r="Z565" i="1"/>
  <c r="Z564" i="1"/>
  <c r="Z563" i="1"/>
  <c r="Z562" i="1"/>
  <c r="Z561" i="1"/>
  <c r="Z560" i="1"/>
  <c r="AC560" i="1" s="1"/>
  <c r="Z559" i="1"/>
  <c r="AC559" i="1" s="1"/>
  <c r="Z558" i="1"/>
  <c r="AC558" i="1" s="1"/>
  <c r="Z557" i="1"/>
  <c r="Z556" i="1"/>
  <c r="Z555" i="1"/>
  <c r="AC555" i="1" s="1"/>
  <c r="Z554" i="1"/>
  <c r="AB554" i="1" s="1"/>
  <c r="Z553" i="1"/>
  <c r="Z552" i="1"/>
  <c r="AB552" i="1" s="1"/>
  <c r="Z551" i="1"/>
  <c r="AB551" i="1" s="1"/>
  <c r="Z550" i="1"/>
  <c r="Z549" i="1"/>
  <c r="Z548" i="1"/>
  <c r="Z547" i="1"/>
  <c r="Z546" i="1"/>
  <c r="AC546" i="1" s="1"/>
  <c r="Z545" i="1"/>
  <c r="Z544" i="1"/>
  <c r="Z543" i="1"/>
  <c r="AB543" i="1" s="1"/>
  <c r="Z542" i="1"/>
  <c r="AC542" i="1" s="1"/>
  <c r="Z541" i="1"/>
  <c r="AB541" i="1" s="1"/>
  <c r="Z540" i="1"/>
  <c r="AC540" i="1" s="1"/>
  <c r="Z539" i="1"/>
  <c r="Z538" i="1"/>
  <c r="AB538" i="1" s="1"/>
  <c r="Z537" i="1"/>
  <c r="Z536" i="1"/>
  <c r="AB536" i="1" s="1"/>
  <c r="Z535" i="1"/>
  <c r="Z534" i="1"/>
  <c r="Z533" i="1"/>
  <c r="Z532" i="1"/>
  <c r="Z531" i="1"/>
  <c r="Z530" i="1"/>
  <c r="Z529" i="1"/>
  <c r="Z528" i="1"/>
  <c r="AB528" i="1" s="1"/>
  <c r="Z527" i="1"/>
  <c r="AB527" i="1" s="1"/>
  <c r="Z526" i="1"/>
  <c r="AB526" i="1" s="1"/>
  <c r="Z525" i="1"/>
  <c r="Z524" i="1"/>
  <c r="Z523" i="1"/>
  <c r="Z522" i="1"/>
  <c r="AC522" i="1" s="1"/>
  <c r="Z521" i="1"/>
  <c r="Z520" i="1"/>
  <c r="Z519" i="1"/>
  <c r="Z518" i="1"/>
  <c r="Z517" i="1"/>
  <c r="Z516" i="1"/>
  <c r="Z515" i="1"/>
  <c r="Z514" i="1"/>
  <c r="Z513" i="1"/>
  <c r="Z512" i="1"/>
  <c r="AC512" i="1" s="1"/>
  <c r="Z511" i="1"/>
  <c r="AC511" i="1" s="1"/>
  <c r="Z510" i="1"/>
  <c r="AC510" i="1" s="1"/>
  <c r="Z509" i="1"/>
  <c r="Z508" i="1"/>
  <c r="Z507" i="1"/>
  <c r="AC507" i="1" s="1"/>
  <c r="Z506" i="1"/>
  <c r="AB506" i="1" s="1"/>
  <c r="Z505" i="1"/>
  <c r="AB505" i="1" s="1"/>
  <c r="Z504" i="1"/>
  <c r="AB504" i="1" s="1"/>
  <c r="Z503" i="1"/>
  <c r="AB503" i="1" s="1"/>
  <c r="Z502" i="1"/>
  <c r="Z501" i="1"/>
  <c r="Z500" i="1"/>
  <c r="Z499" i="1"/>
  <c r="Z498" i="1"/>
  <c r="AC498" i="1" s="1"/>
  <c r="Z497" i="1"/>
  <c r="Z496" i="1"/>
  <c r="Z495" i="1"/>
  <c r="AB495" i="1" s="1"/>
  <c r="Z494" i="1"/>
  <c r="AC494" i="1" s="1"/>
  <c r="Z493" i="1"/>
  <c r="Z492" i="1"/>
  <c r="AC492" i="1" s="1"/>
  <c r="Z491" i="1"/>
  <c r="Z490" i="1"/>
  <c r="Z489" i="1"/>
  <c r="Z488" i="1"/>
  <c r="AB488" i="1" s="1"/>
  <c r="Z487" i="1"/>
  <c r="Z486" i="1"/>
  <c r="Z485" i="1"/>
  <c r="Z484" i="1"/>
  <c r="Z483" i="1"/>
  <c r="Z482" i="1"/>
  <c r="Z481" i="1"/>
  <c r="Z480" i="1"/>
  <c r="AC480" i="1" s="1"/>
  <c r="Z479" i="1"/>
  <c r="AC479" i="1" s="1"/>
  <c r="Z478" i="1"/>
  <c r="AB478" i="1" s="1"/>
  <c r="Z477" i="1"/>
  <c r="Z476" i="1"/>
  <c r="AB476" i="1" s="1"/>
  <c r="Z475" i="1"/>
  <c r="Z474" i="1"/>
  <c r="AC474" i="1" s="1"/>
  <c r="Z473" i="1"/>
  <c r="Z472" i="1"/>
  <c r="Z471" i="1"/>
  <c r="Z470" i="1"/>
  <c r="Z469" i="1"/>
  <c r="Z468" i="1"/>
  <c r="Z467" i="1"/>
  <c r="Z466" i="1"/>
  <c r="Z465" i="1"/>
  <c r="Z464" i="1"/>
  <c r="AC464" i="1" s="1"/>
  <c r="Z463" i="1"/>
  <c r="AC463" i="1" s="1"/>
  <c r="Z462" i="1"/>
  <c r="AC462" i="1" s="1"/>
  <c r="Z461" i="1"/>
  <c r="Z460" i="1"/>
  <c r="Z459" i="1"/>
  <c r="AC459" i="1" s="1"/>
  <c r="Z458" i="1"/>
  <c r="AB458" i="1" s="1"/>
  <c r="Z457" i="1"/>
  <c r="Z456" i="1"/>
  <c r="AB456" i="1" s="1"/>
  <c r="Z455" i="1"/>
  <c r="AB455" i="1" s="1"/>
  <c r="Z454" i="1"/>
  <c r="Z453" i="1"/>
  <c r="Z452" i="1"/>
  <c r="Z451" i="1"/>
  <c r="Z450" i="1"/>
  <c r="AC450" i="1" s="1"/>
  <c r="Z449" i="1"/>
  <c r="Z448" i="1"/>
  <c r="Z447" i="1"/>
  <c r="AB447" i="1" s="1"/>
  <c r="Z446" i="1"/>
  <c r="AC446" i="1" s="1"/>
  <c r="Z445" i="1"/>
  <c r="AB445" i="1" s="1"/>
  <c r="Z444" i="1"/>
  <c r="AC444" i="1" s="1"/>
  <c r="Z443" i="1"/>
  <c r="Z442" i="1"/>
  <c r="AB442" i="1" s="1"/>
  <c r="Z441" i="1"/>
  <c r="Z440" i="1"/>
  <c r="AB440" i="1" s="1"/>
  <c r="Z439" i="1"/>
  <c r="Z438" i="1"/>
  <c r="Z437" i="1"/>
  <c r="Z436" i="1"/>
  <c r="Z435" i="1"/>
  <c r="Z434" i="1"/>
  <c r="Z433" i="1"/>
  <c r="Z432" i="1"/>
  <c r="AB432" i="1" s="1"/>
  <c r="Z431" i="1"/>
  <c r="AB431" i="1" s="1"/>
  <c r="Z430" i="1"/>
  <c r="AB430" i="1" s="1"/>
  <c r="Z429" i="1"/>
  <c r="Z428" i="1"/>
  <c r="Z427" i="1"/>
  <c r="Z426" i="1"/>
  <c r="AC426" i="1" s="1"/>
  <c r="Z425" i="1"/>
  <c r="Z424" i="1"/>
  <c r="Z423" i="1"/>
  <c r="Z422" i="1"/>
  <c r="Z421" i="1"/>
  <c r="Z420" i="1"/>
  <c r="Z419" i="1"/>
  <c r="Z418" i="1"/>
  <c r="Z417" i="1"/>
  <c r="Z416" i="1"/>
  <c r="AC416" i="1" s="1"/>
  <c r="Z415" i="1"/>
  <c r="AC415" i="1" s="1"/>
  <c r="Z414" i="1"/>
  <c r="AC414" i="1" s="1"/>
  <c r="Z413" i="1"/>
  <c r="Z412" i="1"/>
  <c r="Z411" i="1"/>
  <c r="AC411" i="1" s="1"/>
  <c r="Z410" i="1"/>
  <c r="AB410" i="1" s="1"/>
  <c r="Z409" i="1"/>
  <c r="AB409" i="1" s="1"/>
  <c r="Z408" i="1"/>
  <c r="AB408" i="1" s="1"/>
  <c r="Z407" i="1"/>
  <c r="AB407" i="1" s="1"/>
  <c r="Z406" i="1"/>
  <c r="Z405" i="1"/>
  <c r="Z404" i="1"/>
  <c r="Z403" i="1"/>
  <c r="Z402" i="1"/>
  <c r="AC402" i="1" s="1"/>
  <c r="Z401" i="1"/>
  <c r="Z400" i="1"/>
  <c r="Z399" i="1"/>
  <c r="AB399" i="1" s="1"/>
  <c r="Z398" i="1"/>
  <c r="AC398" i="1" s="1"/>
  <c r="Z397" i="1"/>
  <c r="Z396" i="1"/>
  <c r="AC396" i="1" s="1"/>
  <c r="Z395" i="1"/>
  <c r="Z394" i="1"/>
  <c r="Z393" i="1"/>
  <c r="Z392" i="1"/>
  <c r="AB392" i="1" s="1"/>
  <c r="Z391" i="1"/>
  <c r="Z390" i="1"/>
  <c r="Z389" i="1"/>
  <c r="Z388" i="1"/>
  <c r="Z387" i="1"/>
  <c r="Z386" i="1"/>
  <c r="Z385" i="1"/>
  <c r="Z384" i="1"/>
  <c r="AC384" i="1" s="1"/>
  <c r="Z383" i="1"/>
  <c r="AC383" i="1" s="1"/>
  <c r="Z382" i="1"/>
  <c r="AB382" i="1" s="1"/>
  <c r="Z381" i="1"/>
  <c r="Z380" i="1"/>
  <c r="AB380" i="1" s="1"/>
  <c r="Z379" i="1"/>
  <c r="Z378" i="1"/>
  <c r="AC378" i="1" s="1"/>
  <c r="Z377" i="1"/>
  <c r="Z376" i="1"/>
  <c r="Z375" i="1"/>
  <c r="Z374" i="1"/>
  <c r="Z373" i="1"/>
  <c r="Z372" i="1"/>
  <c r="Z371" i="1"/>
  <c r="Z370" i="1"/>
  <c r="Z369" i="1"/>
  <c r="Z368" i="1"/>
  <c r="AC368" i="1" s="1"/>
  <c r="Z367" i="1"/>
  <c r="AC367" i="1" s="1"/>
  <c r="Z366" i="1"/>
  <c r="AC366" i="1" s="1"/>
  <c r="Z365" i="1"/>
  <c r="Z364" i="1"/>
  <c r="Z363" i="1"/>
  <c r="AC363" i="1" s="1"/>
  <c r="Z362" i="1"/>
  <c r="AB362" i="1" s="1"/>
  <c r="Z361" i="1"/>
  <c r="Z360" i="1"/>
  <c r="AB360" i="1" s="1"/>
  <c r="Z359" i="1"/>
  <c r="AB359" i="1" s="1"/>
  <c r="Z358" i="1"/>
  <c r="Z357" i="1"/>
  <c r="Z356" i="1"/>
  <c r="Z355" i="1"/>
  <c r="Z354" i="1"/>
  <c r="AC354" i="1" s="1"/>
  <c r="Z353" i="1"/>
  <c r="Z352" i="1"/>
  <c r="Z351" i="1"/>
  <c r="AB351" i="1" s="1"/>
  <c r="Z350" i="1"/>
  <c r="AC350" i="1" s="1"/>
  <c r="Z349" i="1"/>
  <c r="AB349" i="1" s="1"/>
  <c r="Z348" i="1"/>
  <c r="AC348" i="1" s="1"/>
  <c r="Z347" i="1"/>
  <c r="Z346" i="1"/>
  <c r="AB346" i="1" s="1"/>
  <c r="Z345" i="1"/>
  <c r="Z344" i="1"/>
  <c r="AB344" i="1" s="1"/>
  <c r="Z343" i="1"/>
  <c r="Z342" i="1"/>
  <c r="Z341" i="1"/>
  <c r="Z340" i="1"/>
  <c r="Z339" i="1"/>
  <c r="Z338" i="1"/>
  <c r="Z337" i="1"/>
  <c r="Z336" i="1"/>
  <c r="AB336" i="1" s="1"/>
  <c r="Z335" i="1"/>
  <c r="AB335" i="1" s="1"/>
  <c r="Z334" i="1"/>
  <c r="AB334" i="1" s="1"/>
  <c r="Z333" i="1"/>
  <c r="Z332" i="1"/>
  <c r="Z331" i="1"/>
  <c r="Z330" i="1"/>
  <c r="AC330" i="1" s="1"/>
  <c r="Z329" i="1"/>
  <c r="Z328" i="1"/>
  <c r="Z327" i="1"/>
  <c r="Z326" i="1"/>
  <c r="Z325" i="1"/>
  <c r="Z324" i="1"/>
  <c r="Z323" i="1"/>
  <c r="Z322" i="1"/>
  <c r="Z321" i="1"/>
  <c r="Z320" i="1"/>
  <c r="AC320" i="1" s="1"/>
  <c r="Z319" i="1"/>
  <c r="AC319" i="1" s="1"/>
  <c r="Z318" i="1"/>
  <c r="AC318" i="1" s="1"/>
  <c r="Z317" i="1"/>
  <c r="Z316" i="1"/>
  <c r="Z315" i="1"/>
  <c r="AC315" i="1" s="1"/>
  <c r="Z314" i="1"/>
  <c r="AB314" i="1" s="1"/>
  <c r="Z313" i="1"/>
  <c r="AB313" i="1" s="1"/>
  <c r="Z312" i="1"/>
  <c r="AB312" i="1" s="1"/>
  <c r="Z311" i="1"/>
  <c r="AB311" i="1" s="1"/>
  <c r="Z310" i="1"/>
  <c r="Z309" i="1"/>
  <c r="Z308" i="1"/>
  <c r="Z307" i="1"/>
  <c r="Z306" i="1"/>
  <c r="AC306" i="1" s="1"/>
  <c r="Z305" i="1"/>
  <c r="Z304" i="1"/>
  <c r="Z303" i="1"/>
  <c r="AB303" i="1" s="1"/>
  <c r="Z302" i="1"/>
  <c r="AC302" i="1" s="1"/>
  <c r="Z301" i="1"/>
  <c r="Z300" i="1"/>
  <c r="AC300" i="1" s="1"/>
  <c r="Z299" i="1"/>
  <c r="Z298" i="1"/>
  <c r="Z297" i="1"/>
  <c r="Z296" i="1"/>
  <c r="AB296" i="1" s="1"/>
  <c r="Z295" i="1"/>
  <c r="Z294" i="1"/>
  <c r="AB294" i="1" s="1"/>
  <c r="Z293" i="1"/>
  <c r="Z292" i="1"/>
  <c r="Z291" i="1"/>
  <c r="Z290" i="1"/>
  <c r="Z289" i="1"/>
  <c r="Z288" i="1"/>
  <c r="AC288" i="1" s="1"/>
  <c r="Z287" i="1"/>
  <c r="AB287" i="1" s="1"/>
  <c r="Z286" i="1"/>
  <c r="AB286" i="1" s="1"/>
  <c r="Z285" i="1"/>
  <c r="Z284" i="1"/>
  <c r="AC284" i="1" s="1"/>
  <c r="Z283" i="1"/>
  <c r="Z282" i="1"/>
  <c r="AC282" i="1" s="1"/>
  <c r="Z281" i="1"/>
  <c r="Z280" i="1"/>
  <c r="Z279" i="1"/>
  <c r="Z278" i="1"/>
  <c r="Z277" i="1"/>
  <c r="Z276" i="1"/>
  <c r="Z275" i="1"/>
  <c r="Z274" i="1"/>
  <c r="Z273" i="1"/>
  <c r="Z272" i="1"/>
  <c r="AB272" i="1" s="1"/>
  <c r="Z271" i="1"/>
  <c r="AC271" i="1" s="1"/>
  <c r="Z270" i="1"/>
  <c r="Z269" i="1"/>
  <c r="Z268" i="1"/>
  <c r="Z267" i="1"/>
  <c r="AC267" i="1" s="1"/>
  <c r="Z266" i="1"/>
  <c r="AB266" i="1" s="1"/>
  <c r="Z265" i="1"/>
  <c r="Z264" i="1"/>
  <c r="Z263" i="1"/>
  <c r="Z262" i="1"/>
  <c r="Z261" i="1"/>
  <c r="Z260" i="1"/>
  <c r="Z259" i="1"/>
  <c r="Z258" i="1"/>
  <c r="AC258" i="1" s="1"/>
  <c r="Z257" i="1"/>
  <c r="Z256" i="1"/>
  <c r="Z255" i="1"/>
  <c r="AC255" i="1" s="1"/>
  <c r="Z254" i="1"/>
  <c r="AC254" i="1" s="1"/>
  <c r="Z253" i="1"/>
  <c r="AB253" i="1" s="1"/>
  <c r="Z252" i="1"/>
  <c r="AC252" i="1" s="1"/>
  <c r="Z251" i="1"/>
  <c r="AB251" i="1" s="1"/>
  <c r="Z250" i="1"/>
  <c r="AB250" i="1" s="1"/>
  <c r="Z249" i="1"/>
  <c r="Z248" i="1"/>
  <c r="Z247" i="1"/>
  <c r="Z246" i="1"/>
  <c r="AB246" i="1" s="1"/>
  <c r="Z245" i="1"/>
  <c r="Z244" i="1"/>
  <c r="Z243" i="1"/>
  <c r="AB243" i="1" s="1"/>
  <c r="Z242" i="1"/>
  <c r="Z241" i="1"/>
  <c r="Z240" i="1"/>
  <c r="AC240" i="1" s="1"/>
  <c r="Z239" i="1"/>
  <c r="AC239" i="1" s="1"/>
  <c r="Z238" i="1"/>
  <c r="Z237" i="1"/>
  <c r="Z236" i="1"/>
  <c r="AC236" i="1" s="1"/>
  <c r="Z235" i="1"/>
  <c r="Z234" i="1"/>
  <c r="AC234" i="1" s="1"/>
  <c r="Z233" i="1"/>
  <c r="Z232" i="1"/>
  <c r="Z231" i="1"/>
  <c r="Z230" i="1"/>
  <c r="Z229" i="1"/>
  <c r="Z228" i="1"/>
  <c r="AB228" i="1" s="1"/>
  <c r="Z227" i="1"/>
  <c r="AB227" i="1" s="1"/>
  <c r="Z226" i="1"/>
  <c r="Z225" i="1"/>
  <c r="Z224" i="1"/>
  <c r="AB224" i="1" s="1"/>
  <c r="Z223" i="1"/>
  <c r="AC223" i="1" s="1"/>
  <c r="Z222" i="1"/>
  <c r="AC222" i="1" s="1"/>
  <c r="Z221" i="1"/>
  <c r="Z220" i="1"/>
  <c r="Z219" i="1"/>
  <c r="AC219" i="1" s="1"/>
  <c r="Z218" i="1"/>
  <c r="AB218" i="1" s="1"/>
  <c r="Z217" i="1"/>
  <c r="AB217" i="1" s="1"/>
  <c r="Z216" i="1"/>
  <c r="Z215" i="1"/>
  <c r="Z214" i="1"/>
  <c r="Z213" i="1"/>
  <c r="Z212" i="1"/>
  <c r="Z211" i="1"/>
  <c r="AB211" i="1" s="1"/>
  <c r="Z210" i="1"/>
  <c r="Z209" i="1"/>
  <c r="Z208" i="1"/>
  <c r="Z207" i="1"/>
  <c r="AC207" i="1" s="1"/>
  <c r="Z206" i="1"/>
  <c r="AC206" i="1" s="1"/>
  <c r="Z205" i="1"/>
  <c r="AC205" i="1" s="1"/>
  <c r="Z204" i="1"/>
  <c r="AC204" i="1" s="1"/>
  <c r="Z203" i="1"/>
  <c r="Z202" i="1"/>
  <c r="Z201" i="1"/>
  <c r="Z200" i="1"/>
  <c r="Z199" i="1"/>
  <c r="Z198" i="1"/>
  <c r="Z197" i="1"/>
  <c r="Z196" i="1"/>
  <c r="Z195" i="1"/>
  <c r="Z194" i="1"/>
  <c r="Z193" i="1"/>
  <c r="Z192" i="1"/>
  <c r="AC192" i="1" s="1"/>
  <c r="Z191" i="1"/>
  <c r="AC191" i="1" s="1"/>
  <c r="Z190" i="1"/>
  <c r="AC190" i="1" s="1"/>
  <c r="Z189" i="1"/>
  <c r="Z188" i="1"/>
  <c r="AC188" i="1" s="1"/>
  <c r="Z187" i="1"/>
  <c r="AB187" i="1" s="1"/>
  <c r="Z186" i="1"/>
  <c r="AC186" i="1" s="1"/>
  <c r="Z185" i="1"/>
  <c r="Z184" i="1"/>
  <c r="Z183" i="1"/>
  <c r="Z182" i="1"/>
  <c r="AB182" i="1" s="1"/>
  <c r="Z181" i="1"/>
  <c r="Z180" i="1"/>
  <c r="Z179" i="1"/>
  <c r="Z178" i="1"/>
  <c r="Z177" i="1"/>
  <c r="Z176" i="1"/>
  <c r="AC176" i="1" s="1"/>
  <c r="Z175" i="1"/>
  <c r="Z174" i="1"/>
  <c r="Z173" i="1"/>
  <c r="Z172" i="1"/>
  <c r="Z171" i="1"/>
  <c r="AC171" i="1" s="1"/>
  <c r="Z170" i="1"/>
  <c r="AB170" i="1" s="1"/>
  <c r="Z169" i="1"/>
  <c r="AC169" i="1" s="1"/>
  <c r="Z168" i="1"/>
  <c r="AB168" i="1" s="1"/>
  <c r="Z167" i="1"/>
  <c r="Z166" i="1"/>
  <c r="Z165" i="1"/>
  <c r="Z164" i="1"/>
  <c r="Z163" i="1"/>
  <c r="Z162" i="1"/>
  <c r="AC162" i="1" s="1"/>
  <c r="Z161" i="1"/>
  <c r="Z160" i="1"/>
  <c r="Z159" i="1"/>
  <c r="AC159" i="1" s="1"/>
  <c r="Z158" i="1"/>
  <c r="AC158" i="1" s="1"/>
  <c r="Z157" i="1"/>
  <c r="AB157" i="1" s="1"/>
  <c r="Z156" i="1"/>
  <c r="AC156" i="1" s="1"/>
  <c r="Z155" i="1"/>
  <c r="AB155" i="1" s="1"/>
  <c r="Z154" i="1"/>
  <c r="AC154" i="1" s="1"/>
  <c r="Z153" i="1"/>
  <c r="Z152" i="1"/>
  <c r="AB152" i="1" s="1"/>
  <c r="Z151" i="1"/>
  <c r="AB151" i="1" s="1"/>
  <c r="Z150" i="1"/>
  <c r="Z149" i="1"/>
  <c r="Z148" i="1"/>
  <c r="Z147" i="1"/>
  <c r="Z146" i="1"/>
  <c r="AB146" i="1" s="1"/>
  <c r="Z145" i="1"/>
  <c r="Z144" i="1"/>
  <c r="AC144" i="1" s="1"/>
  <c r="Z143" i="1"/>
  <c r="AC143" i="1" s="1"/>
  <c r="Z142" i="1"/>
  <c r="Z141" i="1"/>
  <c r="Z140" i="1"/>
  <c r="AC140" i="1" s="1"/>
  <c r="Z139" i="1"/>
  <c r="AB139" i="1" s="1"/>
  <c r="Z138" i="1"/>
  <c r="Z137" i="1"/>
  <c r="Z136" i="1"/>
  <c r="Z135" i="1"/>
  <c r="Z134" i="1"/>
  <c r="AB134" i="1" s="1"/>
  <c r="Z133" i="1"/>
  <c r="Z132" i="1"/>
  <c r="AB132" i="1" s="1"/>
  <c r="Z131" i="1"/>
  <c r="Z130" i="1"/>
  <c r="AB130" i="1" s="1"/>
  <c r="Z129" i="1"/>
  <c r="Z128" i="1"/>
  <c r="AC128" i="1" s="1"/>
  <c r="Z127" i="1"/>
  <c r="AC127" i="1" s="1"/>
  <c r="Z126" i="1"/>
  <c r="AC126" i="1" s="1"/>
  <c r="Z125" i="1"/>
  <c r="Z124" i="1"/>
  <c r="Z123" i="1"/>
  <c r="AC123" i="1" s="1"/>
  <c r="Z122" i="1"/>
  <c r="Z121" i="1"/>
  <c r="AB121" i="1" s="1"/>
  <c r="Z120" i="1"/>
  <c r="AB120" i="1" s="1"/>
  <c r="Z119" i="1"/>
  <c r="AB119" i="1" s="1"/>
  <c r="Z118" i="1"/>
  <c r="AC118" i="1" s="1"/>
  <c r="Z117" i="1"/>
  <c r="Z116" i="1"/>
  <c r="AB116" i="1" s="1"/>
  <c r="Z115" i="1"/>
  <c r="AC115" i="1" s="1"/>
  <c r="Z114" i="1"/>
  <c r="AC114" i="1" s="1"/>
  <c r="Z113" i="1"/>
  <c r="Z112" i="1"/>
  <c r="Z111" i="1"/>
  <c r="AC111" i="1" s="1"/>
  <c r="Z110" i="1"/>
  <c r="AB110" i="1" s="1"/>
  <c r="Z109" i="1"/>
  <c r="Z108" i="1"/>
  <c r="Z107" i="1"/>
  <c r="AC107" i="1" s="1"/>
  <c r="Z106" i="1"/>
  <c r="Z105" i="1"/>
  <c r="Z104" i="1"/>
  <c r="Z103" i="1"/>
  <c r="AB103" i="1" s="1"/>
  <c r="Z102" i="1"/>
  <c r="AB102" i="1" s="1"/>
  <c r="Z101" i="1"/>
  <c r="Z100" i="1"/>
  <c r="Z99" i="1"/>
  <c r="AC99" i="1" s="1"/>
  <c r="Z98" i="1"/>
  <c r="AC98" i="1" s="1"/>
  <c r="Z97" i="1"/>
  <c r="AC97" i="1" s="1"/>
  <c r="Z96" i="1"/>
  <c r="AC96" i="1" s="1"/>
  <c r="Z95" i="1"/>
  <c r="AC95" i="1" s="1"/>
  <c r="Z94" i="1"/>
  <c r="Z93" i="1"/>
  <c r="Z92" i="1"/>
  <c r="Z91" i="1"/>
  <c r="Z90" i="1"/>
  <c r="Z89" i="1"/>
  <c r="Z88" i="1"/>
  <c r="Z87" i="1"/>
  <c r="Z86" i="1"/>
  <c r="Z85" i="1"/>
  <c r="Z84" i="1"/>
  <c r="AB84" i="1" s="1"/>
  <c r="Z83" i="1"/>
  <c r="AB83" i="1" s="1"/>
  <c r="Z82" i="1"/>
  <c r="AB82" i="1" s="1"/>
  <c r="Z81" i="1"/>
  <c r="Z80" i="1"/>
  <c r="AB80" i="1" s="1"/>
  <c r="Z79" i="1"/>
  <c r="AC79" i="1" s="1"/>
  <c r="Z78" i="1"/>
  <c r="Z77" i="1"/>
  <c r="Z76" i="1"/>
  <c r="Z75" i="1"/>
  <c r="Z74" i="1"/>
  <c r="AB74" i="1" s="1"/>
  <c r="Z73" i="1"/>
  <c r="Z72" i="1"/>
  <c r="Z71" i="1"/>
  <c r="AC71" i="1" s="1"/>
  <c r="Z70" i="1"/>
  <c r="AB70" i="1" s="1"/>
  <c r="Z69" i="1"/>
  <c r="Z68" i="1"/>
  <c r="AC68" i="1" s="1"/>
  <c r="Z67" i="1"/>
  <c r="AB67" i="1" s="1"/>
  <c r="Z66" i="1"/>
  <c r="AB66" i="1" s="1"/>
  <c r="Z65" i="1"/>
  <c r="Z64" i="1"/>
  <c r="Z63" i="1"/>
  <c r="AC63" i="1" s="1"/>
  <c r="Z62" i="1"/>
  <c r="AB62" i="1" s="1"/>
  <c r="Z61" i="1"/>
  <c r="Z60" i="1"/>
  <c r="AB60" i="1" s="1"/>
  <c r="Z59" i="1"/>
  <c r="Z58" i="1"/>
  <c r="Z57" i="1"/>
  <c r="Z56" i="1"/>
  <c r="AC56" i="1" s="1"/>
  <c r="Z55" i="1"/>
  <c r="AC55" i="1" s="1"/>
  <c r="Z54" i="1"/>
  <c r="AC54" i="1" s="1"/>
  <c r="Z53" i="1"/>
  <c r="Z52" i="1"/>
  <c r="Z51" i="1"/>
  <c r="AC51" i="1" s="1"/>
  <c r="Z50" i="1"/>
  <c r="Z49" i="1"/>
  <c r="Z48" i="1"/>
  <c r="AB48" i="1" s="1"/>
  <c r="Z47" i="1"/>
  <c r="AB47" i="1" s="1"/>
  <c r="Z46" i="1"/>
  <c r="AC46" i="1" s="1"/>
  <c r="Z45" i="1"/>
  <c r="Z44" i="1"/>
  <c r="AB44" i="1" s="1"/>
  <c r="Z43" i="1"/>
  <c r="AC43" i="1" s="1"/>
  <c r="Z42" i="1"/>
  <c r="AC42" i="1" s="1"/>
  <c r="Z41" i="1"/>
  <c r="Z40" i="1"/>
  <c r="Z39" i="1"/>
  <c r="AC39" i="1" s="1"/>
  <c r="Z38" i="1"/>
  <c r="AB38" i="1" s="1"/>
  <c r="Z37" i="1"/>
  <c r="AB37" i="1" s="1"/>
  <c r="Z36" i="1"/>
  <c r="Z35" i="1"/>
  <c r="AC35" i="1" s="1"/>
  <c r="Z34" i="1"/>
  <c r="Z33" i="1"/>
  <c r="Z32" i="1"/>
  <c r="Z31" i="1"/>
  <c r="AB31" i="1" s="1"/>
  <c r="Z30" i="1"/>
  <c r="AB30" i="1" s="1"/>
  <c r="Z29" i="1"/>
  <c r="Z28" i="1"/>
  <c r="Z27" i="1"/>
  <c r="AC27" i="1" s="1"/>
  <c r="Z26" i="1"/>
  <c r="AB26" i="1" s="1"/>
  <c r="Z25" i="1"/>
  <c r="AC25" i="1" s="1"/>
  <c r="Z24" i="1"/>
  <c r="AB24" i="1" s="1"/>
  <c r="Z23" i="1"/>
  <c r="AC23" i="1" s="1"/>
  <c r="Z22" i="1"/>
  <c r="Z21" i="1"/>
  <c r="Z20" i="1"/>
  <c r="Z19" i="1"/>
  <c r="Z18" i="1"/>
  <c r="Z17" i="1"/>
  <c r="Z16" i="1"/>
  <c r="Z15" i="1"/>
  <c r="Z14" i="1"/>
  <c r="Z13" i="1"/>
  <c r="Z12" i="1"/>
  <c r="AC12" i="1" s="1"/>
  <c r="Z11" i="1"/>
  <c r="AC11" i="1" s="1"/>
  <c r="Z10" i="1"/>
  <c r="AC10" i="1" s="1"/>
  <c r="Z9" i="1"/>
  <c r="Z8" i="1"/>
  <c r="AB8" i="1" s="1"/>
  <c r="Z7" i="1"/>
  <c r="AC7" i="1" s="1"/>
  <c r="Z6" i="1"/>
  <c r="Z5" i="1"/>
  <c r="Z4" i="1"/>
  <c r="Z3" i="1"/>
  <c r="O896" i="1"/>
  <c r="O887" i="1"/>
  <c r="O885" i="1"/>
  <c r="O884" i="1"/>
  <c r="O872" i="1"/>
  <c r="O871" i="1"/>
  <c r="O870" i="1"/>
  <c r="O860" i="1"/>
  <c r="O859" i="1"/>
  <c r="O858" i="1"/>
  <c r="O856" i="1"/>
  <c r="O855" i="1"/>
  <c r="O848" i="1"/>
  <c r="O847" i="1"/>
  <c r="O846" i="1"/>
  <c r="O843" i="1"/>
  <c r="O842" i="1"/>
  <c r="O824" i="1"/>
  <c r="O815" i="1"/>
  <c r="O813" i="1"/>
  <c r="O812" i="1"/>
  <c r="O800" i="1"/>
  <c r="O799" i="1"/>
  <c r="O798" i="1"/>
  <c r="O788" i="1"/>
  <c r="O787" i="1"/>
  <c r="O786" i="1"/>
  <c r="O784" i="1"/>
  <c r="O783" i="1"/>
  <c r="O776" i="1"/>
  <c r="O775" i="1"/>
  <c r="O774" i="1"/>
  <c r="O771" i="1"/>
  <c r="O770" i="1"/>
  <c r="O752" i="1"/>
  <c r="O743" i="1"/>
  <c r="O741" i="1"/>
  <c r="O740" i="1"/>
  <c r="O728" i="1"/>
  <c r="O727" i="1"/>
  <c r="O726" i="1"/>
  <c r="O716" i="1"/>
  <c r="O715" i="1"/>
  <c r="O714" i="1"/>
  <c r="O712" i="1"/>
  <c r="O711" i="1"/>
  <c r="O704" i="1"/>
  <c r="O703" i="1"/>
  <c r="O702" i="1"/>
  <c r="O699" i="1"/>
  <c r="O698" i="1"/>
  <c r="O680" i="1"/>
  <c r="O671" i="1"/>
  <c r="O669" i="1"/>
  <c r="O668" i="1"/>
  <c r="O656" i="1"/>
  <c r="O655" i="1"/>
  <c r="O654" i="1"/>
  <c r="O644" i="1"/>
  <c r="O643" i="1"/>
  <c r="O642" i="1"/>
  <c r="O640" i="1"/>
  <c r="O639" i="1"/>
  <c r="O632" i="1"/>
  <c r="O631" i="1"/>
  <c r="O630" i="1"/>
  <c r="O627" i="1"/>
  <c r="O626" i="1"/>
  <c r="O608" i="1"/>
  <c r="O599" i="1"/>
  <c r="O597" i="1"/>
  <c r="O596" i="1"/>
  <c r="O584" i="1"/>
  <c r="O583" i="1"/>
  <c r="O582" i="1"/>
  <c r="O572" i="1"/>
  <c r="O571" i="1"/>
  <c r="O570" i="1"/>
  <c r="O568" i="1"/>
  <c r="O567" i="1"/>
  <c r="O560" i="1"/>
  <c r="O559" i="1"/>
  <c r="O558" i="1"/>
  <c r="O555" i="1"/>
  <c r="O554" i="1"/>
  <c r="O536" i="1"/>
  <c r="O527" i="1"/>
  <c r="O525" i="1"/>
  <c r="O524" i="1"/>
  <c r="O512" i="1"/>
  <c r="O511" i="1"/>
  <c r="O510" i="1"/>
  <c r="O500" i="1"/>
  <c r="O499" i="1"/>
  <c r="O498" i="1"/>
  <c r="O496" i="1"/>
  <c r="O495" i="1"/>
  <c r="O488" i="1"/>
  <c r="O487" i="1"/>
  <c r="O486" i="1"/>
  <c r="O483" i="1"/>
  <c r="O482" i="1"/>
  <c r="O464" i="1"/>
  <c r="O455" i="1"/>
  <c r="O453" i="1"/>
  <c r="O452" i="1"/>
  <c r="O440" i="1"/>
  <c r="O439" i="1"/>
  <c r="O438" i="1"/>
  <c r="O428" i="1"/>
  <c r="O427" i="1"/>
  <c r="O426" i="1"/>
  <c r="O424" i="1"/>
  <c r="O423" i="1"/>
  <c r="O416" i="1"/>
  <c r="O415" i="1"/>
  <c r="O414" i="1"/>
  <c r="O411" i="1"/>
  <c r="O410" i="1"/>
  <c r="O392" i="1"/>
  <c r="O383" i="1"/>
  <c r="O381" i="1"/>
  <c r="O380" i="1"/>
  <c r="O368" i="1"/>
  <c r="O367" i="1"/>
  <c r="O366" i="1"/>
  <c r="O356" i="1"/>
  <c r="O355" i="1"/>
  <c r="O354" i="1"/>
  <c r="O352" i="1"/>
  <c r="O351" i="1"/>
  <c r="O344" i="1"/>
  <c r="O343" i="1"/>
  <c r="O342" i="1"/>
  <c r="O339" i="1"/>
  <c r="O338" i="1"/>
  <c r="O320" i="1"/>
  <c r="O311" i="1"/>
  <c r="O309" i="1"/>
  <c r="O308" i="1"/>
  <c r="O296" i="1"/>
  <c r="O295" i="1"/>
  <c r="O294" i="1"/>
  <c r="O284" i="1"/>
  <c r="O283" i="1"/>
  <c r="O282" i="1"/>
  <c r="O280" i="1"/>
  <c r="O279" i="1"/>
  <c r="O272" i="1"/>
  <c r="O271" i="1"/>
  <c r="O270" i="1"/>
  <c r="O267" i="1"/>
  <c r="O266" i="1"/>
  <c r="O248" i="1"/>
  <c r="O239" i="1"/>
  <c r="O237" i="1"/>
  <c r="O236" i="1"/>
  <c r="O224" i="1"/>
  <c r="O223" i="1"/>
  <c r="O222" i="1"/>
  <c r="O212" i="1"/>
  <c r="O211" i="1"/>
  <c r="O210" i="1"/>
  <c r="O208" i="1"/>
  <c r="O207" i="1"/>
  <c r="O200" i="1"/>
  <c r="O199" i="1"/>
  <c r="O198" i="1"/>
  <c r="O195" i="1"/>
  <c r="O194" i="1"/>
  <c r="O176" i="1"/>
  <c r="O167" i="1"/>
  <c r="O165" i="1"/>
  <c r="O164" i="1"/>
  <c r="O152" i="1"/>
  <c r="O151" i="1"/>
  <c r="O150" i="1"/>
  <c r="O140" i="1"/>
  <c r="O139" i="1"/>
  <c r="O138" i="1"/>
  <c r="O136" i="1"/>
  <c r="O135" i="1"/>
  <c r="O128" i="1"/>
  <c r="O127" i="1"/>
  <c r="O126" i="1"/>
  <c r="O123" i="1"/>
  <c r="O122" i="1"/>
  <c r="O104" i="1"/>
  <c r="O95" i="1"/>
  <c r="O93" i="1"/>
  <c r="O92" i="1"/>
  <c r="O80" i="1"/>
  <c r="O79" i="1"/>
  <c r="O78" i="1"/>
  <c r="O68" i="1"/>
  <c r="O67" i="1"/>
  <c r="O66" i="1"/>
  <c r="O64" i="1"/>
  <c r="O63" i="1"/>
  <c r="O56" i="1"/>
  <c r="O55" i="1"/>
  <c r="O54" i="1"/>
  <c r="O51" i="1"/>
  <c r="O50" i="1"/>
  <c r="O32" i="1"/>
  <c r="O23" i="1"/>
  <c r="O21" i="1"/>
  <c r="O20" i="1"/>
  <c r="O8" i="1"/>
  <c r="O7" i="1"/>
  <c r="O6" i="1"/>
  <c r="N898" i="1"/>
  <c r="N896" i="1"/>
  <c r="N894" i="1"/>
  <c r="N893" i="1"/>
  <c r="N884" i="1"/>
  <c r="N881" i="1"/>
  <c r="N880" i="1"/>
  <c r="N879" i="1"/>
  <c r="N872" i="1"/>
  <c r="N869" i="1"/>
  <c r="N867" i="1"/>
  <c r="N866" i="1"/>
  <c r="N851" i="1"/>
  <c r="N850" i="1"/>
  <c r="N848" i="1"/>
  <c r="N838" i="1"/>
  <c r="N837" i="1"/>
  <c r="N836" i="1"/>
  <c r="N833" i="1"/>
  <c r="N826" i="1"/>
  <c r="N824" i="1"/>
  <c r="N822" i="1"/>
  <c r="N821" i="1"/>
  <c r="N812" i="1"/>
  <c r="N809" i="1"/>
  <c r="N808" i="1"/>
  <c r="N807" i="1"/>
  <c r="N800" i="1"/>
  <c r="N797" i="1"/>
  <c r="N795" i="1"/>
  <c r="N794" i="1"/>
  <c r="N779" i="1"/>
  <c r="N778" i="1"/>
  <c r="N776" i="1"/>
  <c r="N766" i="1"/>
  <c r="N765" i="1"/>
  <c r="N764" i="1"/>
  <c r="N761" i="1"/>
  <c r="N754" i="1"/>
  <c r="N752" i="1"/>
  <c r="N750" i="1"/>
  <c r="N749" i="1"/>
  <c r="N740" i="1"/>
  <c r="N737" i="1"/>
  <c r="N736" i="1"/>
  <c r="N735" i="1"/>
  <c r="N728" i="1"/>
  <c r="N725" i="1"/>
  <c r="N723" i="1"/>
  <c r="N722" i="1"/>
  <c r="N707" i="1"/>
  <c r="N706" i="1"/>
  <c r="N704" i="1"/>
  <c r="N695" i="1"/>
  <c r="N694" i="1"/>
  <c r="N692" i="1"/>
  <c r="N683" i="1"/>
  <c r="N682" i="1"/>
  <c r="N680" i="1"/>
  <c r="N671" i="1"/>
  <c r="N670" i="1"/>
  <c r="N668" i="1"/>
  <c r="N659" i="1"/>
  <c r="N658" i="1"/>
  <c r="N656" i="1"/>
  <c r="N647" i="1"/>
  <c r="N646" i="1"/>
  <c r="N644" i="1"/>
  <c r="N635" i="1"/>
  <c r="N634" i="1"/>
  <c r="N632" i="1"/>
  <c r="N623" i="1"/>
  <c r="N622" i="1"/>
  <c r="N620" i="1"/>
  <c r="N611" i="1"/>
  <c r="N610" i="1"/>
  <c r="N608" i="1"/>
  <c r="N599" i="1"/>
  <c r="N598" i="1"/>
  <c r="N596" i="1"/>
  <c r="N587" i="1"/>
  <c r="N586" i="1"/>
  <c r="N584" i="1"/>
  <c r="N575" i="1"/>
  <c r="N574" i="1"/>
  <c r="N572" i="1"/>
  <c r="N563" i="1"/>
  <c r="N562" i="1"/>
  <c r="N560" i="1"/>
  <c r="N551" i="1"/>
  <c r="N550" i="1"/>
  <c r="N548" i="1"/>
  <c r="N539" i="1"/>
  <c r="N538" i="1"/>
  <c r="N536" i="1"/>
  <c r="N527" i="1"/>
  <c r="N526" i="1"/>
  <c r="N524" i="1"/>
  <c r="N515" i="1"/>
  <c r="N514" i="1"/>
  <c r="N512" i="1"/>
  <c r="N503" i="1"/>
  <c r="N502" i="1"/>
  <c r="N500" i="1"/>
  <c r="N491" i="1"/>
  <c r="N490" i="1"/>
  <c r="N488" i="1"/>
  <c r="N479" i="1"/>
  <c r="N478" i="1"/>
  <c r="N476" i="1"/>
  <c r="N467" i="1"/>
  <c r="N466" i="1"/>
  <c r="N464" i="1"/>
  <c r="N455" i="1"/>
  <c r="N454" i="1"/>
  <c r="N452" i="1"/>
  <c r="N443" i="1"/>
  <c r="N442" i="1"/>
  <c r="N440" i="1"/>
  <c r="N431" i="1"/>
  <c r="N430" i="1"/>
  <c r="N428" i="1"/>
  <c r="N419" i="1"/>
  <c r="N418" i="1"/>
  <c r="N416" i="1"/>
  <c r="N407" i="1"/>
  <c r="N406" i="1"/>
  <c r="N404" i="1"/>
  <c r="N395" i="1"/>
  <c r="N394" i="1"/>
  <c r="N392" i="1"/>
  <c r="N383" i="1"/>
  <c r="N382" i="1"/>
  <c r="N380" i="1"/>
  <c r="N371" i="1"/>
  <c r="N370" i="1"/>
  <c r="N368" i="1"/>
  <c r="N359" i="1"/>
  <c r="N358" i="1"/>
  <c r="N356" i="1"/>
  <c r="N347" i="1"/>
  <c r="N346" i="1"/>
  <c r="N344" i="1"/>
  <c r="N335" i="1"/>
  <c r="N334" i="1"/>
  <c r="N332" i="1"/>
  <c r="N323" i="1"/>
  <c r="N322" i="1"/>
  <c r="N320" i="1"/>
  <c r="N311" i="1"/>
  <c r="N310" i="1"/>
  <c r="N308" i="1"/>
  <c r="N299" i="1"/>
  <c r="N298" i="1"/>
  <c r="N296" i="1"/>
  <c r="N287" i="1"/>
  <c r="N286" i="1"/>
  <c r="N284" i="1"/>
  <c r="N275" i="1"/>
  <c r="N274" i="1"/>
  <c r="N272" i="1"/>
  <c r="N263" i="1"/>
  <c r="N262" i="1"/>
  <c r="N260" i="1"/>
  <c r="N251" i="1"/>
  <c r="N250" i="1"/>
  <c r="N248" i="1"/>
  <c r="N239" i="1"/>
  <c r="N238" i="1"/>
  <c r="N236" i="1"/>
  <c r="N227" i="1"/>
  <c r="N226" i="1"/>
  <c r="N224" i="1"/>
  <c r="N215" i="1"/>
  <c r="N214" i="1"/>
  <c r="N212" i="1"/>
  <c r="N203" i="1"/>
  <c r="N202" i="1"/>
  <c r="N200" i="1"/>
  <c r="N191" i="1"/>
  <c r="N190" i="1"/>
  <c r="N188" i="1"/>
  <c r="N179" i="1"/>
  <c r="N178" i="1"/>
  <c r="N176" i="1"/>
  <c r="N167" i="1"/>
  <c r="N166" i="1"/>
  <c r="N164" i="1"/>
  <c r="N155" i="1"/>
  <c r="N154" i="1"/>
  <c r="N152" i="1"/>
  <c r="N143" i="1"/>
  <c r="N142" i="1"/>
  <c r="N140" i="1"/>
  <c r="N131" i="1"/>
  <c r="N130" i="1"/>
  <c r="N128" i="1"/>
  <c r="N119" i="1"/>
  <c r="N118" i="1"/>
  <c r="N116" i="1"/>
  <c r="N107" i="1"/>
  <c r="N106" i="1"/>
  <c r="N104" i="1"/>
  <c r="N95" i="1"/>
  <c r="N94" i="1"/>
  <c r="N92" i="1"/>
  <c r="N83" i="1"/>
  <c r="N82" i="1"/>
  <c r="N80" i="1"/>
  <c r="N71" i="1"/>
  <c r="N70" i="1"/>
  <c r="N68" i="1"/>
  <c r="N59" i="1"/>
  <c r="N58" i="1"/>
  <c r="N56" i="1"/>
  <c r="N47" i="1"/>
  <c r="N46" i="1"/>
  <c r="N44" i="1"/>
  <c r="N35" i="1"/>
  <c r="N34" i="1"/>
  <c r="N32" i="1"/>
  <c r="N23" i="1"/>
  <c r="N22" i="1"/>
  <c r="N20" i="1"/>
  <c r="N11" i="1"/>
  <c r="N10" i="1"/>
  <c r="N8" i="1"/>
  <c r="B903" i="1"/>
  <c r="B902" i="1"/>
  <c r="B901" i="1"/>
  <c r="B900" i="1"/>
  <c r="B899" i="1"/>
  <c r="B898" i="1"/>
  <c r="B897" i="1"/>
  <c r="B896" i="1"/>
  <c r="B895" i="1"/>
  <c r="B894" i="1"/>
  <c r="B893" i="1"/>
  <c r="B892" i="1"/>
  <c r="B891" i="1"/>
  <c r="B890" i="1"/>
  <c r="B889" i="1"/>
  <c r="B888" i="1"/>
  <c r="B887" i="1"/>
  <c r="B886" i="1"/>
  <c r="B885" i="1"/>
  <c r="B884" i="1"/>
  <c r="B883" i="1"/>
  <c r="B882" i="1"/>
  <c r="B881" i="1"/>
  <c r="B880" i="1"/>
  <c r="B879" i="1"/>
  <c r="B878" i="1"/>
  <c r="B877" i="1"/>
  <c r="B876" i="1"/>
  <c r="B875" i="1"/>
  <c r="B874" i="1"/>
  <c r="B873" i="1"/>
  <c r="B872" i="1"/>
  <c r="B871" i="1"/>
  <c r="B870" i="1"/>
  <c r="B869" i="1"/>
  <c r="B868" i="1"/>
  <c r="B867" i="1"/>
  <c r="B866" i="1"/>
  <c r="B865" i="1"/>
  <c r="B864" i="1"/>
  <c r="B863" i="1"/>
  <c r="B862" i="1"/>
  <c r="B861" i="1"/>
  <c r="B860" i="1"/>
  <c r="B859" i="1"/>
  <c r="B858" i="1"/>
  <c r="B857" i="1"/>
  <c r="B856" i="1"/>
  <c r="B855" i="1"/>
  <c r="B854" i="1"/>
  <c r="B853" i="1"/>
  <c r="B852" i="1"/>
  <c r="B851" i="1"/>
  <c r="B850" i="1"/>
  <c r="B849" i="1"/>
  <c r="B848" i="1"/>
  <c r="B847" i="1"/>
  <c r="B846" i="1"/>
  <c r="B845" i="1"/>
  <c r="B844" i="1"/>
  <c r="B843" i="1"/>
  <c r="B842" i="1"/>
  <c r="B841" i="1"/>
  <c r="B840" i="1"/>
  <c r="B839" i="1"/>
  <c r="B838" i="1"/>
  <c r="B837" i="1"/>
  <c r="B836" i="1"/>
  <c r="B835" i="1"/>
  <c r="B834" i="1"/>
  <c r="B833" i="1"/>
  <c r="B832" i="1"/>
  <c r="B831" i="1"/>
  <c r="B830" i="1"/>
  <c r="B829" i="1"/>
  <c r="B828" i="1"/>
  <c r="B827" i="1"/>
  <c r="B826" i="1"/>
  <c r="B825" i="1"/>
  <c r="B824" i="1"/>
  <c r="B823" i="1"/>
  <c r="B822" i="1"/>
  <c r="B821" i="1"/>
  <c r="B820" i="1"/>
  <c r="B819" i="1"/>
  <c r="B818" i="1"/>
  <c r="B817" i="1"/>
  <c r="B816" i="1"/>
  <c r="B815" i="1"/>
  <c r="B814" i="1"/>
  <c r="B813" i="1"/>
  <c r="B812" i="1"/>
  <c r="B811" i="1"/>
  <c r="B810" i="1"/>
  <c r="B809" i="1"/>
  <c r="B808" i="1"/>
  <c r="B807" i="1"/>
  <c r="B806" i="1"/>
  <c r="B805" i="1"/>
  <c r="B804" i="1"/>
  <c r="B803" i="1"/>
  <c r="B802" i="1"/>
  <c r="B801" i="1"/>
  <c r="B800" i="1"/>
  <c r="B799" i="1"/>
  <c r="B798" i="1"/>
  <c r="B797" i="1"/>
  <c r="B796" i="1"/>
  <c r="B795" i="1"/>
  <c r="B794" i="1"/>
  <c r="B793" i="1"/>
  <c r="B792" i="1"/>
  <c r="B791" i="1"/>
  <c r="B790" i="1"/>
  <c r="B789" i="1"/>
  <c r="B788" i="1"/>
  <c r="B787" i="1"/>
  <c r="B786" i="1"/>
  <c r="B785" i="1"/>
  <c r="B784" i="1"/>
  <c r="B783" i="1"/>
  <c r="B782" i="1"/>
  <c r="B781" i="1"/>
  <c r="B780" i="1"/>
  <c r="B779" i="1"/>
  <c r="B778" i="1"/>
  <c r="B777" i="1"/>
  <c r="B776" i="1"/>
  <c r="B775" i="1"/>
  <c r="B774" i="1"/>
  <c r="B773" i="1"/>
  <c r="B772" i="1"/>
  <c r="B771" i="1"/>
  <c r="B770" i="1"/>
  <c r="B769" i="1"/>
  <c r="B768" i="1"/>
  <c r="B767" i="1"/>
  <c r="B766" i="1"/>
  <c r="B765" i="1"/>
  <c r="B764" i="1"/>
  <c r="B763" i="1"/>
  <c r="B762" i="1"/>
  <c r="B761" i="1"/>
  <c r="B760" i="1"/>
  <c r="B759" i="1"/>
  <c r="B758" i="1"/>
  <c r="B757" i="1"/>
  <c r="B756" i="1"/>
  <c r="B755" i="1"/>
  <c r="B754" i="1"/>
  <c r="B753" i="1"/>
  <c r="B752" i="1"/>
  <c r="B751" i="1"/>
  <c r="B750" i="1"/>
  <c r="B749" i="1"/>
  <c r="B748" i="1"/>
  <c r="B747" i="1"/>
  <c r="B746" i="1"/>
  <c r="B745" i="1"/>
  <c r="B744" i="1"/>
  <c r="B743" i="1"/>
  <c r="B742" i="1"/>
  <c r="B741" i="1"/>
  <c r="B740" i="1"/>
  <c r="B739" i="1"/>
  <c r="B738" i="1"/>
  <c r="B737" i="1"/>
  <c r="B736" i="1"/>
  <c r="B735" i="1"/>
  <c r="B734" i="1"/>
  <c r="B733" i="1"/>
  <c r="B732" i="1"/>
  <c r="B731" i="1"/>
  <c r="B730" i="1"/>
  <c r="B729" i="1"/>
  <c r="B728" i="1"/>
  <c r="B727" i="1"/>
  <c r="B726" i="1"/>
  <c r="B725" i="1"/>
  <c r="B724" i="1"/>
  <c r="B723" i="1"/>
  <c r="B722" i="1"/>
  <c r="B721" i="1"/>
  <c r="B720" i="1"/>
  <c r="B719" i="1"/>
  <c r="B718" i="1"/>
  <c r="B717" i="1"/>
  <c r="B716" i="1"/>
  <c r="B715" i="1"/>
  <c r="B714" i="1"/>
  <c r="B713" i="1"/>
  <c r="B712" i="1"/>
  <c r="B711" i="1"/>
  <c r="B710" i="1"/>
  <c r="B709" i="1"/>
  <c r="B708" i="1"/>
  <c r="B707" i="1"/>
  <c r="B706" i="1"/>
  <c r="B705" i="1"/>
  <c r="B704" i="1"/>
  <c r="B703" i="1"/>
  <c r="B702" i="1"/>
  <c r="B701" i="1"/>
  <c r="B700" i="1"/>
  <c r="B699" i="1"/>
  <c r="B698" i="1"/>
  <c r="B697" i="1"/>
  <c r="B696" i="1"/>
  <c r="B695" i="1"/>
  <c r="B694" i="1"/>
  <c r="B693" i="1"/>
  <c r="B692" i="1"/>
  <c r="B691" i="1"/>
  <c r="B690" i="1"/>
  <c r="B689" i="1"/>
  <c r="B688" i="1"/>
  <c r="B687" i="1"/>
  <c r="B686" i="1"/>
  <c r="B685" i="1"/>
  <c r="B684" i="1"/>
  <c r="B683" i="1"/>
  <c r="B682" i="1"/>
  <c r="B681" i="1"/>
  <c r="B680" i="1"/>
  <c r="B679" i="1"/>
  <c r="B678" i="1"/>
  <c r="B677" i="1"/>
  <c r="B676" i="1"/>
  <c r="B675" i="1"/>
  <c r="B674" i="1"/>
  <c r="B673" i="1"/>
  <c r="B672" i="1"/>
  <c r="B671" i="1"/>
  <c r="B670" i="1"/>
  <c r="B669" i="1"/>
  <c r="B668" i="1"/>
  <c r="B667" i="1"/>
  <c r="B666" i="1"/>
  <c r="B665" i="1"/>
  <c r="B664" i="1"/>
  <c r="B663" i="1"/>
  <c r="B662" i="1"/>
  <c r="B661" i="1"/>
  <c r="B660" i="1"/>
  <c r="B659" i="1"/>
  <c r="B658" i="1"/>
  <c r="B657" i="1"/>
  <c r="B656" i="1"/>
  <c r="B655" i="1"/>
  <c r="B654" i="1"/>
  <c r="B653" i="1"/>
  <c r="B652" i="1"/>
  <c r="B651" i="1"/>
  <c r="B650" i="1"/>
  <c r="B649" i="1"/>
  <c r="B648" i="1"/>
  <c r="B647" i="1"/>
  <c r="B646" i="1"/>
  <c r="B645" i="1"/>
  <c r="B644" i="1"/>
  <c r="B643" i="1"/>
  <c r="B642" i="1"/>
  <c r="B641" i="1"/>
  <c r="B640" i="1"/>
  <c r="B639" i="1"/>
  <c r="B638" i="1"/>
  <c r="B637" i="1"/>
  <c r="B636" i="1"/>
  <c r="B635" i="1"/>
  <c r="B634" i="1"/>
  <c r="B633" i="1"/>
  <c r="B632" i="1"/>
  <c r="B631" i="1"/>
  <c r="B630" i="1"/>
  <c r="B629" i="1"/>
  <c r="B628" i="1"/>
  <c r="B627" i="1"/>
  <c r="B626" i="1"/>
  <c r="B625" i="1"/>
  <c r="B624" i="1"/>
  <c r="B623" i="1"/>
  <c r="B622" i="1"/>
  <c r="B621" i="1"/>
  <c r="B620" i="1"/>
  <c r="B619" i="1"/>
  <c r="B618" i="1"/>
  <c r="B617" i="1"/>
  <c r="B616" i="1"/>
  <c r="B615" i="1"/>
  <c r="B614" i="1"/>
  <c r="B613" i="1"/>
  <c r="B612" i="1"/>
  <c r="B611" i="1"/>
  <c r="B610" i="1"/>
  <c r="B609" i="1"/>
  <c r="B608" i="1"/>
  <c r="B607" i="1"/>
  <c r="B606" i="1"/>
  <c r="B605" i="1"/>
  <c r="B604" i="1"/>
  <c r="B603" i="1"/>
  <c r="B602" i="1"/>
  <c r="B601" i="1"/>
  <c r="B600" i="1"/>
  <c r="B599" i="1"/>
  <c r="B598" i="1"/>
  <c r="B597" i="1"/>
  <c r="B596" i="1"/>
  <c r="B595" i="1"/>
  <c r="B594" i="1"/>
  <c r="B593" i="1"/>
  <c r="B592" i="1"/>
  <c r="B591" i="1"/>
  <c r="B590" i="1"/>
  <c r="B589" i="1"/>
  <c r="B588" i="1"/>
  <c r="B587" i="1"/>
  <c r="B586" i="1"/>
  <c r="B585" i="1"/>
  <c r="B584" i="1"/>
  <c r="B583" i="1"/>
  <c r="B582" i="1"/>
  <c r="B581" i="1"/>
  <c r="B580" i="1"/>
  <c r="B579" i="1"/>
  <c r="B578" i="1"/>
  <c r="B577" i="1"/>
  <c r="B576" i="1"/>
  <c r="B575" i="1"/>
  <c r="B574" i="1"/>
  <c r="B573" i="1"/>
  <c r="B572" i="1"/>
  <c r="B571" i="1"/>
  <c r="B570" i="1"/>
  <c r="B569" i="1"/>
  <c r="B568" i="1"/>
  <c r="B567" i="1"/>
  <c r="B566" i="1"/>
  <c r="B565" i="1"/>
  <c r="B564" i="1"/>
  <c r="B563" i="1"/>
  <c r="B562" i="1"/>
  <c r="B561" i="1"/>
  <c r="B560" i="1"/>
  <c r="B559" i="1"/>
  <c r="B558" i="1"/>
  <c r="B557" i="1"/>
  <c r="B556" i="1"/>
  <c r="B555" i="1"/>
  <c r="B554" i="1"/>
  <c r="B553" i="1"/>
  <c r="B552" i="1"/>
  <c r="B551" i="1"/>
  <c r="B550" i="1"/>
  <c r="B549" i="1"/>
  <c r="B548" i="1"/>
  <c r="B547" i="1"/>
  <c r="B546" i="1"/>
  <c r="B545" i="1"/>
  <c r="B544" i="1"/>
  <c r="B543" i="1"/>
  <c r="B542" i="1"/>
  <c r="B541" i="1"/>
  <c r="B540" i="1"/>
  <c r="B539" i="1"/>
  <c r="B538" i="1"/>
  <c r="B537" i="1"/>
  <c r="B536" i="1"/>
  <c r="B535" i="1"/>
  <c r="B534" i="1"/>
  <c r="B533" i="1"/>
  <c r="B532" i="1"/>
  <c r="B531" i="1"/>
  <c r="B530" i="1"/>
  <c r="B529" i="1"/>
  <c r="B528" i="1"/>
  <c r="B527" i="1"/>
  <c r="B526" i="1"/>
  <c r="B525" i="1"/>
  <c r="B524" i="1"/>
  <c r="B523" i="1"/>
  <c r="B522" i="1"/>
  <c r="B521" i="1"/>
  <c r="B520" i="1"/>
  <c r="B519" i="1"/>
  <c r="B518" i="1"/>
  <c r="B517" i="1"/>
  <c r="B516" i="1"/>
  <c r="B515" i="1"/>
  <c r="B514" i="1"/>
  <c r="B513" i="1"/>
  <c r="B512" i="1"/>
  <c r="B511" i="1"/>
  <c r="B510" i="1"/>
  <c r="B509" i="1"/>
  <c r="B508" i="1"/>
  <c r="B507" i="1"/>
  <c r="B506" i="1"/>
  <c r="B505" i="1"/>
  <c r="B504" i="1"/>
  <c r="B503" i="1"/>
  <c r="B502" i="1"/>
  <c r="B501" i="1"/>
  <c r="B500" i="1"/>
  <c r="B499" i="1"/>
  <c r="B498" i="1"/>
  <c r="B497" i="1"/>
  <c r="B496" i="1"/>
  <c r="B495" i="1"/>
  <c r="B494" i="1"/>
  <c r="B493" i="1"/>
  <c r="B492" i="1"/>
  <c r="B491" i="1"/>
  <c r="B490" i="1"/>
  <c r="B489" i="1"/>
  <c r="B488" i="1"/>
  <c r="B487" i="1"/>
  <c r="B486" i="1"/>
  <c r="B485" i="1"/>
  <c r="B484" i="1"/>
  <c r="B483" i="1"/>
  <c r="B482" i="1"/>
  <c r="B481" i="1"/>
  <c r="B480" i="1"/>
  <c r="B479" i="1"/>
  <c r="B478" i="1"/>
  <c r="B477" i="1"/>
  <c r="B476" i="1"/>
  <c r="B475" i="1"/>
  <c r="B474" i="1"/>
  <c r="B473" i="1"/>
  <c r="B472" i="1"/>
  <c r="B471" i="1"/>
  <c r="B470" i="1"/>
  <c r="B469" i="1"/>
  <c r="B468" i="1"/>
  <c r="B467" i="1"/>
  <c r="B466" i="1"/>
  <c r="B465" i="1"/>
  <c r="B464" i="1"/>
  <c r="B463" i="1"/>
  <c r="B462" i="1"/>
  <c r="B461" i="1"/>
  <c r="B460" i="1"/>
  <c r="B459" i="1"/>
  <c r="B458" i="1"/>
  <c r="B457" i="1"/>
  <c r="B456" i="1"/>
  <c r="B455" i="1"/>
  <c r="B454" i="1"/>
  <c r="B453" i="1"/>
  <c r="B452" i="1"/>
  <c r="B451" i="1"/>
  <c r="B450" i="1"/>
  <c r="B449" i="1"/>
  <c r="B448" i="1"/>
  <c r="B447" i="1"/>
  <c r="B446" i="1"/>
  <c r="B445" i="1"/>
  <c r="B444" i="1"/>
  <c r="B443" i="1"/>
  <c r="B442" i="1"/>
  <c r="B441" i="1"/>
  <c r="B440" i="1"/>
  <c r="B439" i="1"/>
  <c r="B438" i="1"/>
  <c r="B437" i="1"/>
  <c r="B436" i="1"/>
  <c r="B435" i="1"/>
  <c r="B434" i="1"/>
  <c r="B433" i="1"/>
  <c r="B432" i="1"/>
  <c r="B431" i="1"/>
  <c r="B430" i="1"/>
  <c r="B429" i="1"/>
  <c r="B428" i="1"/>
  <c r="B427" i="1"/>
  <c r="B426" i="1"/>
  <c r="B425" i="1"/>
  <c r="B424" i="1"/>
  <c r="B423" i="1"/>
  <c r="B422" i="1"/>
  <c r="B421" i="1"/>
  <c r="B420" i="1"/>
  <c r="B419" i="1"/>
  <c r="B418" i="1"/>
  <c r="B417" i="1"/>
  <c r="B416" i="1"/>
  <c r="B415" i="1"/>
  <c r="B414" i="1"/>
  <c r="B413" i="1"/>
  <c r="B412" i="1"/>
  <c r="B411" i="1"/>
  <c r="B410" i="1"/>
  <c r="B409" i="1"/>
  <c r="B408" i="1"/>
  <c r="B407" i="1"/>
  <c r="B406" i="1"/>
  <c r="B405" i="1"/>
  <c r="B404" i="1"/>
  <c r="B403" i="1"/>
  <c r="B402" i="1"/>
  <c r="B401" i="1"/>
  <c r="B400" i="1"/>
  <c r="B399" i="1"/>
  <c r="B398" i="1"/>
  <c r="B397" i="1"/>
  <c r="B396" i="1"/>
  <c r="B395" i="1"/>
  <c r="B394" i="1"/>
  <c r="B393" i="1"/>
  <c r="B392" i="1"/>
  <c r="B391" i="1"/>
  <c r="B390" i="1"/>
  <c r="B389" i="1"/>
  <c r="B388" i="1"/>
  <c r="B387" i="1"/>
  <c r="B386" i="1"/>
  <c r="B385" i="1"/>
  <c r="B384" i="1"/>
  <c r="B383" i="1"/>
  <c r="B382" i="1"/>
  <c r="B381" i="1"/>
  <c r="B380" i="1"/>
  <c r="B379" i="1"/>
  <c r="B378" i="1"/>
  <c r="B377" i="1"/>
  <c r="B376" i="1"/>
  <c r="B375" i="1"/>
  <c r="B374" i="1"/>
  <c r="B373" i="1"/>
  <c r="B372" i="1"/>
  <c r="B371" i="1"/>
  <c r="B370" i="1"/>
  <c r="B369" i="1"/>
  <c r="B368" i="1"/>
  <c r="B367" i="1"/>
  <c r="B366" i="1"/>
  <c r="B365" i="1"/>
  <c r="B364" i="1"/>
  <c r="B363" i="1"/>
  <c r="B362" i="1"/>
  <c r="B361" i="1"/>
  <c r="B360" i="1"/>
  <c r="B359" i="1"/>
  <c r="B358" i="1"/>
  <c r="B357" i="1"/>
  <c r="B356" i="1"/>
  <c r="B355" i="1"/>
  <c r="B354" i="1"/>
  <c r="B353" i="1"/>
  <c r="B352" i="1"/>
  <c r="B351" i="1"/>
  <c r="B350" i="1"/>
  <c r="B349" i="1"/>
  <c r="B348" i="1"/>
  <c r="B347" i="1"/>
  <c r="B346" i="1"/>
  <c r="B345" i="1"/>
  <c r="B344" i="1"/>
  <c r="B343" i="1"/>
  <c r="B342" i="1"/>
  <c r="B341" i="1"/>
  <c r="B340" i="1"/>
  <c r="B339" i="1"/>
  <c r="B338" i="1"/>
  <c r="B337" i="1"/>
  <c r="B336" i="1"/>
  <c r="B335" i="1"/>
  <c r="B334" i="1"/>
  <c r="B333" i="1"/>
  <c r="B332" i="1"/>
  <c r="B331" i="1"/>
  <c r="B330" i="1"/>
  <c r="B329" i="1"/>
  <c r="B328" i="1"/>
  <c r="B327" i="1"/>
  <c r="B326" i="1"/>
  <c r="B325" i="1"/>
  <c r="B324" i="1"/>
  <c r="B323" i="1"/>
  <c r="B322" i="1"/>
  <c r="B321" i="1"/>
  <c r="B320" i="1"/>
  <c r="B319" i="1"/>
  <c r="B318" i="1"/>
  <c r="B317" i="1"/>
  <c r="B316" i="1"/>
  <c r="B315" i="1"/>
  <c r="B314" i="1"/>
  <c r="B313" i="1"/>
  <c r="B312" i="1"/>
  <c r="B311" i="1"/>
  <c r="B310" i="1"/>
  <c r="B309" i="1"/>
  <c r="B308" i="1"/>
  <c r="B307" i="1"/>
  <c r="B306" i="1"/>
  <c r="B305" i="1"/>
  <c r="B304" i="1"/>
  <c r="B303" i="1"/>
  <c r="B302" i="1"/>
  <c r="B301" i="1"/>
  <c r="B300" i="1"/>
  <c r="B299" i="1"/>
  <c r="B298" i="1"/>
  <c r="B297" i="1"/>
  <c r="B296" i="1"/>
  <c r="B295" i="1"/>
  <c r="B294" i="1"/>
  <c r="B293" i="1"/>
  <c r="B292" i="1"/>
  <c r="B291" i="1"/>
  <c r="B290" i="1"/>
  <c r="B289" i="1"/>
  <c r="B288" i="1"/>
  <c r="B287" i="1"/>
  <c r="B286" i="1"/>
  <c r="B285" i="1"/>
  <c r="B284" i="1"/>
  <c r="B283" i="1"/>
  <c r="B282" i="1"/>
  <c r="B281" i="1"/>
  <c r="B280" i="1"/>
  <c r="B279" i="1"/>
  <c r="B278" i="1"/>
  <c r="B277" i="1"/>
  <c r="B276" i="1"/>
  <c r="B275" i="1"/>
  <c r="B274" i="1"/>
  <c r="B273" i="1"/>
  <c r="B272" i="1"/>
  <c r="B271" i="1"/>
  <c r="B270" i="1"/>
  <c r="B269" i="1"/>
  <c r="B268" i="1"/>
  <c r="B267" i="1"/>
  <c r="B266" i="1"/>
  <c r="B265" i="1"/>
  <c r="B264" i="1"/>
  <c r="B263" i="1"/>
  <c r="B262" i="1"/>
  <c r="B261" i="1"/>
  <c r="B260" i="1"/>
  <c r="B259" i="1"/>
  <c r="B258" i="1"/>
  <c r="B257" i="1"/>
  <c r="B256" i="1"/>
  <c r="B255" i="1"/>
  <c r="B254" i="1"/>
  <c r="B253" i="1"/>
  <c r="B252" i="1"/>
  <c r="B251" i="1"/>
  <c r="B250" i="1"/>
  <c r="B249" i="1"/>
  <c r="B248" i="1"/>
  <c r="B247" i="1"/>
  <c r="B246" i="1"/>
  <c r="B245" i="1"/>
  <c r="B244" i="1"/>
  <c r="B243" i="1"/>
  <c r="B242" i="1"/>
  <c r="B241" i="1"/>
  <c r="B240" i="1"/>
  <c r="B239" i="1"/>
  <c r="B238" i="1"/>
  <c r="B237" i="1"/>
  <c r="B236" i="1"/>
  <c r="B235" i="1"/>
  <c r="B234" i="1"/>
  <c r="B233" i="1"/>
  <c r="B232" i="1"/>
  <c r="B231" i="1"/>
  <c r="B230" i="1"/>
  <c r="B229" i="1"/>
  <c r="B228" i="1"/>
  <c r="B227" i="1"/>
  <c r="B226" i="1"/>
  <c r="B225" i="1"/>
  <c r="B224" i="1"/>
  <c r="B223" i="1"/>
  <c r="B222" i="1"/>
  <c r="B221" i="1"/>
  <c r="B220" i="1"/>
  <c r="B219" i="1"/>
  <c r="B218" i="1"/>
  <c r="B217" i="1"/>
  <c r="B216" i="1"/>
  <c r="B215" i="1"/>
  <c r="B214" i="1"/>
  <c r="B213" i="1"/>
  <c r="B212" i="1"/>
  <c r="B211" i="1"/>
  <c r="B210" i="1"/>
  <c r="B209" i="1"/>
  <c r="B208" i="1"/>
  <c r="B207" i="1"/>
  <c r="B206" i="1"/>
  <c r="B205" i="1"/>
  <c r="B204" i="1"/>
  <c r="B203" i="1"/>
  <c r="B202" i="1"/>
  <c r="B201" i="1"/>
  <c r="B200" i="1"/>
  <c r="B199" i="1"/>
  <c r="B198" i="1"/>
  <c r="B197" i="1"/>
  <c r="B196" i="1"/>
  <c r="B195" i="1"/>
  <c r="B194" i="1"/>
  <c r="B193" i="1"/>
  <c r="B192" i="1"/>
  <c r="B191" i="1"/>
  <c r="B190" i="1"/>
  <c r="B189" i="1"/>
  <c r="B188" i="1"/>
  <c r="B187" i="1"/>
  <c r="B186" i="1"/>
  <c r="B185" i="1"/>
  <c r="B184" i="1"/>
  <c r="B183" i="1"/>
  <c r="B182" i="1"/>
  <c r="B181" i="1"/>
  <c r="B180" i="1"/>
  <c r="B179" i="1"/>
  <c r="B178" i="1"/>
  <c r="B177" i="1"/>
  <c r="B176" i="1"/>
  <c r="B175" i="1"/>
  <c r="B174" i="1"/>
  <c r="B173" i="1"/>
  <c r="B172" i="1"/>
  <c r="B171" i="1"/>
  <c r="B170" i="1"/>
  <c r="B169" i="1"/>
  <c r="B168" i="1"/>
  <c r="B167" i="1"/>
  <c r="B166" i="1"/>
  <c r="B165" i="1"/>
  <c r="B164" i="1"/>
  <c r="B163" i="1"/>
  <c r="B162" i="1"/>
  <c r="B161" i="1"/>
  <c r="B160" i="1"/>
  <c r="B159" i="1"/>
  <c r="B158" i="1"/>
  <c r="B157" i="1"/>
  <c r="B156" i="1"/>
  <c r="B155" i="1"/>
  <c r="B154" i="1"/>
  <c r="B153" i="1"/>
  <c r="B152" i="1"/>
  <c r="B151" i="1"/>
  <c r="B150" i="1"/>
  <c r="B149" i="1"/>
  <c r="B148" i="1"/>
  <c r="B147" i="1"/>
  <c r="B146" i="1"/>
  <c r="B145" i="1"/>
  <c r="B144" i="1"/>
  <c r="B143" i="1"/>
  <c r="B142" i="1"/>
  <c r="B141" i="1"/>
  <c r="B140" i="1"/>
  <c r="B139" i="1"/>
  <c r="B138" i="1"/>
  <c r="B137" i="1"/>
  <c r="B136" i="1"/>
  <c r="B135" i="1"/>
  <c r="B134" i="1"/>
  <c r="B133" i="1"/>
  <c r="B132" i="1"/>
  <c r="B131" i="1"/>
  <c r="B130" i="1"/>
  <c r="B129" i="1"/>
  <c r="B128" i="1"/>
  <c r="B127" i="1"/>
  <c r="B126" i="1"/>
  <c r="B125" i="1"/>
  <c r="B124" i="1"/>
  <c r="B123" i="1"/>
  <c r="B122" i="1"/>
  <c r="B121" i="1"/>
  <c r="B120" i="1"/>
  <c r="B119" i="1"/>
  <c r="B118" i="1"/>
  <c r="B117" i="1"/>
  <c r="B116" i="1"/>
  <c r="B115" i="1"/>
  <c r="B114" i="1"/>
  <c r="B113" i="1"/>
  <c r="B112" i="1"/>
  <c r="B111" i="1"/>
  <c r="B110" i="1"/>
  <c r="B109" i="1"/>
  <c r="B108" i="1"/>
  <c r="B107" i="1"/>
  <c r="B106" i="1"/>
  <c r="B105" i="1"/>
  <c r="B104" i="1"/>
  <c r="B103" i="1"/>
  <c r="B102" i="1"/>
  <c r="B101" i="1"/>
  <c r="B100" i="1"/>
  <c r="B99" i="1"/>
  <c r="B98" i="1"/>
  <c r="B97" i="1"/>
  <c r="B96" i="1"/>
  <c r="B95" i="1"/>
  <c r="B94" i="1"/>
  <c r="B93" i="1"/>
  <c r="B92" i="1"/>
  <c r="B91" i="1"/>
  <c r="B90" i="1"/>
  <c r="B89" i="1"/>
  <c r="B88" i="1"/>
  <c r="B87" i="1"/>
  <c r="B86" i="1"/>
  <c r="B85" i="1"/>
  <c r="B84" i="1"/>
  <c r="B83" i="1"/>
  <c r="B82" i="1"/>
  <c r="B81" i="1"/>
  <c r="B80" i="1"/>
  <c r="B79" i="1"/>
  <c r="B78" i="1"/>
  <c r="B77" i="1"/>
  <c r="B76" i="1"/>
  <c r="B75" i="1"/>
  <c r="B74" i="1"/>
  <c r="B73" i="1"/>
  <c r="B72" i="1"/>
  <c r="B71" i="1"/>
  <c r="B70" i="1"/>
  <c r="B69" i="1"/>
  <c r="B68" i="1"/>
  <c r="B67" i="1"/>
  <c r="B66" i="1"/>
  <c r="B65" i="1"/>
  <c r="B64" i="1"/>
  <c r="B63" i="1"/>
  <c r="B62" i="1"/>
  <c r="B61" i="1"/>
  <c r="B60" i="1"/>
  <c r="B59" i="1"/>
  <c r="B58" i="1"/>
  <c r="B57" i="1"/>
  <c r="B56" i="1"/>
  <c r="B55" i="1"/>
  <c r="B54" i="1"/>
  <c r="B53" i="1"/>
  <c r="B52" i="1"/>
  <c r="B51" i="1"/>
  <c r="B50" i="1"/>
  <c r="B49" i="1"/>
  <c r="B48" i="1"/>
  <c r="B47" i="1"/>
  <c r="B46" i="1"/>
  <c r="B45" i="1"/>
  <c r="B44" i="1"/>
  <c r="B43" i="1"/>
  <c r="B42" i="1"/>
  <c r="B41" i="1"/>
  <c r="B40" i="1"/>
  <c r="B39" i="1"/>
  <c r="B38" i="1"/>
  <c r="B37" i="1"/>
  <c r="B36" i="1"/>
  <c r="B35" i="1"/>
  <c r="B34" i="1"/>
  <c r="B33" i="1"/>
  <c r="B32" i="1"/>
  <c r="B31" i="1"/>
  <c r="B30" i="1"/>
  <c r="B29" i="1"/>
  <c r="B28" i="1"/>
  <c r="B27" i="1"/>
  <c r="B26" i="1"/>
  <c r="B25" i="1"/>
  <c r="B24" i="1"/>
  <c r="B23" i="1"/>
  <c r="B22" i="1"/>
  <c r="B21" i="1"/>
  <c r="B20" i="1"/>
  <c r="B19" i="1"/>
  <c r="B18" i="1"/>
  <c r="B17" i="1"/>
  <c r="B16" i="1"/>
  <c r="B15" i="1"/>
  <c r="B14" i="1"/>
  <c r="B13" i="1"/>
  <c r="B12" i="1"/>
  <c r="B11" i="1"/>
  <c r="B10" i="1"/>
  <c r="B9" i="1"/>
  <c r="B8" i="1"/>
  <c r="B7" i="1"/>
  <c r="B6" i="1"/>
  <c r="B5" i="1"/>
  <c r="B4" i="1"/>
  <c r="B3" i="1"/>
  <c r="M903" i="1"/>
  <c r="O903" i="1" s="1"/>
  <c r="M902" i="1"/>
  <c r="M901" i="1"/>
  <c r="M900" i="1"/>
  <c r="O900" i="1" s="1"/>
  <c r="M899" i="1"/>
  <c r="N899" i="1" s="1"/>
  <c r="M898" i="1"/>
  <c r="M897" i="1"/>
  <c r="N897" i="1" s="1"/>
  <c r="M896" i="1"/>
  <c r="M895" i="1"/>
  <c r="M894" i="1"/>
  <c r="M893" i="1"/>
  <c r="M892" i="1"/>
  <c r="M891" i="1"/>
  <c r="N891" i="1" s="1"/>
  <c r="M890" i="1"/>
  <c r="M889" i="1"/>
  <c r="M888" i="1"/>
  <c r="M887" i="1"/>
  <c r="M886" i="1"/>
  <c r="M885" i="1"/>
  <c r="N885" i="1" s="1"/>
  <c r="M884" i="1"/>
  <c r="M883" i="1"/>
  <c r="M882" i="1"/>
  <c r="M881" i="1"/>
  <c r="M880" i="1"/>
  <c r="M879" i="1"/>
  <c r="M878" i="1"/>
  <c r="M877" i="1"/>
  <c r="M876" i="1"/>
  <c r="M875" i="1"/>
  <c r="O875" i="1" s="1"/>
  <c r="M874" i="1"/>
  <c r="M873" i="1"/>
  <c r="O873" i="1" s="1"/>
  <c r="M872" i="1"/>
  <c r="M871" i="1"/>
  <c r="M870" i="1"/>
  <c r="M869" i="1"/>
  <c r="M868" i="1"/>
  <c r="M867" i="1"/>
  <c r="M866" i="1"/>
  <c r="M865" i="1"/>
  <c r="M864" i="1"/>
  <c r="M863" i="1"/>
  <c r="O863" i="1" s="1"/>
  <c r="M862" i="1"/>
  <c r="M861" i="1"/>
  <c r="O861" i="1" s="1"/>
  <c r="M860" i="1"/>
  <c r="M859" i="1"/>
  <c r="M858" i="1"/>
  <c r="M857" i="1"/>
  <c r="M856" i="1"/>
  <c r="M855" i="1"/>
  <c r="N855" i="1" s="1"/>
  <c r="M854" i="1"/>
  <c r="M853" i="1"/>
  <c r="M852" i="1"/>
  <c r="M851" i="1"/>
  <c r="M850" i="1"/>
  <c r="M849" i="1"/>
  <c r="M848" i="1"/>
  <c r="M847" i="1"/>
  <c r="M846" i="1"/>
  <c r="M845" i="1"/>
  <c r="M844" i="1"/>
  <c r="M843" i="1"/>
  <c r="M842" i="1"/>
  <c r="M841" i="1"/>
  <c r="M840" i="1"/>
  <c r="M839" i="1"/>
  <c r="N839" i="1" s="1"/>
  <c r="M838" i="1"/>
  <c r="M837" i="1"/>
  <c r="M836" i="1"/>
  <c r="M835" i="1"/>
  <c r="M834" i="1"/>
  <c r="M833" i="1"/>
  <c r="M832" i="1"/>
  <c r="M831" i="1"/>
  <c r="O831" i="1" s="1"/>
  <c r="M830" i="1"/>
  <c r="M829" i="1"/>
  <c r="M828" i="1"/>
  <c r="O828" i="1" s="1"/>
  <c r="M827" i="1"/>
  <c r="N827" i="1" s="1"/>
  <c r="M826" i="1"/>
  <c r="M825" i="1"/>
  <c r="N825" i="1" s="1"/>
  <c r="M824" i="1"/>
  <c r="M823" i="1"/>
  <c r="M822" i="1"/>
  <c r="M821" i="1"/>
  <c r="M820" i="1"/>
  <c r="M819" i="1"/>
  <c r="N819" i="1" s="1"/>
  <c r="M818" i="1"/>
  <c r="M817" i="1"/>
  <c r="M816" i="1"/>
  <c r="M815" i="1"/>
  <c r="M814" i="1"/>
  <c r="M813" i="1"/>
  <c r="N813" i="1" s="1"/>
  <c r="M812" i="1"/>
  <c r="M811" i="1"/>
  <c r="M810" i="1"/>
  <c r="M809" i="1"/>
  <c r="M808" i="1"/>
  <c r="M807" i="1"/>
  <c r="M806" i="1"/>
  <c r="M805" i="1"/>
  <c r="M804" i="1"/>
  <c r="M803" i="1"/>
  <c r="O803" i="1" s="1"/>
  <c r="M802" i="1"/>
  <c r="M801" i="1"/>
  <c r="O801" i="1" s="1"/>
  <c r="M800" i="1"/>
  <c r="M799" i="1"/>
  <c r="M798" i="1"/>
  <c r="M797" i="1"/>
  <c r="M796" i="1"/>
  <c r="M795" i="1"/>
  <c r="M794" i="1"/>
  <c r="M793" i="1"/>
  <c r="M792" i="1"/>
  <c r="M791" i="1"/>
  <c r="O791" i="1" s="1"/>
  <c r="M790" i="1"/>
  <c r="M789" i="1"/>
  <c r="O789" i="1" s="1"/>
  <c r="M788" i="1"/>
  <c r="M787" i="1"/>
  <c r="M786" i="1"/>
  <c r="M785" i="1"/>
  <c r="M784" i="1"/>
  <c r="M783" i="1"/>
  <c r="N783" i="1" s="1"/>
  <c r="M782" i="1"/>
  <c r="M781" i="1"/>
  <c r="M780" i="1"/>
  <c r="M779" i="1"/>
  <c r="M778" i="1"/>
  <c r="M777" i="1"/>
  <c r="M776" i="1"/>
  <c r="M775" i="1"/>
  <c r="M774" i="1"/>
  <c r="M773" i="1"/>
  <c r="M772" i="1"/>
  <c r="M771" i="1"/>
  <c r="M770" i="1"/>
  <c r="M769" i="1"/>
  <c r="M768" i="1"/>
  <c r="M767" i="1"/>
  <c r="N767" i="1" s="1"/>
  <c r="M766" i="1"/>
  <c r="M765" i="1"/>
  <c r="M764" i="1"/>
  <c r="M763" i="1"/>
  <c r="M762" i="1"/>
  <c r="M761" i="1"/>
  <c r="M760" i="1"/>
  <c r="M759" i="1"/>
  <c r="O759" i="1" s="1"/>
  <c r="M758" i="1"/>
  <c r="M757" i="1"/>
  <c r="M756" i="1"/>
  <c r="O756" i="1" s="1"/>
  <c r="M755" i="1"/>
  <c r="N755" i="1" s="1"/>
  <c r="M754" i="1"/>
  <c r="M753" i="1"/>
  <c r="N753" i="1" s="1"/>
  <c r="M752" i="1"/>
  <c r="M751" i="1"/>
  <c r="M750" i="1"/>
  <c r="M749" i="1"/>
  <c r="M748" i="1"/>
  <c r="M747" i="1"/>
  <c r="N747" i="1" s="1"/>
  <c r="M746" i="1"/>
  <c r="M745" i="1"/>
  <c r="M744" i="1"/>
  <c r="M743" i="1"/>
  <c r="M742" i="1"/>
  <c r="M741" i="1"/>
  <c r="N741" i="1" s="1"/>
  <c r="M740" i="1"/>
  <c r="M739" i="1"/>
  <c r="M738" i="1"/>
  <c r="M737" i="1"/>
  <c r="M736" i="1"/>
  <c r="M735" i="1"/>
  <c r="M734" i="1"/>
  <c r="M733" i="1"/>
  <c r="M732" i="1"/>
  <c r="M731" i="1"/>
  <c r="O731" i="1" s="1"/>
  <c r="M730" i="1"/>
  <c r="M729" i="1"/>
  <c r="O729" i="1" s="1"/>
  <c r="M728" i="1"/>
  <c r="M727" i="1"/>
  <c r="M726" i="1"/>
  <c r="M725" i="1"/>
  <c r="M724" i="1"/>
  <c r="M723" i="1"/>
  <c r="M722" i="1"/>
  <c r="M721" i="1"/>
  <c r="M720" i="1"/>
  <c r="M719" i="1"/>
  <c r="O719" i="1" s="1"/>
  <c r="M718" i="1"/>
  <c r="M717" i="1"/>
  <c r="O717" i="1" s="1"/>
  <c r="M716" i="1"/>
  <c r="M715" i="1"/>
  <c r="M714" i="1"/>
  <c r="M713" i="1"/>
  <c r="M712" i="1"/>
  <c r="M711" i="1"/>
  <c r="N711" i="1" s="1"/>
  <c r="M710" i="1"/>
  <c r="M709" i="1"/>
  <c r="M708" i="1"/>
  <c r="M707" i="1"/>
  <c r="M706" i="1"/>
  <c r="M705" i="1"/>
  <c r="M704" i="1"/>
  <c r="M703" i="1"/>
  <c r="M702" i="1"/>
  <c r="M701" i="1"/>
  <c r="M700" i="1"/>
  <c r="M699" i="1"/>
  <c r="M698" i="1"/>
  <c r="M697" i="1"/>
  <c r="M696" i="1"/>
  <c r="M695" i="1"/>
  <c r="O695" i="1" s="1"/>
  <c r="M694" i="1"/>
  <c r="M693" i="1"/>
  <c r="M692" i="1"/>
  <c r="M691" i="1"/>
  <c r="M690" i="1"/>
  <c r="M689" i="1"/>
  <c r="M688" i="1"/>
  <c r="M687" i="1"/>
  <c r="O687" i="1" s="1"/>
  <c r="M686" i="1"/>
  <c r="M685" i="1"/>
  <c r="M684" i="1"/>
  <c r="O684" i="1" s="1"/>
  <c r="M683" i="1"/>
  <c r="O683" i="1" s="1"/>
  <c r="M682" i="1"/>
  <c r="M681" i="1"/>
  <c r="M680" i="1"/>
  <c r="M679" i="1"/>
  <c r="M678" i="1"/>
  <c r="M677" i="1"/>
  <c r="M676" i="1"/>
  <c r="M675" i="1"/>
  <c r="M674" i="1"/>
  <c r="M673" i="1"/>
  <c r="M672" i="1"/>
  <c r="M671" i="1"/>
  <c r="M670" i="1"/>
  <c r="M669" i="1"/>
  <c r="M668" i="1"/>
  <c r="M667" i="1"/>
  <c r="M666" i="1"/>
  <c r="M665" i="1"/>
  <c r="M664" i="1"/>
  <c r="M663" i="1"/>
  <c r="M662" i="1"/>
  <c r="M661" i="1"/>
  <c r="M660" i="1"/>
  <c r="M659" i="1"/>
  <c r="O659" i="1" s="1"/>
  <c r="M658" i="1"/>
  <c r="M657" i="1"/>
  <c r="O657" i="1" s="1"/>
  <c r="M656" i="1"/>
  <c r="M655" i="1"/>
  <c r="M654" i="1"/>
  <c r="M653" i="1"/>
  <c r="M652" i="1"/>
  <c r="M651" i="1"/>
  <c r="M650" i="1"/>
  <c r="M649" i="1"/>
  <c r="M648" i="1"/>
  <c r="M647" i="1"/>
  <c r="O647" i="1" s="1"/>
  <c r="M646" i="1"/>
  <c r="M645" i="1"/>
  <c r="O645" i="1" s="1"/>
  <c r="M644" i="1"/>
  <c r="M643" i="1"/>
  <c r="M642" i="1"/>
  <c r="M641" i="1"/>
  <c r="M640" i="1"/>
  <c r="M639" i="1"/>
  <c r="M638" i="1"/>
  <c r="M637" i="1"/>
  <c r="M636" i="1"/>
  <c r="M635" i="1"/>
  <c r="M634" i="1"/>
  <c r="M633" i="1"/>
  <c r="M632" i="1"/>
  <c r="M631" i="1"/>
  <c r="M630" i="1"/>
  <c r="M629" i="1"/>
  <c r="M628" i="1"/>
  <c r="M627" i="1"/>
  <c r="M626" i="1"/>
  <c r="M625" i="1"/>
  <c r="M624" i="1"/>
  <c r="M623" i="1"/>
  <c r="O623" i="1" s="1"/>
  <c r="M622" i="1"/>
  <c r="M621" i="1"/>
  <c r="M620" i="1"/>
  <c r="M619" i="1"/>
  <c r="M618" i="1"/>
  <c r="M617" i="1"/>
  <c r="M616" i="1"/>
  <c r="M615" i="1"/>
  <c r="O615" i="1" s="1"/>
  <c r="M614" i="1"/>
  <c r="M613" i="1"/>
  <c r="M612" i="1"/>
  <c r="O612" i="1" s="1"/>
  <c r="M611" i="1"/>
  <c r="O611" i="1" s="1"/>
  <c r="M610" i="1"/>
  <c r="M609" i="1"/>
  <c r="M608" i="1"/>
  <c r="M607" i="1"/>
  <c r="M606" i="1"/>
  <c r="M605" i="1"/>
  <c r="M604" i="1"/>
  <c r="M603" i="1"/>
  <c r="M602" i="1"/>
  <c r="M601" i="1"/>
  <c r="M600" i="1"/>
  <c r="M599" i="1"/>
  <c r="M598" i="1"/>
  <c r="M597" i="1"/>
  <c r="M596" i="1"/>
  <c r="M595" i="1"/>
  <c r="M594" i="1"/>
  <c r="M593" i="1"/>
  <c r="M592" i="1"/>
  <c r="M591" i="1"/>
  <c r="M590" i="1"/>
  <c r="M589" i="1"/>
  <c r="M588" i="1"/>
  <c r="M587" i="1"/>
  <c r="O587" i="1" s="1"/>
  <c r="M586" i="1"/>
  <c r="M585" i="1"/>
  <c r="O585" i="1" s="1"/>
  <c r="M584" i="1"/>
  <c r="M583" i="1"/>
  <c r="M582" i="1"/>
  <c r="M581" i="1"/>
  <c r="M580" i="1"/>
  <c r="M579" i="1"/>
  <c r="M578" i="1"/>
  <c r="M577" i="1"/>
  <c r="M576" i="1"/>
  <c r="M575" i="1"/>
  <c r="O575" i="1" s="1"/>
  <c r="M574" i="1"/>
  <c r="M573" i="1"/>
  <c r="O573" i="1" s="1"/>
  <c r="M572" i="1"/>
  <c r="M571" i="1"/>
  <c r="M570" i="1"/>
  <c r="M569" i="1"/>
  <c r="M568" i="1"/>
  <c r="M567" i="1"/>
  <c r="M566" i="1"/>
  <c r="M565" i="1"/>
  <c r="M564" i="1"/>
  <c r="M563" i="1"/>
  <c r="M562" i="1"/>
  <c r="M561" i="1"/>
  <c r="M560" i="1"/>
  <c r="M559" i="1"/>
  <c r="M558" i="1"/>
  <c r="M557" i="1"/>
  <c r="M556" i="1"/>
  <c r="M555" i="1"/>
  <c r="M554" i="1"/>
  <c r="M553" i="1"/>
  <c r="M552" i="1"/>
  <c r="M551" i="1"/>
  <c r="O551" i="1" s="1"/>
  <c r="M550" i="1"/>
  <c r="M549" i="1"/>
  <c r="M548" i="1"/>
  <c r="M547" i="1"/>
  <c r="M546" i="1"/>
  <c r="M545" i="1"/>
  <c r="M544" i="1"/>
  <c r="M543" i="1"/>
  <c r="O543" i="1" s="1"/>
  <c r="M542" i="1"/>
  <c r="M541" i="1"/>
  <c r="M540" i="1"/>
  <c r="O540" i="1" s="1"/>
  <c r="M539" i="1"/>
  <c r="O539" i="1" s="1"/>
  <c r="M538" i="1"/>
  <c r="M537" i="1"/>
  <c r="M536" i="1"/>
  <c r="M535" i="1"/>
  <c r="M534" i="1"/>
  <c r="M533" i="1"/>
  <c r="M532" i="1"/>
  <c r="M531" i="1"/>
  <c r="M530" i="1"/>
  <c r="M529" i="1"/>
  <c r="M528" i="1"/>
  <c r="M527" i="1"/>
  <c r="M526" i="1"/>
  <c r="M525" i="1"/>
  <c r="M524" i="1"/>
  <c r="M523" i="1"/>
  <c r="M522" i="1"/>
  <c r="M521" i="1"/>
  <c r="M520" i="1"/>
  <c r="M519" i="1"/>
  <c r="M518" i="1"/>
  <c r="M517" i="1"/>
  <c r="M516" i="1"/>
  <c r="M515" i="1"/>
  <c r="O515" i="1" s="1"/>
  <c r="M514" i="1"/>
  <c r="M513" i="1"/>
  <c r="O513" i="1" s="1"/>
  <c r="M512" i="1"/>
  <c r="M511" i="1"/>
  <c r="M510" i="1"/>
  <c r="M509" i="1"/>
  <c r="M508" i="1"/>
  <c r="M507" i="1"/>
  <c r="M506" i="1"/>
  <c r="M505" i="1"/>
  <c r="M504" i="1"/>
  <c r="M503" i="1"/>
  <c r="O503" i="1" s="1"/>
  <c r="M502" i="1"/>
  <c r="M501" i="1"/>
  <c r="O501" i="1" s="1"/>
  <c r="M500" i="1"/>
  <c r="M499" i="1"/>
  <c r="M498" i="1"/>
  <c r="M497" i="1"/>
  <c r="M496" i="1"/>
  <c r="M495" i="1"/>
  <c r="M494" i="1"/>
  <c r="M493" i="1"/>
  <c r="M492" i="1"/>
  <c r="M491" i="1"/>
  <c r="M490" i="1"/>
  <c r="M489" i="1"/>
  <c r="M488" i="1"/>
  <c r="M487" i="1"/>
  <c r="M486" i="1"/>
  <c r="M485" i="1"/>
  <c r="M484" i="1"/>
  <c r="M483" i="1"/>
  <c r="M482" i="1"/>
  <c r="M481" i="1"/>
  <c r="M480" i="1"/>
  <c r="M479" i="1"/>
  <c r="O479" i="1" s="1"/>
  <c r="M478" i="1"/>
  <c r="M477" i="1"/>
  <c r="M476" i="1"/>
  <c r="M475" i="1"/>
  <c r="M474" i="1"/>
  <c r="M473" i="1"/>
  <c r="M472" i="1"/>
  <c r="M471" i="1"/>
  <c r="O471" i="1" s="1"/>
  <c r="M470" i="1"/>
  <c r="M469" i="1"/>
  <c r="M468" i="1"/>
  <c r="O468" i="1" s="1"/>
  <c r="M467" i="1"/>
  <c r="O467" i="1" s="1"/>
  <c r="M466" i="1"/>
  <c r="M465" i="1"/>
  <c r="M464" i="1"/>
  <c r="M463" i="1"/>
  <c r="M462" i="1"/>
  <c r="M461" i="1"/>
  <c r="M460" i="1"/>
  <c r="M459" i="1"/>
  <c r="M458" i="1"/>
  <c r="M457" i="1"/>
  <c r="M456" i="1"/>
  <c r="M455" i="1"/>
  <c r="M454" i="1"/>
  <c r="M453" i="1"/>
  <c r="M452" i="1"/>
  <c r="M451" i="1"/>
  <c r="M450" i="1"/>
  <c r="M449" i="1"/>
  <c r="M448" i="1"/>
  <c r="M447" i="1"/>
  <c r="M446" i="1"/>
  <c r="M445" i="1"/>
  <c r="M444" i="1"/>
  <c r="M443" i="1"/>
  <c r="O443" i="1" s="1"/>
  <c r="M442" i="1"/>
  <c r="M441" i="1"/>
  <c r="O441" i="1" s="1"/>
  <c r="M440" i="1"/>
  <c r="M439" i="1"/>
  <c r="M438" i="1"/>
  <c r="M437" i="1"/>
  <c r="M436" i="1"/>
  <c r="M435" i="1"/>
  <c r="M434" i="1"/>
  <c r="M433" i="1"/>
  <c r="M432" i="1"/>
  <c r="M431" i="1"/>
  <c r="O431" i="1" s="1"/>
  <c r="M430" i="1"/>
  <c r="M429" i="1"/>
  <c r="O429" i="1" s="1"/>
  <c r="M428" i="1"/>
  <c r="M427" i="1"/>
  <c r="M426" i="1"/>
  <c r="M425" i="1"/>
  <c r="M424" i="1"/>
  <c r="M423" i="1"/>
  <c r="M422" i="1"/>
  <c r="M421" i="1"/>
  <c r="M420" i="1"/>
  <c r="M419" i="1"/>
  <c r="M418" i="1"/>
  <c r="M417" i="1"/>
  <c r="M416" i="1"/>
  <c r="M415" i="1"/>
  <c r="M414" i="1"/>
  <c r="M413" i="1"/>
  <c r="M412" i="1"/>
  <c r="M411" i="1"/>
  <c r="M410" i="1"/>
  <c r="M409" i="1"/>
  <c r="M408" i="1"/>
  <c r="M407" i="1"/>
  <c r="O407" i="1" s="1"/>
  <c r="M406" i="1"/>
  <c r="M405" i="1"/>
  <c r="M404" i="1"/>
  <c r="M403" i="1"/>
  <c r="M402" i="1"/>
  <c r="M401" i="1"/>
  <c r="M400" i="1"/>
  <c r="M399" i="1"/>
  <c r="O399" i="1" s="1"/>
  <c r="M398" i="1"/>
  <c r="M397" i="1"/>
  <c r="M396" i="1"/>
  <c r="O396" i="1" s="1"/>
  <c r="M395" i="1"/>
  <c r="O395" i="1" s="1"/>
  <c r="M394" i="1"/>
  <c r="M393" i="1"/>
  <c r="M392" i="1"/>
  <c r="M391" i="1"/>
  <c r="M390" i="1"/>
  <c r="M389" i="1"/>
  <c r="M388" i="1"/>
  <c r="M387" i="1"/>
  <c r="M386" i="1"/>
  <c r="M385" i="1"/>
  <c r="M384" i="1"/>
  <c r="M383" i="1"/>
  <c r="M382" i="1"/>
  <c r="M381" i="1"/>
  <c r="M380" i="1"/>
  <c r="M379" i="1"/>
  <c r="M378" i="1"/>
  <c r="M377" i="1"/>
  <c r="M376" i="1"/>
  <c r="M375" i="1"/>
  <c r="M374" i="1"/>
  <c r="M373" i="1"/>
  <c r="M372" i="1"/>
  <c r="M371" i="1"/>
  <c r="O371" i="1" s="1"/>
  <c r="M370" i="1"/>
  <c r="M369" i="1"/>
  <c r="O369" i="1" s="1"/>
  <c r="M368" i="1"/>
  <c r="M367" i="1"/>
  <c r="M366" i="1"/>
  <c r="M365" i="1"/>
  <c r="M364" i="1"/>
  <c r="M363" i="1"/>
  <c r="M362" i="1"/>
  <c r="M361" i="1"/>
  <c r="M360" i="1"/>
  <c r="M359" i="1"/>
  <c r="O359" i="1" s="1"/>
  <c r="M358" i="1"/>
  <c r="M357" i="1"/>
  <c r="O357" i="1" s="1"/>
  <c r="M356" i="1"/>
  <c r="M355" i="1"/>
  <c r="M354" i="1"/>
  <c r="M353" i="1"/>
  <c r="M352" i="1"/>
  <c r="M351" i="1"/>
  <c r="M350" i="1"/>
  <c r="M349" i="1"/>
  <c r="M348" i="1"/>
  <c r="M347" i="1"/>
  <c r="M346" i="1"/>
  <c r="M345" i="1"/>
  <c r="M344" i="1"/>
  <c r="M343" i="1"/>
  <c r="M342" i="1"/>
  <c r="M341" i="1"/>
  <c r="M340" i="1"/>
  <c r="M339" i="1"/>
  <c r="M338" i="1"/>
  <c r="M337" i="1"/>
  <c r="M336" i="1"/>
  <c r="M335" i="1"/>
  <c r="O335" i="1" s="1"/>
  <c r="M334" i="1"/>
  <c r="M333" i="1"/>
  <c r="M332" i="1"/>
  <c r="M331" i="1"/>
  <c r="M330" i="1"/>
  <c r="M329" i="1"/>
  <c r="M328" i="1"/>
  <c r="M327" i="1"/>
  <c r="O327" i="1" s="1"/>
  <c r="M326" i="1"/>
  <c r="M325" i="1"/>
  <c r="M324" i="1"/>
  <c r="O324" i="1" s="1"/>
  <c r="M323" i="1"/>
  <c r="O323" i="1" s="1"/>
  <c r="M322" i="1"/>
  <c r="M321" i="1"/>
  <c r="M320" i="1"/>
  <c r="M319" i="1"/>
  <c r="M318" i="1"/>
  <c r="M317" i="1"/>
  <c r="M316" i="1"/>
  <c r="M315" i="1"/>
  <c r="M314" i="1"/>
  <c r="M313" i="1"/>
  <c r="M312" i="1"/>
  <c r="M311" i="1"/>
  <c r="M310" i="1"/>
  <c r="M309" i="1"/>
  <c r="M308" i="1"/>
  <c r="M307" i="1"/>
  <c r="M306" i="1"/>
  <c r="M305" i="1"/>
  <c r="M304" i="1"/>
  <c r="M303" i="1"/>
  <c r="M302" i="1"/>
  <c r="M301" i="1"/>
  <c r="M300" i="1"/>
  <c r="M299" i="1"/>
  <c r="O299" i="1" s="1"/>
  <c r="M298" i="1"/>
  <c r="M297" i="1"/>
  <c r="O297" i="1" s="1"/>
  <c r="M296" i="1"/>
  <c r="M295" i="1"/>
  <c r="M294" i="1"/>
  <c r="M293" i="1"/>
  <c r="M292" i="1"/>
  <c r="M291" i="1"/>
  <c r="M290" i="1"/>
  <c r="M289" i="1"/>
  <c r="M288" i="1"/>
  <c r="M287" i="1"/>
  <c r="O287" i="1" s="1"/>
  <c r="M286" i="1"/>
  <c r="M285" i="1"/>
  <c r="O285" i="1" s="1"/>
  <c r="M284" i="1"/>
  <c r="M283" i="1"/>
  <c r="M282" i="1"/>
  <c r="M281" i="1"/>
  <c r="M280" i="1"/>
  <c r="M279" i="1"/>
  <c r="M278" i="1"/>
  <c r="M277" i="1"/>
  <c r="M276" i="1"/>
  <c r="M275" i="1"/>
  <c r="M274" i="1"/>
  <c r="M273" i="1"/>
  <c r="M272" i="1"/>
  <c r="M271" i="1"/>
  <c r="M270" i="1"/>
  <c r="M269" i="1"/>
  <c r="M268" i="1"/>
  <c r="M267" i="1"/>
  <c r="M266" i="1"/>
  <c r="M265" i="1"/>
  <c r="M264" i="1"/>
  <c r="M263" i="1"/>
  <c r="O263" i="1" s="1"/>
  <c r="M262" i="1"/>
  <c r="M261" i="1"/>
  <c r="M260" i="1"/>
  <c r="M259" i="1"/>
  <c r="M258" i="1"/>
  <c r="M257" i="1"/>
  <c r="M256" i="1"/>
  <c r="M255" i="1"/>
  <c r="O255" i="1" s="1"/>
  <c r="M254" i="1"/>
  <c r="M253" i="1"/>
  <c r="M252" i="1"/>
  <c r="O252" i="1" s="1"/>
  <c r="M251" i="1"/>
  <c r="O251" i="1" s="1"/>
  <c r="M250" i="1"/>
  <c r="M249" i="1"/>
  <c r="M248" i="1"/>
  <c r="M247" i="1"/>
  <c r="M246" i="1"/>
  <c r="M245" i="1"/>
  <c r="M244" i="1"/>
  <c r="M243" i="1"/>
  <c r="M242" i="1"/>
  <c r="M241" i="1"/>
  <c r="M240" i="1"/>
  <c r="M239" i="1"/>
  <c r="M238" i="1"/>
  <c r="M237" i="1"/>
  <c r="M236" i="1"/>
  <c r="M235" i="1"/>
  <c r="M234" i="1"/>
  <c r="M233" i="1"/>
  <c r="M232" i="1"/>
  <c r="M231" i="1"/>
  <c r="M230" i="1"/>
  <c r="M229" i="1"/>
  <c r="M228" i="1"/>
  <c r="M227" i="1"/>
  <c r="O227" i="1" s="1"/>
  <c r="M226" i="1"/>
  <c r="M225" i="1"/>
  <c r="O225" i="1" s="1"/>
  <c r="M224" i="1"/>
  <c r="M223" i="1"/>
  <c r="M222" i="1"/>
  <c r="M221" i="1"/>
  <c r="M220" i="1"/>
  <c r="M219" i="1"/>
  <c r="M218" i="1"/>
  <c r="M217" i="1"/>
  <c r="M216" i="1"/>
  <c r="M215" i="1"/>
  <c r="O215" i="1" s="1"/>
  <c r="M214" i="1"/>
  <c r="M213" i="1"/>
  <c r="O213" i="1" s="1"/>
  <c r="M212" i="1"/>
  <c r="M211" i="1"/>
  <c r="M210" i="1"/>
  <c r="M209" i="1"/>
  <c r="M208" i="1"/>
  <c r="M207" i="1"/>
  <c r="M206" i="1"/>
  <c r="M205" i="1"/>
  <c r="M204" i="1"/>
  <c r="M203" i="1"/>
  <c r="M202" i="1"/>
  <c r="M201" i="1"/>
  <c r="M200" i="1"/>
  <c r="M199" i="1"/>
  <c r="M198" i="1"/>
  <c r="M197" i="1"/>
  <c r="M196" i="1"/>
  <c r="M195" i="1"/>
  <c r="M194" i="1"/>
  <c r="M193" i="1"/>
  <c r="M192" i="1"/>
  <c r="M191" i="1"/>
  <c r="O191" i="1" s="1"/>
  <c r="M190" i="1"/>
  <c r="M189" i="1"/>
  <c r="M188" i="1"/>
  <c r="M187" i="1"/>
  <c r="M186" i="1"/>
  <c r="M185" i="1"/>
  <c r="M184" i="1"/>
  <c r="M183" i="1"/>
  <c r="O183" i="1" s="1"/>
  <c r="M182" i="1"/>
  <c r="M181" i="1"/>
  <c r="M180" i="1"/>
  <c r="O180" i="1" s="1"/>
  <c r="M179" i="1"/>
  <c r="O179" i="1" s="1"/>
  <c r="M178" i="1"/>
  <c r="M177" i="1"/>
  <c r="M176" i="1"/>
  <c r="M175" i="1"/>
  <c r="M174" i="1"/>
  <c r="M173" i="1"/>
  <c r="M172" i="1"/>
  <c r="M171" i="1"/>
  <c r="M170" i="1"/>
  <c r="M169" i="1"/>
  <c r="M168" i="1"/>
  <c r="M167" i="1"/>
  <c r="M166" i="1"/>
  <c r="M165" i="1"/>
  <c r="M164" i="1"/>
  <c r="M163" i="1"/>
  <c r="M162" i="1"/>
  <c r="M161" i="1"/>
  <c r="M160" i="1"/>
  <c r="M159" i="1"/>
  <c r="M158" i="1"/>
  <c r="M157" i="1"/>
  <c r="M156" i="1"/>
  <c r="M155" i="1"/>
  <c r="O155" i="1" s="1"/>
  <c r="M154" i="1"/>
  <c r="M153" i="1"/>
  <c r="O153" i="1" s="1"/>
  <c r="M152" i="1"/>
  <c r="M151" i="1"/>
  <c r="M150" i="1"/>
  <c r="M149" i="1"/>
  <c r="M148" i="1"/>
  <c r="M147" i="1"/>
  <c r="M146" i="1"/>
  <c r="M145" i="1"/>
  <c r="M144" i="1"/>
  <c r="M143" i="1"/>
  <c r="O143" i="1" s="1"/>
  <c r="M142" i="1"/>
  <c r="M141" i="1"/>
  <c r="O141" i="1" s="1"/>
  <c r="M140" i="1"/>
  <c r="M139" i="1"/>
  <c r="M138" i="1"/>
  <c r="M137" i="1"/>
  <c r="M136" i="1"/>
  <c r="M135" i="1"/>
  <c r="M134" i="1"/>
  <c r="M133" i="1"/>
  <c r="M132" i="1"/>
  <c r="M131" i="1"/>
  <c r="M130" i="1"/>
  <c r="M129" i="1"/>
  <c r="M128" i="1"/>
  <c r="M127" i="1"/>
  <c r="M126" i="1"/>
  <c r="M125" i="1"/>
  <c r="M124" i="1"/>
  <c r="M123" i="1"/>
  <c r="M122" i="1"/>
  <c r="M121" i="1"/>
  <c r="M120" i="1"/>
  <c r="M119" i="1"/>
  <c r="O119" i="1" s="1"/>
  <c r="M118" i="1"/>
  <c r="M117" i="1"/>
  <c r="M116" i="1"/>
  <c r="M115" i="1"/>
  <c r="M114" i="1"/>
  <c r="M113" i="1"/>
  <c r="M112" i="1"/>
  <c r="M111" i="1"/>
  <c r="O111" i="1" s="1"/>
  <c r="M110" i="1"/>
  <c r="M109" i="1"/>
  <c r="M108" i="1"/>
  <c r="O108" i="1" s="1"/>
  <c r="M107" i="1"/>
  <c r="O107" i="1" s="1"/>
  <c r="M106" i="1"/>
  <c r="M105" i="1"/>
  <c r="M104" i="1"/>
  <c r="M103" i="1"/>
  <c r="M102" i="1"/>
  <c r="M101" i="1"/>
  <c r="M100" i="1"/>
  <c r="M99" i="1"/>
  <c r="M98" i="1"/>
  <c r="M97" i="1"/>
  <c r="M96" i="1"/>
  <c r="M95" i="1"/>
  <c r="M94" i="1"/>
  <c r="M93" i="1"/>
  <c r="M92" i="1"/>
  <c r="M91" i="1"/>
  <c r="M90" i="1"/>
  <c r="M89" i="1"/>
  <c r="M88" i="1"/>
  <c r="M87" i="1"/>
  <c r="M86" i="1"/>
  <c r="M85" i="1"/>
  <c r="M84" i="1"/>
  <c r="M83" i="1"/>
  <c r="O83" i="1" s="1"/>
  <c r="M82" i="1"/>
  <c r="M81" i="1"/>
  <c r="O81" i="1" s="1"/>
  <c r="M80" i="1"/>
  <c r="M79" i="1"/>
  <c r="M78" i="1"/>
  <c r="M77" i="1"/>
  <c r="M76" i="1"/>
  <c r="M75" i="1"/>
  <c r="M74" i="1"/>
  <c r="M73" i="1"/>
  <c r="M72" i="1"/>
  <c r="M71" i="1"/>
  <c r="O71" i="1" s="1"/>
  <c r="M70" i="1"/>
  <c r="M69" i="1"/>
  <c r="O69" i="1" s="1"/>
  <c r="M68" i="1"/>
  <c r="M67" i="1"/>
  <c r="M66" i="1"/>
  <c r="M65" i="1"/>
  <c r="M64" i="1"/>
  <c r="M63" i="1"/>
  <c r="M62" i="1"/>
  <c r="M61" i="1"/>
  <c r="M60" i="1"/>
  <c r="M59" i="1"/>
  <c r="M58" i="1"/>
  <c r="M57" i="1"/>
  <c r="M56" i="1"/>
  <c r="M55" i="1"/>
  <c r="M54" i="1"/>
  <c r="M53" i="1"/>
  <c r="M52" i="1"/>
  <c r="M51" i="1"/>
  <c r="M50" i="1"/>
  <c r="M49" i="1"/>
  <c r="M48" i="1"/>
  <c r="M47" i="1"/>
  <c r="O47" i="1" s="1"/>
  <c r="M46" i="1"/>
  <c r="M45" i="1"/>
  <c r="M44" i="1"/>
  <c r="M43" i="1"/>
  <c r="M42" i="1"/>
  <c r="M41" i="1"/>
  <c r="M40" i="1"/>
  <c r="M39" i="1"/>
  <c r="O39" i="1" s="1"/>
  <c r="M38" i="1"/>
  <c r="M37" i="1"/>
  <c r="M36" i="1"/>
  <c r="O36" i="1" s="1"/>
  <c r="M35" i="1"/>
  <c r="O35" i="1" s="1"/>
  <c r="M34" i="1"/>
  <c r="M33" i="1"/>
  <c r="M32" i="1"/>
  <c r="M31" i="1"/>
  <c r="M30" i="1"/>
  <c r="M29" i="1"/>
  <c r="M28" i="1"/>
  <c r="M27" i="1"/>
  <c r="M26" i="1"/>
  <c r="M25" i="1"/>
  <c r="M24" i="1"/>
  <c r="M23" i="1"/>
  <c r="M22" i="1"/>
  <c r="M21" i="1"/>
  <c r="M20" i="1"/>
  <c r="M19" i="1"/>
  <c r="M18" i="1"/>
  <c r="M17" i="1"/>
  <c r="M16" i="1"/>
  <c r="M15" i="1"/>
  <c r="M14" i="1"/>
  <c r="M13" i="1"/>
  <c r="M12" i="1"/>
  <c r="M11" i="1"/>
  <c r="O11" i="1" s="1"/>
  <c r="M10" i="1"/>
  <c r="M9" i="1"/>
  <c r="O9" i="1" s="1"/>
  <c r="M8" i="1"/>
  <c r="M7" i="1"/>
  <c r="M6" i="1"/>
  <c r="M5" i="1"/>
  <c r="M4" i="1"/>
  <c r="M3" i="1"/>
  <c r="L903" i="1"/>
  <c r="N903" i="1" s="1"/>
  <c r="L902" i="1"/>
  <c r="O902" i="1" s="1"/>
  <c r="L901" i="1"/>
  <c r="N901" i="1" s="1"/>
  <c r="L900" i="1"/>
  <c r="L899" i="1"/>
  <c r="L898" i="1"/>
  <c r="O898" i="1" s="1"/>
  <c r="L897" i="1"/>
  <c r="O897" i="1" s="1"/>
  <c r="L896" i="1"/>
  <c r="L895" i="1"/>
  <c r="N895" i="1" s="1"/>
  <c r="L894" i="1"/>
  <c r="O894" i="1" s="1"/>
  <c r="L893" i="1"/>
  <c r="L892" i="1"/>
  <c r="N892" i="1" s="1"/>
  <c r="L891" i="1"/>
  <c r="O891" i="1" s="1"/>
  <c r="L890" i="1"/>
  <c r="O890" i="1" s="1"/>
  <c r="L889" i="1"/>
  <c r="O889" i="1" s="1"/>
  <c r="L888" i="1"/>
  <c r="L887" i="1"/>
  <c r="N887" i="1" s="1"/>
  <c r="L886" i="1"/>
  <c r="O886" i="1" s="1"/>
  <c r="L885" i="1"/>
  <c r="L884" i="1"/>
  <c r="L883" i="1"/>
  <c r="N883" i="1" s="1"/>
  <c r="L882" i="1"/>
  <c r="N882" i="1" s="1"/>
  <c r="L881" i="1"/>
  <c r="L880" i="1"/>
  <c r="O880" i="1" s="1"/>
  <c r="L879" i="1"/>
  <c r="O879" i="1" s="1"/>
  <c r="L878" i="1"/>
  <c r="N878" i="1" s="1"/>
  <c r="L877" i="1"/>
  <c r="O877" i="1" s="1"/>
  <c r="L876" i="1"/>
  <c r="L875" i="1"/>
  <c r="N875" i="1" s="1"/>
  <c r="L874" i="1"/>
  <c r="O874" i="1" s="1"/>
  <c r="L873" i="1"/>
  <c r="N873" i="1" s="1"/>
  <c r="L872" i="1"/>
  <c r="L871" i="1"/>
  <c r="N871" i="1" s="1"/>
  <c r="L870" i="1"/>
  <c r="N870" i="1" s="1"/>
  <c r="L869" i="1"/>
  <c r="L868" i="1"/>
  <c r="N868" i="1" s="1"/>
  <c r="L867" i="1"/>
  <c r="O867" i="1" s="1"/>
  <c r="L866" i="1"/>
  <c r="O866" i="1" s="1"/>
  <c r="L865" i="1"/>
  <c r="N865" i="1" s="1"/>
  <c r="L864" i="1"/>
  <c r="O864" i="1" s="1"/>
  <c r="L863" i="1"/>
  <c r="N863" i="1" s="1"/>
  <c r="L862" i="1"/>
  <c r="O862" i="1" s="1"/>
  <c r="L861" i="1"/>
  <c r="N861" i="1" s="1"/>
  <c r="L860" i="1"/>
  <c r="N860" i="1" s="1"/>
  <c r="L859" i="1"/>
  <c r="N859" i="1" s="1"/>
  <c r="L858" i="1"/>
  <c r="N858" i="1" s="1"/>
  <c r="L857" i="1"/>
  <c r="L856" i="1"/>
  <c r="N856" i="1" s="1"/>
  <c r="L855" i="1"/>
  <c r="L854" i="1"/>
  <c r="N854" i="1" s="1"/>
  <c r="L853" i="1"/>
  <c r="N853" i="1" s="1"/>
  <c r="L852" i="1"/>
  <c r="O852" i="1" s="1"/>
  <c r="L851" i="1"/>
  <c r="O851" i="1" s="1"/>
  <c r="L850" i="1"/>
  <c r="O850" i="1" s="1"/>
  <c r="L849" i="1"/>
  <c r="N849" i="1" s="1"/>
  <c r="L848" i="1"/>
  <c r="L847" i="1"/>
  <c r="N847" i="1" s="1"/>
  <c r="L846" i="1"/>
  <c r="N846" i="1" s="1"/>
  <c r="L845" i="1"/>
  <c r="N845" i="1" s="1"/>
  <c r="L844" i="1"/>
  <c r="O844" i="1" s="1"/>
  <c r="L843" i="1"/>
  <c r="N843" i="1" s="1"/>
  <c r="L842" i="1"/>
  <c r="N842" i="1" s="1"/>
  <c r="L841" i="1"/>
  <c r="O841" i="1" s="1"/>
  <c r="L840" i="1"/>
  <c r="O840" i="1" s="1"/>
  <c r="L839" i="1"/>
  <c r="L838" i="1"/>
  <c r="O838" i="1" s="1"/>
  <c r="L837" i="1"/>
  <c r="O837" i="1" s="1"/>
  <c r="L836" i="1"/>
  <c r="O836" i="1" s="1"/>
  <c r="L835" i="1"/>
  <c r="N835" i="1" s="1"/>
  <c r="L834" i="1"/>
  <c r="O834" i="1" s="1"/>
  <c r="L833" i="1"/>
  <c r="L832" i="1"/>
  <c r="O832" i="1" s="1"/>
  <c r="L831" i="1"/>
  <c r="N831" i="1" s="1"/>
  <c r="L830" i="1"/>
  <c r="O830" i="1" s="1"/>
  <c r="L829" i="1"/>
  <c r="O829" i="1" s="1"/>
  <c r="L828" i="1"/>
  <c r="L827" i="1"/>
  <c r="L826" i="1"/>
  <c r="O826" i="1" s="1"/>
  <c r="L825" i="1"/>
  <c r="O825" i="1" s="1"/>
  <c r="L824" i="1"/>
  <c r="L823" i="1"/>
  <c r="N823" i="1" s="1"/>
  <c r="L822" i="1"/>
  <c r="O822" i="1" s="1"/>
  <c r="L821" i="1"/>
  <c r="L820" i="1"/>
  <c r="N820" i="1" s="1"/>
  <c r="L819" i="1"/>
  <c r="O819" i="1" s="1"/>
  <c r="L818" i="1"/>
  <c r="O818" i="1" s="1"/>
  <c r="L817" i="1"/>
  <c r="O817" i="1" s="1"/>
  <c r="L816" i="1"/>
  <c r="L815" i="1"/>
  <c r="N815" i="1" s="1"/>
  <c r="L814" i="1"/>
  <c r="O814" i="1" s="1"/>
  <c r="L813" i="1"/>
  <c r="L812" i="1"/>
  <c r="L811" i="1"/>
  <c r="N811" i="1" s="1"/>
  <c r="L810" i="1"/>
  <c r="N810" i="1" s="1"/>
  <c r="L809" i="1"/>
  <c r="L808" i="1"/>
  <c r="O808" i="1" s="1"/>
  <c r="L807" i="1"/>
  <c r="O807" i="1" s="1"/>
  <c r="L806" i="1"/>
  <c r="N806" i="1" s="1"/>
  <c r="L805" i="1"/>
  <c r="O805" i="1" s="1"/>
  <c r="L804" i="1"/>
  <c r="L803" i="1"/>
  <c r="N803" i="1" s="1"/>
  <c r="L802" i="1"/>
  <c r="O802" i="1" s="1"/>
  <c r="L801" i="1"/>
  <c r="N801" i="1" s="1"/>
  <c r="L800" i="1"/>
  <c r="L799" i="1"/>
  <c r="N799" i="1" s="1"/>
  <c r="L798" i="1"/>
  <c r="N798" i="1" s="1"/>
  <c r="L797" i="1"/>
  <c r="L796" i="1"/>
  <c r="N796" i="1" s="1"/>
  <c r="L795" i="1"/>
  <c r="O795" i="1" s="1"/>
  <c r="L794" i="1"/>
  <c r="O794" i="1" s="1"/>
  <c r="L793" i="1"/>
  <c r="N793" i="1" s="1"/>
  <c r="L792" i="1"/>
  <c r="O792" i="1" s="1"/>
  <c r="L791" i="1"/>
  <c r="N791" i="1" s="1"/>
  <c r="L790" i="1"/>
  <c r="O790" i="1" s="1"/>
  <c r="L789" i="1"/>
  <c r="N789" i="1" s="1"/>
  <c r="L788" i="1"/>
  <c r="N788" i="1" s="1"/>
  <c r="L787" i="1"/>
  <c r="N787" i="1" s="1"/>
  <c r="L786" i="1"/>
  <c r="N786" i="1" s="1"/>
  <c r="L785" i="1"/>
  <c r="N785" i="1" s="1"/>
  <c r="L784" i="1"/>
  <c r="N784" i="1" s="1"/>
  <c r="L783" i="1"/>
  <c r="L782" i="1"/>
  <c r="N782" i="1" s="1"/>
  <c r="L781" i="1"/>
  <c r="N781" i="1" s="1"/>
  <c r="L780" i="1"/>
  <c r="O780" i="1" s="1"/>
  <c r="L779" i="1"/>
  <c r="O779" i="1" s="1"/>
  <c r="L778" i="1"/>
  <c r="O778" i="1" s="1"/>
  <c r="L777" i="1"/>
  <c r="N777" i="1" s="1"/>
  <c r="L776" i="1"/>
  <c r="L775" i="1"/>
  <c r="N775" i="1" s="1"/>
  <c r="L774" i="1"/>
  <c r="N774" i="1" s="1"/>
  <c r="L773" i="1"/>
  <c r="N773" i="1" s="1"/>
  <c r="L772" i="1"/>
  <c r="O772" i="1" s="1"/>
  <c r="L771" i="1"/>
  <c r="N771" i="1" s="1"/>
  <c r="L770" i="1"/>
  <c r="N770" i="1" s="1"/>
  <c r="L769" i="1"/>
  <c r="O769" i="1" s="1"/>
  <c r="L768" i="1"/>
  <c r="O768" i="1" s="1"/>
  <c r="L767" i="1"/>
  <c r="L766" i="1"/>
  <c r="O766" i="1" s="1"/>
  <c r="L765" i="1"/>
  <c r="O765" i="1" s="1"/>
  <c r="L764" i="1"/>
  <c r="O764" i="1" s="1"/>
  <c r="L763" i="1"/>
  <c r="N763" i="1" s="1"/>
  <c r="L762" i="1"/>
  <c r="O762" i="1" s="1"/>
  <c r="L761" i="1"/>
  <c r="L760" i="1"/>
  <c r="O760" i="1" s="1"/>
  <c r="L759" i="1"/>
  <c r="N759" i="1" s="1"/>
  <c r="L758" i="1"/>
  <c r="O758" i="1" s="1"/>
  <c r="L757" i="1"/>
  <c r="O757" i="1" s="1"/>
  <c r="L756" i="1"/>
  <c r="L755" i="1"/>
  <c r="L754" i="1"/>
  <c r="O754" i="1" s="1"/>
  <c r="L753" i="1"/>
  <c r="O753" i="1" s="1"/>
  <c r="L752" i="1"/>
  <c r="L751" i="1"/>
  <c r="N751" i="1" s="1"/>
  <c r="L750" i="1"/>
  <c r="O750" i="1" s="1"/>
  <c r="L749" i="1"/>
  <c r="L748" i="1"/>
  <c r="N748" i="1" s="1"/>
  <c r="L747" i="1"/>
  <c r="O747" i="1" s="1"/>
  <c r="L746" i="1"/>
  <c r="O746" i="1" s="1"/>
  <c r="L745" i="1"/>
  <c r="O745" i="1" s="1"/>
  <c r="L744" i="1"/>
  <c r="L743" i="1"/>
  <c r="N743" i="1" s="1"/>
  <c r="L742" i="1"/>
  <c r="O742" i="1" s="1"/>
  <c r="L741" i="1"/>
  <c r="L740" i="1"/>
  <c r="L739" i="1"/>
  <c r="N739" i="1" s="1"/>
  <c r="L738" i="1"/>
  <c r="N738" i="1" s="1"/>
  <c r="L737" i="1"/>
  <c r="L736" i="1"/>
  <c r="O736" i="1" s="1"/>
  <c r="L735" i="1"/>
  <c r="O735" i="1" s="1"/>
  <c r="L734" i="1"/>
  <c r="N734" i="1" s="1"/>
  <c r="L733" i="1"/>
  <c r="O733" i="1" s="1"/>
  <c r="L732" i="1"/>
  <c r="L731" i="1"/>
  <c r="N731" i="1" s="1"/>
  <c r="L730" i="1"/>
  <c r="O730" i="1" s="1"/>
  <c r="L729" i="1"/>
  <c r="N729" i="1" s="1"/>
  <c r="L728" i="1"/>
  <c r="L727" i="1"/>
  <c r="N727" i="1" s="1"/>
  <c r="L726" i="1"/>
  <c r="N726" i="1" s="1"/>
  <c r="L725" i="1"/>
  <c r="L724" i="1"/>
  <c r="N724" i="1" s="1"/>
  <c r="L723" i="1"/>
  <c r="O723" i="1" s="1"/>
  <c r="L722" i="1"/>
  <c r="O722" i="1" s="1"/>
  <c r="L721" i="1"/>
  <c r="N721" i="1" s="1"/>
  <c r="L720" i="1"/>
  <c r="O720" i="1" s="1"/>
  <c r="L719" i="1"/>
  <c r="N719" i="1" s="1"/>
  <c r="L718" i="1"/>
  <c r="O718" i="1" s="1"/>
  <c r="L717" i="1"/>
  <c r="N717" i="1" s="1"/>
  <c r="L716" i="1"/>
  <c r="N716" i="1" s="1"/>
  <c r="L715" i="1"/>
  <c r="N715" i="1" s="1"/>
  <c r="L714" i="1"/>
  <c r="N714" i="1" s="1"/>
  <c r="L713" i="1"/>
  <c r="L712" i="1"/>
  <c r="N712" i="1" s="1"/>
  <c r="L711" i="1"/>
  <c r="L710" i="1"/>
  <c r="N710" i="1" s="1"/>
  <c r="L709" i="1"/>
  <c r="N709" i="1" s="1"/>
  <c r="L708" i="1"/>
  <c r="O708" i="1" s="1"/>
  <c r="L707" i="1"/>
  <c r="O707" i="1" s="1"/>
  <c r="L706" i="1"/>
  <c r="O706" i="1" s="1"/>
  <c r="L705" i="1"/>
  <c r="N705" i="1" s="1"/>
  <c r="L704" i="1"/>
  <c r="L703" i="1"/>
  <c r="N703" i="1" s="1"/>
  <c r="L702" i="1"/>
  <c r="N702" i="1" s="1"/>
  <c r="L701" i="1"/>
  <c r="N701" i="1" s="1"/>
  <c r="L700" i="1"/>
  <c r="O700" i="1" s="1"/>
  <c r="L699" i="1"/>
  <c r="N699" i="1" s="1"/>
  <c r="L698" i="1"/>
  <c r="N698" i="1" s="1"/>
  <c r="L697" i="1"/>
  <c r="N697" i="1" s="1"/>
  <c r="L696" i="1"/>
  <c r="N696" i="1" s="1"/>
  <c r="L695" i="1"/>
  <c r="L694" i="1"/>
  <c r="O694" i="1" s="1"/>
  <c r="L693" i="1"/>
  <c r="N693" i="1" s="1"/>
  <c r="L692" i="1"/>
  <c r="O692" i="1" s="1"/>
  <c r="L691" i="1"/>
  <c r="N691" i="1" s="1"/>
  <c r="L690" i="1"/>
  <c r="N690" i="1" s="1"/>
  <c r="L689" i="1"/>
  <c r="N689" i="1" s="1"/>
  <c r="L688" i="1"/>
  <c r="O688" i="1" s="1"/>
  <c r="L687" i="1"/>
  <c r="N687" i="1" s="1"/>
  <c r="L686" i="1"/>
  <c r="O686" i="1" s="1"/>
  <c r="L685" i="1"/>
  <c r="N685" i="1" s="1"/>
  <c r="L684" i="1"/>
  <c r="N684" i="1" s="1"/>
  <c r="L683" i="1"/>
  <c r="L682" i="1"/>
  <c r="O682" i="1" s="1"/>
  <c r="L681" i="1"/>
  <c r="O681" i="1" s="1"/>
  <c r="L680" i="1"/>
  <c r="L679" i="1"/>
  <c r="O679" i="1" s="1"/>
  <c r="L678" i="1"/>
  <c r="O678" i="1" s="1"/>
  <c r="L677" i="1"/>
  <c r="N677" i="1" s="1"/>
  <c r="L676" i="1"/>
  <c r="N676" i="1" s="1"/>
  <c r="L675" i="1"/>
  <c r="O675" i="1" s="1"/>
  <c r="L674" i="1"/>
  <c r="O674" i="1" s="1"/>
  <c r="L673" i="1"/>
  <c r="O673" i="1" s="1"/>
  <c r="L672" i="1"/>
  <c r="N672" i="1" s="1"/>
  <c r="L671" i="1"/>
  <c r="L670" i="1"/>
  <c r="O670" i="1" s="1"/>
  <c r="L669" i="1"/>
  <c r="N669" i="1" s="1"/>
  <c r="L668" i="1"/>
  <c r="L667" i="1"/>
  <c r="O667" i="1" s="1"/>
  <c r="L666" i="1"/>
  <c r="O666" i="1" s="1"/>
  <c r="L665" i="1"/>
  <c r="N665" i="1" s="1"/>
  <c r="L664" i="1"/>
  <c r="O664" i="1" s="1"/>
  <c r="L663" i="1"/>
  <c r="N663" i="1" s="1"/>
  <c r="L662" i="1"/>
  <c r="N662" i="1" s="1"/>
  <c r="L661" i="1"/>
  <c r="N661" i="1" s="1"/>
  <c r="L660" i="1"/>
  <c r="O660" i="1" s="1"/>
  <c r="L659" i="1"/>
  <c r="L658" i="1"/>
  <c r="O658" i="1" s="1"/>
  <c r="L657" i="1"/>
  <c r="N657" i="1" s="1"/>
  <c r="L656" i="1"/>
  <c r="L655" i="1"/>
  <c r="N655" i="1" s="1"/>
  <c r="L654" i="1"/>
  <c r="N654" i="1" s="1"/>
  <c r="L653" i="1"/>
  <c r="N653" i="1" s="1"/>
  <c r="L652" i="1"/>
  <c r="N652" i="1" s="1"/>
  <c r="L651" i="1"/>
  <c r="N651" i="1" s="1"/>
  <c r="L650" i="1"/>
  <c r="N650" i="1" s="1"/>
  <c r="L649" i="1"/>
  <c r="N649" i="1" s="1"/>
  <c r="L648" i="1"/>
  <c r="N648" i="1" s="1"/>
  <c r="L647" i="1"/>
  <c r="L646" i="1"/>
  <c r="O646" i="1" s="1"/>
  <c r="L645" i="1"/>
  <c r="N645" i="1" s="1"/>
  <c r="L644" i="1"/>
  <c r="L643" i="1"/>
  <c r="N643" i="1" s="1"/>
  <c r="L642" i="1"/>
  <c r="N642" i="1" s="1"/>
  <c r="L641" i="1"/>
  <c r="N641" i="1" s="1"/>
  <c r="L640" i="1"/>
  <c r="N640" i="1" s="1"/>
  <c r="L639" i="1"/>
  <c r="N639" i="1" s="1"/>
  <c r="L638" i="1"/>
  <c r="O638" i="1" s="1"/>
  <c r="L637" i="1"/>
  <c r="N637" i="1" s="1"/>
  <c r="L636" i="1"/>
  <c r="O636" i="1" s="1"/>
  <c r="L635" i="1"/>
  <c r="O635" i="1" s="1"/>
  <c r="L634" i="1"/>
  <c r="O634" i="1" s="1"/>
  <c r="L633" i="1"/>
  <c r="N633" i="1" s="1"/>
  <c r="L632" i="1"/>
  <c r="L631" i="1"/>
  <c r="N631" i="1" s="1"/>
  <c r="L630" i="1"/>
  <c r="N630" i="1" s="1"/>
  <c r="L629" i="1"/>
  <c r="N629" i="1" s="1"/>
  <c r="L628" i="1"/>
  <c r="O628" i="1" s="1"/>
  <c r="L627" i="1"/>
  <c r="N627" i="1" s="1"/>
  <c r="L626" i="1"/>
  <c r="N626" i="1" s="1"/>
  <c r="L625" i="1"/>
  <c r="N625" i="1" s="1"/>
  <c r="L624" i="1"/>
  <c r="N624" i="1" s="1"/>
  <c r="L623" i="1"/>
  <c r="L622" i="1"/>
  <c r="O622" i="1" s="1"/>
  <c r="L621" i="1"/>
  <c r="N621" i="1" s="1"/>
  <c r="L620" i="1"/>
  <c r="O620" i="1" s="1"/>
  <c r="L619" i="1"/>
  <c r="N619" i="1" s="1"/>
  <c r="L618" i="1"/>
  <c r="O618" i="1" s="1"/>
  <c r="L617" i="1"/>
  <c r="N617" i="1" s="1"/>
  <c r="L616" i="1"/>
  <c r="O616" i="1" s="1"/>
  <c r="L615" i="1"/>
  <c r="N615" i="1" s="1"/>
  <c r="L614" i="1"/>
  <c r="O614" i="1" s="1"/>
  <c r="L613" i="1"/>
  <c r="N613" i="1" s="1"/>
  <c r="L612" i="1"/>
  <c r="N612" i="1" s="1"/>
  <c r="L611" i="1"/>
  <c r="L610" i="1"/>
  <c r="O610" i="1" s="1"/>
  <c r="L609" i="1"/>
  <c r="O609" i="1" s="1"/>
  <c r="L608" i="1"/>
  <c r="L607" i="1"/>
  <c r="O607" i="1" s="1"/>
  <c r="L606" i="1"/>
  <c r="O606" i="1" s="1"/>
  <c r="L605" i="1"/>
  <c r="N605" i="1" s="1"/>
  <c r="L604" i="1"/>
  <c r="N604" i="1" s="1"/>
  <c r="L603" i="1"/>
  <c r="O603" i="1" s="1"/>
  <c r="L602" i="1"/>
  <c r="O602" i="1" s="1"/>
  <c r="L601" i="1"/>
  <c r="N601" i="1" s="1"/>
  <c r="L600" i="1"/>
  <c r="O600" i="1" s="1"/>
  <c r="L599" i="1"/>
  <c r="L598" i="1"/>
  <c r="O598" i="1" s="1"/>
  <c r="L597" i="1"/>
  <c r="N597" i="1" s="1"/>
  <c r="L596" i="1"/>
  <c r="L595" i="1"/>
  <c r="O595" i="1" s="1"/>
  <c r="L594" i="1"/>
  <c r="O594" i="1" s="1"/>
  <c r="L593" i="1"/>
  <c r="N593" i="1" s="1"/>
  <c r="L592" i="1"/>
  <c r="O592" i="1" s="1"/>
  <c r="L591" i="1"/>
  <c r="N591" i="1" s="1"/>
  <c r="L590" i="1"/>
  <c r="N590" i="1" s="1"/>
  <c r="L589" i="1"/>
  <c r="O589" i="1" s="1"/>
  <c r="L588" i="1"/>
  <c r="O588" i="1" s="1"/>
  <c r="L587" i="1"/>
  <c r="L586" i="1"/>
  <c r="O586" i="1" s="1"/>
  <c r="L585" i="1"/>
  <c r="N585" i="1" s="1"/>
  <c r="L584" i="1"/>
  <c r="L583" i="1"/>
  <c r="N583" i="1" s="1"/>
  <c r="L582" i="1"/>
  <c r="N582" i="1" s="1"/>
  <c r="L581" i="1"/>
  <c r="N581" i="1" s="1"/>
  <c r="L580" i="1"/>
  <c r="O580" i="1" s="1"/>
  <c r="L579" i="1"/>
  <c r="N579" i="1" s="1"/>
  <c r="L578" i="1"/>
  <c r="O578" i="1" s="1"/>
  <c r="L577" i="1"/>
  <c r="N577" i="1" s="1"/>
  <c r="L576" i="1"/>
  <c r="N576" i="1" s="1"/>
  <c r="L575" i="1"/>
  <c r="L574" i="1"/>
  <c r="O574" i="1" s="1"/>
  <c r="L573" i="1"/>
  <c r="N573" i="1" s="1"/>
  <c r="L572" i="1"/>
  <c r="L571" i="1"/>
  <c r="N571" i="1" s="1"/>
  <c r="L570" i="1"/>
  <c r="N570" i="1" s="1"/>
  <c r="L569" i="1"/>
  <c r="N569" i="1" s="1"/>
  <c r="L568" i="1"/>
  <c r="N568" i="1" s="1"/>
  <c r="L567" i="1"/>
  <c r="N567" i="1" s="1"/>
  <c r="L566" i="1"/>
  <c r="O566" i="1" s="1"/>
  <c r="L565" i="1"/>
  <c r="N565" i="1" s="1"/>
  <c r="L564" i="1"/>
  <c r="N564" i="1" s="1"/>
  <c r="L563" i="1"/>
  <c r="O563" i="1" s="1"/>
  <c r="L562" i="1"/>
  <c r="O562" i="1" s="1"/>
  <c r="L561" i="1"/>
  <c r="N561" i="1" s="1"/>
  <c r="L560" i="1"/>
  <c r="L559" i="1"/>
  <c r="N559" i="1" s="1"/>
  <c r="L558" i="1"/>
  <c r="N558" i="1" s="1"/>
  <c r="L557" i="1"/>
  <c r="N557" i="1" s="1"/>
  <c r="L556" i="1"/>
  <c r="O556" i="1" s="1"/>
  <c r="L555" i="1"/>
  <c r="N555" i="1" s="1"/>
  <c r="L554" i="1"/>
  <c r="N554" i="1" s="1"/>
  <c r="L553" i="1"/>
  <c r="N553" i="1" s="1"/>
  <c r="L552" i="1"/>
  <c r="O552" i="1" s="1"/>
  <c r="L551" i="1"/>
  <c r="L550" i="1"/>
  <c r="O550" i="1" s="1"/>
  <c r="L549" i="1"/>
  <c r="N549" i="1" s="1"/>
  <c r="L548" i="1"/>
  <c r="O548" i="1" s="1"/>
  <c r="L547" i="1"/>
  <c r="N547" i="1" s="1"/>
  <c r="L546" i="1"/>
  <c r="N546" i="1" s="1"/>
  <c r="L545" i="1"/>
  <c r="N545" i="1" s="1"/>
  <c r="L544" i="1"/>
  <c r="O544" i="1" s="1"/>
  <c r="L543" i="1"/>
  <c r="N543" i="1" s="1"/>
  <c r="L542" i="1"/>
  <c r="N542" i="1" s="1"/>
  <c r="L541" i="1"/>
  <c r="N541" i="1" s="1"/>
  <c r="L540" i="1"/>
  <c r="N540" i="1" s="1"/>
  <c r="L539" i="1"/>
  <c r="L538" i="1"/>
  <c r="O538" i="1" s="1"/>
  <c r="L537" i="1"/>
  <c r="O537" i="1" s="1"/>
  <c r="L536" i="1"/>
  <c r="L535" i="1"/>
  <c r="O535" i="1" s="1"/>
  <c r="L534" i="1"/>
  <c r="O534" i="1" s="1"/>
  <c r="L533" i="1"/>
  <c r="N533" i="1" s="1"/>
  <c r="L532" i="1"/>
  <c r="O532" i="1" s="1"/>
  <c r="L531" i="1"/>
  <c r="N531" i="1" s="1"/>
  <c r="L530" i="1"/>
  <c r="O530" i="1" s="1"/>
  <c r="L529" i="1"/>
  <c r="N529" i="1" s="1"/>
  <c r="L528" i="1"/>
  <c r="O528" i="1" s="1"/>
  <c r="L527" i="1"/>
  <c r="L526" i="1"/>
  <c r="O526" i="1" s="1"/>
  <c r="L525" i="1"/>
  <c r="N525" i="1" s="1"/>
  <c r="L524" i="1"/>
  <c r="L523" i="1"/>
  <c r="O523" i="1" s="1"/>
  <c r="L522" i="1"/>
  <c r="O522" i="1" s="1"/>
  <c r="L521" i="1"/>
  <c r="O521" i="1" s="1"/>
  <c r="L520" i="1"/>
  <c r="N520" i="1" s="1"/>
  <c r="L519" i="1"/>
  <c r="N519" i="1" s="1"/>
  <c r="L518" i="1"/>
  <c r="N518" i="1" s="1"/>
  <c r="L517" i="1"/>
  <c r="N517" i="1" s="1"/>
  <c r="L516" i="1"/>
  <c r="N516" i="1" s="1"/>
  <c r="L515" i="1"/>
  <c r="L514" i="1"/>
  <c r="O514" i="1" s="1"/>
  <c r="L513" i="1"/>
  <c r="N513" i="1" s="1"/>
  <c r="L512" i="1"/>
  <c r="L511" i="1"/>
  <c r="N511" i="1" s="1"/>
  <c r="L510" i="1"/>
  <c r="N510" i="1" s="1"/>
  <c r="L509" i="1"/>
  <c r="O509" i="1" s="1"/>
  <c r="L508" i="1"/>
  <c r="O508" i="1" s="1"/>
  <c r="L507" i="1"/>
  <c r="N507" i="1" s="1"/>
  <c r="L506" i="1"/>
  <c r="O506" i="1" s="1"/>
  <c r="L505" i="1"/>
  <c r="N505" i="1" s="1"/>
  <c r="L504" i="1"/>
  <c r="O504" i="1" s="1"/>
  <c r="L503" i="1"/>
  <c r="L502" i="1"/>
  <c r="O502" i="1" s="1"/>
  <c r="L501" i="1"/>
  <c r="N501" i="1" s="1"/>
  <c r="L500" i="1"/>
  <c r="L499" i="1"/>
  <c r="N499" i="1" s="1"/>
  <c r="L498" i="1"/>
  <c r="N498" i="1" s="1"/>
  <c r="L497" i="1"/>
  <c r="O497" i="1" s="1"/>
  <c r="L496" i="1"/>
  <c r="N496" i="1" s="1"/>
  <c r="L495" i="1"/>
  <c r="N495" i="1" s="1"/>
  <c r="L494" i="1"/>
  <c r="O494" i="1" s="1"/>
  <c r="L493" i="1"/>
  <c r="N493" i="1" s="1"/>
  <c r="L492" i="1"/>
  <c r="N492" i="1" s="1"/>
  <c r="L491" i="1"/>
  <c r="O491" i="1" s="1"/>
  <c r="L490" i="1"/>
  <c r="O490" i="1" s="1"/>
  <c r="L489" i="1"/>
  <c r="N489" i="1" s="1"/>
  <c r="L488" i="1"/>
  <c r="L487" i="1"/>
  <c r="N487" i="1" s="1"/>
  <c r="L486" i="1"/>
  <c r="N486" i="1" s="1"/>
  <c r="L485" i="1"/>
  <c r="O485" i="1" s="1"/>
  <c r="L484" i="1"/>
  <c r="N484" i="1" s="1"/>
  <c r="L483" i="1"/>
  <c r="N483" i="1" s="1"/>
  <c r="L482" i="1"/>
  <c r="N482" i="1" s="1"/>
  <c r="L481" i="1"/>
  <c r="N481" i="1" s="1"/>
  <c r="L480" i="1"/>
  <c r="O480" i="1" s="1"/>
  <c r="L479" i="1"/>
  <c r="L478" i="1"/>
  <c r="O478" i="1" s="1"/>
  <c r="L477" i="1"/>
  <c r="N477" i="1" s="1"/>
  <c r="L476" i="1"/>
  <c r="O476" i="1" s="1"/>
  <c r="L475" i="1"/>
  <c r="N475" i="1" s="1"/>
  <c r="L474" i="1"/>
  <c r="O474" i="1" s="1"/>
  <c r="L473" i="1"/>
  <c r="O473" i="1" s="1"/>
  <c r="L472" i="1"/>
  <c r="O472" i="1" s="1"/>
  <c r="L471" i="1"/>
  <c r="N471" i="1" s="1"/>
  <c r="L470" i="1"/>
  <c r="N470" i="1" s="1"/>
  <c r="L469" i="1"/>
  <c r="N469" i="1" s="1"/>
  <c r="L468" i="1"/>
  <c r="N468" i="1" s="1"/>
  <c r="L467" i="1"/>
  <c r="L466" i="1"/>
  <c r="O466" i="1" s="1"/>
  <c r="L465" i="1"/>
  <c r="O465" i="1" s="1"/>
  <c r="L464" i="1"/>
  <c r="L463" i="1"/>
  <c r="O463" i="1" s="1"/>
  <c r="L462" i="1"/>
  <c r="O462" i="1" s="1"/>
  <c r="L461" i="1"/>
  <c r="O461" i="1" s="1"/>
  <c r="L460" i="1"/>
  <c r="N460" i="1" s="1"/>
  <c r="L459" i="1"/>
  <c r="O459" i="1" s="1"/>
  <c r="L458" i="1"/>
  <c r="O458" i="1" s="1"/>
  <c r="L457" i="1"/>
  <c r="N457" i="1" s="1"/>
  <c r="L456" i="1"/>
  <c r="N456" i="1" s="1"/>
  <c r="L455" i="1"/>
  <c r="L454" i="1"/>
  <c r="O454" i="1" s="1"/>
  <c r="L453" i="1"/>
  <c r="N453" i="1" s="1"/>
  <c r="L452" i="1"/>
  <c r="L451" i="1"/>
  <c r="O451" i="1" s="1"/>
  <c r="L450" i="1"/>
  <c r="O450" i="1" s="1"/>
  <c r="L449" i="1"/>
  <c r="O449" i="1" s="1"/>
  <c r="L448" i="1"/>
  <c r="O448" i="1" s="1"/>
  <c r="L447" i="1"/>
  <c r="N447" i="1" s="1"/>
  <c r="L446" i="1"/>
  <c r="O446" i="1" s="1"/>
  <c r="L445" i="1"/>
  <c r="O445" i="1" s="1"/>
  <c r="L444" i="1"/>
  <c r="O444" i="1" s="1"/>
  <c r="L443" i="1"/>
  <c r="L442" i="1"/>
  <c r="O442" i="1" s="1"/>
  <c r="L441" i="1"/>
  <c r="N441" i="1" s="1"/>
  <c r="L440" i="1"/>
  <c r="L439" i="1"/>
  <c r="N439" i="1" s="1"/>
  <c r="L438" i="1"/>
  <c r="N438" i="1" s="1"/>
  <c r="L437" i="1"/>
  <c r="O437" i="1" s="1"/>
  <c r="L436" i="1"/>
  <c r="N436" i="1" s="1"/>
  <c r="L435" i="1"/>
  <c r="N435" i="1" s="1"/>
  <c r="L434" i="1"/>
  <c r="O434" i="1" s="1"/>
  <c r="L433" i="1"/>
  <c r="N433" i="1" s="1"/>
  <c r="L432" i="1"/>
  <c r="N432" i="1" s="1"/>
  <c r="L431" i="1"/>
  <c r="L430" i="1"/>
  <c r="O430" i="1" s="1"/>
  <c r="L429" i="1"/>
  <c r="N429" i="1" s="1"/>
  <c r="L428" i="1"/>
  <c r="L427" i="1"/>
  <c r="N427" i="1" s="1"/>
  <c r="L426" i="1"/>
  <c r="N426" i="1" s="1"/>
  <c r="L425" i="1"/>
  <c r="O425" i="1" s="1"/>
  <c r="L424" i="1"/>
  <c r="N424" i="1" s="1"/>
  <c r="L423" i="1"/>
  <c r="N423" i="1" s="1"/>
  <c r="L422" i="1"/>
  <c r="N422" i="1" s="1"/>
  <c r="L421" i="1"/>
  <c r="N421" i="1" s="1"/>
  <c r="L420" i="1"/>
  <c r="N420" i="1" s="1"/>
  <c r="L419" i="1"/>
  <c r="O419" i="1" s="1"/>
  <c r="L418" i="1"/>
  <c r="O418" i="1" s="1"/>
  <c r="L417" i="1"/>
  <c r="N417" i="1" s="1"/>
  <c r="L416" i="1"/>
  <c r="L415" i="1"/>
  <c r="N415" i="1" s="1"/>
  <c r="L414" i="1"/>
  <c r="N414" i="1" s="1"/>
  <c r="L413" i="1"/>
  <c r="O413" i="1" s="1"/>
  <c r="L412" i="1"/>
  <c r="O412" i="1" s="1"/>
  <c r="L411" i="1"/>
  <c r="N411" i="1" s="1"/>
  <c r="L410" i="1"/>
  <c r="N410" i="1" s="1"/>
  <c r="L409" i="1"/>
  <c r="N409" i="1" s="1"/>
  <c r="L408" i="1"/>
  <c r="N408" i="1" s="1"/>
  <c r="L407" i="1"/>
  <c r="L406" i="1"/>
  <c r="O406" i="1" s="1"/>
  <c r="L405" i="1"/>
  <c r="N405" i="1" s="1"/>
  <c r="L404" i="1"/>
  <c r="O404" i="1" s="1"/>
  <c r="L403" i="1"/>
  <c r="N403" i="1" s="1"/>
  <c r="L402" i="1"/>
  <c r="O402" i="1" s="1"/>
  <c r="L401" i="1"/>
  <c r="O401" i="1" s="1"/>
  <c r="L400" i="1"/>
  <c r="O400" i="1" s="1"/>
  <c r="L399" i="1"/>
  <c r="N399" i="1" s="1"/>
  <c r="L398" i="1"/>
  <c r="N398" i="1" s="1"/>
  <c r="L397" i="1"/>
  <c r="N397" i="1" s="1"/>
  <c r="L396" i="1"/>
  <c r="N396" i="1" s="1"/>
  <c r="L395" i="1"/>
  <c r="L394" i="1"/>
  <c r="O394" i="1" s="1"/>
  <c r="L393" i="1"/>
  <c r="O393" i="1" s="1"/>
  <c r="L392" i="1"/>
  <c r="L391" i="1"/>
  <c r="O391" i="1" s="1"/>
  <c r="L390" i="1"/>
  <c r="O390" i="1" s="1"/>
  <c r="L389" i="1"/>
  <c r="O389" i="1" s="1"/>
  <c r="L388" i="1"/>
  <c r="N388" i="1" s="1"/>
  <c r="L387" i="1"/>
  <c r="N387" i="1" s="1"/>
  <c r="L386" i="1"/>
  <c r="O386" i="1" s="1"/>
  <c r="L385" i="1"/>
  <c r="O385" i="1" s="1"/>
  <c r="L384" i="1"/>
  <c r="N384" i="1" s="1"/>
  <c r="L383" i="1"/>
  <c r="L382" i="1"/>
  <c r="O382" i="1" s="1"/>
  <c r="L381" i="1"/>
  <c r="N381" i="1" s="1"/>
  <c r="L380" i="1"/>
  <c r="L379" i="1"/>
  <c r="O379" i="1" s="1"/>
  <c r="L378" i="1"/>
  <c r="O378" i="1" s="1"/>
  <c r="L377" i="1"/>
  <c r="O377" i="1" s="1"/>
  <c r="L376" i="1"/>
  <c r="O376" i="1" s="1"/>
  <c r="L375" i="1"/>
  <c r="N375" i="1" s="1"/>
  <c r="L374" i="1"/>
  <c r="O374" i="1" s="1"/>
  <c r="L373" i="1"/>
  <c r="N373" i="1" s="1"/>
  <c r="L372" i="1"/>
  <c r="O372" i="1" s="1"/>
  <c r="L371" i="1"/>
  <c r="L370" i="1"/>
  <c r="O370" i="1" s="1"/>
  <c r="L369" i="1"/>
  <c r="N369" i="1" s="1"/>
  <c r="L368" i="1"/>
  <c r="L367" i="1"/>
  <c r="N367" i="1" s="1"/>
  <c r="L366" i="1"/>
  <c r="N366" i="1" s="1"/>
  <c r="L365" i="1"/>
  <c r="O365" i="1" s="1"/>
  <c r="L364" i="1"/>
  <c r="O364" i="1" s="1"/>
  <c r="L363" i="1"/>
  <c r="N363" i="1" s="1"/>
  <c r="L362" i="1"/>
  <c r="O362" i="1" s="1"/>
  <c r="L361" i="1"/>
  <c r="N361" i="1" s="1"/>
  <c r="L360" i="1"/>
  <c r="N360" i="1" s="1"/>
  <c r="L359" i="1"/>
  <c r="L358" i="1"/>
  <c r="O358" i="1" s="1"/>
  <c r="L357" i="1"/>
  <c r="N357" i="1" s="1"/>
  <c r="L356" i="1"/>
  <c r="L355" i="1"/>
  <c r="N355" i="1" s="1"/>
  <c r="L354" i="1"/>
  <c r="N354" i="1" s="1"/>
  <c r="L353" i="1"/>
  <c r="O353" i="1" s="1"/>
  <c r="L352" i="1"/>
  <c r="N352" i="1" s="1"/>
  <c r="L351" i="1"/>
  <c r="N351" i="1" s="1"/>
  <c r="L350" i="1"/>
  <c r="N350" i="1" s="1"/>
  <c r="L349" i="1"/>
  <c r="N349" i="1" s="1"/>
  <c r="L348" i="1"/>
  <c r="N348" i="1" s="1"/>
  <c r="L347" i="1"/>
  <c r="O347" i="1" s="1"/>
  <c r="L346" i="1"/>
  <c r="O346" i="1" s="1"/>
  <c r="L345" i="1"/>
  <c r="N345" i="1" s="1"/>
  <c r="L344" i="1"/>
  <c r="L343" i="1"/>
  <c r="N343" i="1" s="1"/>
  <c r="L342" i="1"/>
  <c r="N342" i="1" s="1"/>
  <c r="L341" i="1"/>
  <c r="O341" i="1" s="1"/>
  <c r="L340" i="1"/>
  <c r="N340" i="1" s="1"/>
  <c r="L339" i="1"/>
  <c r="N339" i="1" s="1"/>
  <c r="L338" i="1"/>
  <c r="N338" i="1" s="1"/>
  <c r="L337" i="1"/>
  <c r="N337" i="1" s="1"/>
  <c r="L336" i="1"/>
  <c r="O336" i="1" s="1"/>
  <c r="L335" i="1"/>
  <c r="L334" i="1"/>
  <c r="O334" i="1" s="1"/>
  <c r="L333" i="1"/>
  <c r="N333" i="1" s="1"/>
  <c r="L332" i="1"/>
  <c r="O332" i="1" s="1"/>
  <c r="L331" i="1"/>
  <c r="N331" i="1" s="1"/>
  <c r="L330" i="1"/>
  <c r="O330" i="1" s="1"/>
  <c r="L329" i="1"/>
  <c r="O329" i="1" s="1"/>
  <c r="L328" i="1"/>
  <c r="O328" i="1" s="1"/>
  <c r="L327" i="1"/>
  <c r="N327" i="1" s="1"/>
  <c r="L326" i="1"/>
  <c r="O326" i="1" s="1"/>
  <c r="L325" i="1"/>
  <c r="O325" i="1" s="1"/>
  <c r="L324" i="1"/>
  <c r="N324" i="1" s="1"/>
  <c r="L323" i="1"/>
  <c r="L322" i="1"/>
  <c r="O322" i="1" s="1"/>
  <c r="L321" i="1"/>
  <c r="O321" i="1" s="1"/>
  <c r="L320" i="1"/>
  <c r="L319" i="1"/>
  <c r="O319" i="1" s="1"/>
  <c r="L318" i="1"/>
  <c r="O318" i="1" s="1"/>
  <c r="L317" i="1"/>
  <c r="O317" i="1" s="1"/>
  <c r="L316" i="1"/>
  <c r="O316" i="1" s="1"/>
  <c r="L315" i="1"/>
  <c r="O315" i="1" s="1"/>
  <c r="L314" i="1"/>
  <c r="O314" i="1" s="1"/>
  <c r="L313" i="1"/>
  <c r="N313" i="1" s="1"/>
  <c r="L312" i="1"/>
  <c r="N312" i="1" s="1"/>
  <c r="L311" i="1"/>
  <c r="L310" i="1"/>
  <c r="O310" i="1" s="1"/>
  <c r="L309" i="1"/>
  <c r="N309" i="1" s="1"/>
  <c r="L308" i="1"/>
  <c r="L307" i="1"/>
  <c r="O307" i="1" s="1"/>
  <c r="L306" i="1"/>
  <c r="O306" i="1" s="1"/>
  <c r="L305" i="1"/>
  <c r="O305" i="1" s="1"/>
  <c r="L304" i="1"/>
  <c r="O304" i="1" s="1"/>
  <c r="L303" i="1"/>
  <c r="N303" i="1" s="1"/>
  <c r="L302" i="1"/>
  <c r="O302" i="1" s="1"/>
  <c r="L301" i="1"/>
  <c r="O301" i="1" s="1"/>
  <c r="L300" i="1"/>
  <c r="O300" i="1" s="1"/>
  <c r="L299" i="1"/>
  <c r="L298" i="1"/>
  <c r="O298" i="1" s="1"/>
  <c r="L297" i="1"/>
  <c r="N297" i="1" s="1"/>
  <c r="L296" i="1"/>
  <c r="L295" i="1"/>
  <c r="N295" i="1" s="1"/>
  <c r="L294" i="1"/>
  <c r="N294" i="1" s="1"/>
  <c r="L293" i="1"/>
  <c r="O293" i="1" s="1"/>
  <c r="L292" i="1"/>
  <c r="N292" i="1" s="1"/>
  <c r="L291" i="1"/>
  <c r="N291" i="1" s="1"/>
  <c r="L290" i="1"/>
  <c r="O290" i="1" s="1"/>
  <c r="L289" i="1"/>
  <c r="N289" i="1" s="1"/>
  <c r="L288" i="1"/>
  <c r="N288" i="1" s="1"/>
  <c r="L287" i="1"/>
  <c r="L286" i="1"/>
  <c r="O286" i="1" s="1"/>
  <c r="L285" i="1"/>
  <c r="N285" i="1" s="1"/>
  <c r="L284" i="1"/>
  <c r="L283" i="1"/>
  <c r="N283" i="1" s="1"/>
  <c r="L282" i="1"/>
  <c r="N282" i="1" s="1"/>
  <c r="L281" i="1"/>
  <c r="O281" i="1" s="1"/>
  <c r="L280" i="1"/>
  <c r="N280" i="1" s="1"/>
  <c r="L279" i="1"/>
  <c r="N279" i="1" s="1"/>
  <c r="L278" i="1"/>
  <c r="N278" i="1" s="1"/>
  <c r="L277" i="1"/>
  <c r="N277" i="1" s="1"/>
  <c r="L276" i="1"/>
  <c r="O276" i="1" s="1"/>
  <c r="L275" i="1"/>
  <c r="O275" i="1" s="1"/>
  <c r="L274" i="1"/>
  <c r="O274" i="1" s="1"/>
  <c r="L273" i="1"/>
  <c r="N273" i="1" s="1"/>
  <c r="L272" i="1"/>
  <c r="L271" i="1"/>
  <c r="N271" i="1" s="1"/>
  <c r="L270" i="1"/>
  <c r="N270" i="1" s="1"/>
  <c r="L269" i="1"/>
  <c r="O269" i="1" s="1"/>
  <c r="L268" i="1"/>
  <c r="O268" i="1" s="1"/>
  <c r="L267" i="1"/>
  <c r="N267" i="1" s="1"/>
  <c r="L266" i="1"/>
  <c r="N266" i="1" s="1"/>
  <c r="L265" i="1"/>
  <c r="N265" i="1" s="1"/>
  <c r="L264" i="1"/>
  <c r="N264" i="1" s="1"/>
  <c r="L263" i="1"/>
  <c r="L262" i="1"/>
  <c r="O262" i="1" s="1"/>
  <c r="L261" i="1"/>
  <c r="N261" i="1" s="1"/>
  <c r="L260" i="1"/>
  <c r="O260" i="1" s="1"/>
  <c r="L259" i="1"/>
  <c r="N259" i="1" s="1"/>
  <c r="L258" i="1"/>
  <c r="N258" i="1" s="1"/>
  <c r="L257" i="1"/>
  <c r="O257" i="1" s="1"/>
  <c r="L256" i="1"/>
  <c r="O256" i="1" s="1"/>
  <c r="L255" i="1"/>
  <c r="N255" i="1" s="1"/>
  <c r="L254" i="1"/>
  <c r="N254" i="1" s="1"/>
  <c r="L253" i="1"/>
  <c r="N253" i="1" s="1"/>
  <c r="L252" i="1"/>
  <c r="N252" i="1" s="1"/>
  <c r="L251" i="1"/>
  <c r="L250" i="1"/>
  <c r="O250" i="1" s="1"/>
  <c r="L249" i="1"/>
  <c r="O249" i="1" s="1"/>
  <c r="L248" i="1"/>
  <c r="L247" i="1"/>
  <c r="O247" i="1" s="1"/>
  <c r="L246" i="1"/>
  <c r="O246" i="1" s="1"/>
  <c r="L245" i="1"/>
  <c r="O245" i="1" s="1"/>
  <c r="L244" i="1"/>
  <c r="N244" i="1" s="1"/>
  <c r="L243" i="1"/>
  <c r="N243" i="1" s="1"/>
  <c r="L242" i="1"/>
  <c r="O242" i="1" s="1"/>
  <c r="L241" i="1"/>
  <c r="N241" i="1" s="1"/>
  <c r="L240" i="1"/>
  <c r="O240" i="1" s="1"/>
  <c r="L239" i="1"/>
  <c r="L238" i="1"/>
  <c r="O238" i="1" s="1"/>
  <c r="L237" i="1"/>
  <c r="N237" i="1" s="1"/>
  <c r="L236" i="1"/>
  <c r="L235" i="1"/>
  <c r="O235" i="1" s="1"/>
  <c r="L234" i="1"/>
  <c r="O234" i="1" s="1"/>
  <c r="L233" i="1"/>
  <c r="O233" i="1" s="1"/>
  <c r="L232" i="1"/>
  <c r="O232" i="1" s="1"/>
  <c r="L231" i="1"/>
  <c r="N231" i="1" s="1"/>
  <c r="L230" i="1"/>
  <c r="N230" i="1" s="1"/>
  <c r="L229" i="1"/>
  <c r="N229" i="1" s="1"/>
  <c r="L228" i="1"/>
  <c r="O228" i="1" s="1"/>
  <c r="L227" i="1"/>
  <c r="L226" i="1"/>
  <c r="O226" i="1" s="1"/>
  <c r="L225" i="1"/>
  <c r="N225" i="1" s="1"/>
  <c r="L224" i="1"/>
  <c r="L223" i="1"/>
  <c r="N223" i="1" s="1"/>
  <c r="L222" i="1"/>
  <c r="N222" i="1" s="1"/>
  <c r="L221" i="1"/>
  <c r="O221" i="1" s="1"/>
  <c r="L220" i="1"/>
  <c r="O220" i="1" s="1"/>
  <c r="L219" i="1"/>
  <c r="N219" i="1" s="1"/>
  <c r="L218" i="1"/>
  <c r="O218" i="1" s="1"/>
  <c r="L217" i="1"/>
  <c r="N217" i="1" s="1"/>
  <c r="L216" i="1"/>
  <c r="N216" i="1" s="1"/>
  <c r="L215" i="1"/>
  <c r="L214" i="1"/>
  <c r="O214" i="1" s="1"/>
  <c r="L213" i="1"/>
  <c r="N213" i="1" s="1"/>
  <c r="L212" i="1"/>
  <c r="L211" i="1"/>
  <c r="N211" i="1" s="1"/>
  <c r="L210" i="1"/>
  <c r="N210" i="1" s="1"/>
  <c r="L209" i="1"/>
  <c r="O209" i="1" s="1"/>
  <c r="L208" i="1"/>
  <c r="N208" i="1" s="1"/>
  <c r="L207" i="1"/>
  <c r="N207" i="1" s="1"/>
  <c r="L206" i="1"/>
  <c r="N206" i="1" s="1"/>
  <c r="L205" i="1"/>
  <c r="N205" i="1" s="1"/>
  <c r="L204" i="1"/>
  <c r="N204" i="1" s="1"/>
  <c r="L203" i="1"/>
  <c r="O203" i="1" s="1"/>
  <c r="L202" i="1"/>
  <c r="O202" i="1" s="1"/>
  <c r="L201" i="1"/>
  <c r="N201" i="1" s="1"/>
  <c r="L200" i="1"/>
  <c r="L199" i="1"/>
  <c r="N199" i="1" s="1"/>
  <c r="L198" i="1"/>
  <c r="N198" i="1" s="1"/>
  <c r="L197" i="1"/>
  <c r="O197" i="1" s="1"/>
  <c r="L196" i="1"/>
  <c r="N196" i="1" s="1"/>
  <c r="L195" i="1"/>
  <c r="N195" i="1" s="1"/>
  <c r="L194" i="1"/>
  <c r="N194" i="1" s="1"/>
  <c r="L193" i="1"/>
  <c r="N193" i="1" s="1"/>
  <c r="L192" i="1"/>
  <c r="O192" i="1" s="1"/>
  <c r="L191" i="1"/>
  <c r="L190" i="1"/>
  <c r="O190" i="1" s="1"/>
  <c r="L189" i="1"/>
  <c r="N189" i="1" s="1"/>
  <c r="L188" i="1"/>
  <c r="O188" i="1" s="1"/>
  <c r="L187" i="1"/>
  <c r="N187" i="1" s="1"/>
  <c r="L186" i="1"/>
  <c r="N186" i="1" s="1"/>
  <c r="L185" i="1"/>
  <c r="O185" i="1" s="1"/>
  <c r="L184" i="1"/>
  <c r="O184" i="1" s="1"/>
  <c r="L183" i="1"/>
  <c r="N183" i="1" s="1"/>
  <c r="L182" i="1"/>
  <c r="O182" i="1" s="1"/>
  <c r="L181" i="1"/>
  <c r="O181" i="1" s="1"/>
  <c r="L180" i="1"/>
  <c r="N180" i="1" s="1"/>
  <c r="L179" i="1"/>
  <c r="L178" i="1"/>
  <c r="O178" i="1" s="1"/>
  <c r="L177" i="1"/>
  <c r="O177" i="1" s="1"/>
  <c r="L176" i="1"/>
  <c r="L175" i="1"/>
  <c r="O175" i="1" s="1"/>
  <c r="L174" i="1"/>
  <c r="O174" i="1" s="1"/>
  <c r="L173" i="1"/>
  <c r="O173" i="1" s="1"/>
  <c r="L172" i="1"/>
  <c r="O172" i="1" s="1"/>
  <c r="L171" i="1"/>
  <c r="N171" i="1" s="1"/>
  <c r="L170" i="1"/>
  <c r="O170" i="1" s="1"/>
  <c r="L169" i="1"/>
  <c r="N169" i="1" s="1"/>
  <c r="L168" i="1"/>
  <c r="N168" i="1" s="1"/>
  <c r="L167" i="1"/>
  <c r="L166" i="1"/>
  <c r="O166" i="1" s="1"/>
  <c r="L165" i="1"/>
  <c r="N165" i="1" s="1"/>
  <c r="L164" i="1"/>
  <c r="L163" i="1"/>
  <c r="O163" i="1" s="1"/>
  <c r="L162" i="1"/>
  <c r="O162" i="1" s="1"/>
  <c r="L161" i="1"/>
  <c r="O161" i="1" s="1"/>
  <c r="L160" i="1"/>
  <c r="O160" i="1" s="1"/>
  <c r="L159" i="1"/>
  <c r="N159" i="1" s="1"/>
  <c r="L158" i="1"/>
  <c r="N158" i="1" s="1"/>
  <c r="L157" i="1"/>
  <c r="N157" i="1" s="1"/>
  <c r="L156" i="1"/>
  <c r="O156" i="1" s="1"/>
  <c r="L155" i="1"/>
  <c r="L154" i="1"/>
  <c r="O154" i="1" s="1"/>
  <c r="L153" i="1"/>
  <c r="N153" i="1" s="1"/>
  <c r="L152" i="1"/>
  <c r="L151" i="1"/>
  <c r="N151" i="1" s="1"/>
  <c r="L150" i="1"/>
  <c r="N150" i="1" s="1"/>
  <c r="L149" i="1"/>
  <c r="O149" i="1" s="1"/>
  <c r="L148" i="1"/>
  <c r="N148" i="1" s="1"/>
  <c r="L147" i="1"/>
  <c r="N147" i="1" s="1"/>
  <c r="L146" i="1"/>
  <c r="O146" i="1" s="1"/>
  <c r="L145" i="1"/>
  <c r="N145" i="1" s="1"/>
  <c r="L144" i="1"/>
  <c r="N144" i="1" s="1"/>
  <c r="L143" i="1"/>
  <c r="L142" i="1"/>
  <c r="O142" i="1" s="1"/>
  <c r="L141" i="1"/>
  <c r="N141" i="1" s="1"/>
  <c r="L140" i="1"/>
  <c r="L139" i="1"/>
  <c r="N139" i="1" s="1"/>
  <c r="L138" i="1"/>
  <c r="N138" i="1" s="1"/>
  <c r="L137" i="1"/>
  <c r="O137" i="1" s="1"/>
  <c r="L136" i="1"/>
  <c r="N136" i="1" s="1"/>
  <c r="L135" i="1"/>
  <c r="N135" i="1" s="1"/>
  <c r="L134" i="1"/>
  <c r="N134" i="1" s="1"/>
  <c r="L133" i="1"/>
  <c r="N133" i="1" s="1"/>
  <c r="L132" i="1"/>
  <c r="N132" i="1" s="1"/>
  <c r="L131" i="1"/>
  <c r="O131" i="1" s="1"/>
  <c r="L130" i="1"/>
  <c r="O130" i="1" s="1"/>
  <c r="L129" i="1"/>
  <c r="N129" i="1" s="1"/>
  <c r="L128" i="1"/>
  <c r="L127" i="1"/>
  <c r="N127" i="1" s="1"/>
  <c r="L126" i="1"/>
  <c r="N126" i="1" s="1"/>
  <c r="L125" i="1"/>
  <c r="O125" i="1" s="1"/>
  <c r="L124" i="1"/>
  <c r="O124" i="1" s="1"/>
  <c r="L123" i="1"/>
  <c r="N123" i="1" s="1"/>
  <c r="L122" i="1"/>
  <c r="N122" i="1" s="1"/>
  <c r="L121" i="1"/>
  <c r="N121" i="1" s="1"/>
  <c r="L120" i="1"/>
  <c r="O120" i="1" s="1"/>
  <c r="L119" i="1"/>
  <c r="L118" i="1"/>
  <c r="O118" i="1" s="1"/>
  <c r="L117" i="1"/>
  <c r="N117" i="1" s="1"/>
  <c r="L116" i="1"/>
  <c r="O116" i="1" s="1"/>
  <c r="L115" i="1"/>
  <c r="N115" i="1" s="1"/>
  <c r="L114" i="1"/>
  <c r="O114" i="1" s="1"/>
  <c r="L113" i="1"/>
  <c r="O113" i="1" s="1"/>
  <c r="L112" i="1"/>
  <c r="O112" i="1" s="1"/>
  <c r="L111" i="1"/>
  <c r="N111" i="1" s="1"/>
  <c r="L110" i="1"/>
  <c r="O110" i="1" s="1"/>
  <c r="L109" i="1"/>
  <c r="O109" i="1" s="1"/>
  <c r="L108" i="1"/>
  <c r="N108" i="1" s="1"/>
  <c r="L107" i="1"/>
  <c r="L106" i="1"/>
  <c r="O106" i="1" s="1"/>
  <c r="L105" i="1"/>
  <c r="O105" i="1" s="1"/>
  <c r="L104" i="1"/>
  <c r="L103" i="1"/>
  <c r="O103" i="1" s="1"/>
  <c r="L102" i="1"/>
  <c r="O102" i="1" s="1"/>
  <c r="L101" i="1"/>
  <c r="O101" i="1" s="1"/>
  <c r="L100" i="1"/>
  <c r="N100" i="1" s="1"/>
  <c r="L99" i="1"/>
  <c r="N99" i="1" s="1"/>
  <c r="L98" i="1"/>
  <c r="O98" i="1" s="1"/>
  <c r="L97" i="1"/>
  <c r="O97" i="1" s="1"/>
  <c r="L96" i="1"/>
  <c r="O96" i="1" s="1"/>
  <c r="L95" i="1"/>
  <c r="L94" i="1"/>
  <c r="O94" i="1" s="1"/>
  <c r="L93" i="1"/>
  <c r="N93" i="1" s="1"/>
  <c r="L92" i="1"/>
  <c r="L91" i="1"/>
  <c r="O91" i="1" s="1"/>
  <c r="L90" i="1"/>
  <c r="O90" i="1" s="1"/>
  <c r="L89" i="1"/>
  <c r="O89" i="1" s="1"/>
  <c r="L88" i="1"/>
  <c r="O88" i="1" s="1"/>
  <c r="L87" i="1"/>
  <c r="N87" i="1" s="1"/>
  <c r="L86" i="1"/>
  <c r="N86" i="1" s="1"/>
  <c r="L85" i="1"/>
  <c r="N85" i="1" s="1"/>
  <c r="L84" i="1"/>
  <c r="O84" i="1" s="1"/>
  <c r="L83" i="1"/>
  <c r="L82" i="1"/>
  <c r="O82" i="1" s="1"/>
  <c r="L81" i="1"/>
  <c r="N81" i="1" s="1"/>
  <c r="L80" i="1"/>
  <c r="L79" i="1"/>
  <c r="N79" i="1" s="1"/>
  <c r="L78" i="1"/>
  <c r="N78" i="1" s="1"/>
  <c r="L77" i="1"/>
  <c r="O77" i="1" s="1"/>
  <c r="L76" i="1"/>
  <c r="O76" i="1" s="1"/>
  <c r="L75" i="1"/>
  <c r="N75" i="1" s="1"/>
  <c r="L74" i="1"/>
  <c r="N74" i="1" s="1"/>
  <c r="L73" i="1"/>
  <c r="N73" i="1" s="1"/>
  <c r="L72" i="1"/>
  <c r="N72" i="1" s="1"/>
  <c r="L71" i="1"/>
  <c r="L70" i="1"/>
  <c r="O70" i="1" s="1"/>
  <c r="L69" i="1"/>
  <c r="N69" i="1" s="1"/>
  <c r="L68" i="1"/>
  <c r="L67" i="1"/>
  <c r="N67" i="1" s="1"/>
  <c r="L66" i="1"/>
  <c r="N66" i="1" s="1"/>
  <c r="L65" i="1"/>
  <c r="O65" i="1" s="1"/>
  <c r="L64" i="1"/>
  <c r="N64" i="1" s="1"/>
  <c r="L63" i="1"/>
  <c r="N63" i="1" s="1"/>
  <c r="L62" i="1"/>
  <c r="N62" i="1" s="1"/>
  <c r="L61" i="1"/>
  <c r="N61" i="1" s="1"/>
  <c r="L60" i="1"/>
  <c r="N60" i="1" s="1"/>
  <c r="L59" i="1"/>
  <c r="O59" i="1" s="1"/>
  <c r="L58" i="1"/>
  <c r="O58" i="1" s="1"/>
  <c r="L57" i="1"/>
  <c r="N57" i="1" s="1"/>
  <c r="L56" i="1"/>
  <c r="L55" i="1"/>
  <c r="N55" i="1" s="1"/>
  <c r="L54" i="1"/>
  <c r="N54" i="1" s="1"/>
  <c r="L53" i="1"/>
  <c r="O53" i="1" s="1"/>
  <c r="L52" i="1"/>
  <c r="N52" i="1" s="1"/>
  <c r="L51" i="1"/>
  <c r="N51" i="1" s="1"/>
  <c r="L50" i="1"/>
  <c r="N50" i="1" s="1"/>
  <c r="L49" i="1"/>
  <c r="N49" i="1" s="1"/>
  <c r="L48" i="1"/>
  <c r="O48" i="1" s="1"/>
  <c r="L47" i="1"/>
  <c r="L46" i="1"/>
  <c r="O46" i="1" s="1"/>
  <c r="L45" i="1"/>
  <c r="N45" i="1" s="1"/>
  <c r="L44" i="1"/>
  <c r="O44" i="1" s="1"/>
  <c r="L43" i="1"/>
  <c r="N43" i="1" s="1"/>
  <c r="L42" i="1"/>
  <c r="O42" i="1" s="1"/>
  <c r="L41" i="1"/>
  <c r="O41" i="1" s="1"/>
  <c r="L40" i="1"/>
  <c r="O40" i="1" s="1"/>
  <c r="L39" i="1"/>
  <c r="N39" i="1" s="1"/>
  <c r="L38" i="1"/>
  <c r="O38" i="1" s="1"/>
  <c r="L37" i="1"/>
  <c r="N37" i="1" s="1"/>
  <c r="L36" i="1"/>
  <c r="N36" i="1" s="1"/>
  <c r="L35" i="1"/>
  <c r="L34" i="1"/>
  <c r="O34" i="1" s="1"/>
  <c r="L33" i="1"/>
  <c r="O33" i="1" s="1"/>
  <c r="L32" i="1"/>
  <c r="L31" i="1"/>
  <c r="O31" i="1" s="1"/>
  <c r="L30" i="1"/>
  <c r="O30" i="1" s="1"/>
  <c r="L29" i="1"/>
  <c r="O29" i="1" s="1"/>
  <c r="L28" i="1"/>
  <c r="O28" i="1" s="1"/>
  <c r="L27" i="1"/>
  <c r="N27" i="1" s="1"/>
  <c r="L26" i="1"/>
  <c r="O26" i="1" s="1"/>
  <c r="L25" i="1"/>
  <c r="N25" i="1" s="1"/>
  <c r="L24" i="1"/>
  <c r="N24" i="1" s="1"/>
  <c r="L23" i="1"/>
  <c r="L22" i="1"/>
  <c r="O22" i="1" s="1"/>
  <c r="L21" i="1"/>
  <c r="N21" i="1" s="1"/>
  <c r="L20" i="1"/>
  <c r="L19" i="1"/>
  <c r="O19" i="1" s="1"/>
  <c r="L18" i="1"/>
  <c r="O18" i="1" s="1"/>
  <c r="L17" i="1"/>
  <c r="O17" i="1" s="1"/>
  <c r="L16" i="1"/>
  <c r="O16" i="1" s="1"/>
  <c r="L15" i="1"/>
  <c r="N15" i="1" s="1"/>
  <c r="L14" i="1"/>
  <c r="N14" i="1" s="1"/>
  <c r="L13" i="1"/>
  <c r="N13" i="1" s="1"/>
  <c r="L12" i="1"/>
  <c r="O12" i="1" s="1"/>
  <c r="L11" i="1"/>
  <c r="L10" i="1"/>
  <c r="O10" i="1" s="1"/>
  <c r="L9" i="1"/>
  <c r="N9" i="1" s="1"/>
  <c r="L8" i="1"/>
  <c r="L7" i="1"/>
  <c r="N7" i="1" s="1"/>
  <c r="L6" i="1"/>
  <c r="N6" i="1" s="1"/>
  <c r="L5" i="1"/>
  <c r="O5" i="1" s="1"/>
  <c r="L4" i="1"/>
  <c r="O4" i="1" s="1"/>
  <c r="L3" i="1"/>
  <c r="N3" i="1" s="1"/>
  <c r="AC179" i="1" l="1"/>
  <c r="AB179" i="1"/>
  <c r="N276" i="1"/>
  <c r="N504" i="1"/>
  <c r="O253" i="1"/>
  <c r="AB23" i="1"/>
  <c r="N38" i="1"/>
  <c r="N110" i="1"/>
  <c r="N182" i="1"/>
  <c r="N242" i="1"/>
  <c r="N302" i="1"/>
  <c r="N374" i="1"/>
  <c r="N446" i="1"/>
  <c r="N506" i="1"/>
  <c r="N566" i="1"/>
  <c r="N638" i="1"/>
  <c r="N686" i="1"/>
  <c r="AC14" i="1"/>
  <c r="AB14" i="1"/>
  <c r="AB230" i="1"/>
  <c r="AC230" i="1"/>
  <c r="N28" i="1"/>
  <c r="N76" i="1"/>
  <c r="N124" i="1"/>
  <c r="N172" i="1"/>
  <c r="N220" i="1"/>
  <c r="N268" i="1"/>
  <c r="N316" i="1"/>
  <c r="N400" i="1"/>
  <c r="N448" i="1"/>
  <c r="N532" i="1"/>
  <c r="N580" i="1"/>
  <c r="N628" i="1"/>
  <c r="N688" i="1"/>
  <c r="N829" i="1"/>
  <c r="N886" i="1"/>
  <c r="O85" i="1"/>
  <c r="O99" i="1"/>
  <c r="O186" i="1"/>
  <c r="O229" i="1"/>
  <c r="O258" i="1"/>
  <c r="O387" i="1"/>
  <c r="O517" i="1"/>
  <c r="O546" i="1"/>
  <c r="O661" i="1"/>
  <c r="O690" i="1"/>
  <c r="N5" i="1"/>
  <c r="N17" i="1"/>
  <c r="N29" i="1"/>
  <c r="N41" i="1"/>
  <c r="N53" i="1"/>
  <c r="N65" i="1"/>
  <c r="N77" i="1"/>
  <c r="N89" i="1"/>
  <c r="N101" i="1"/>
  <c r="N113" i="1"/>
  <c r="N125" i="1"/>
  <c r="N137" i="1"/>
  <c r="N149" i="1"/>
  <c r="N161" i="1"/>
  <c r="N173" i="1"/>
  <c r="N185" i="1"/>
  <c r="N197" i="1"/>
  <c r="N209" i="1"/>
  <c r="N221" i="1"/>
  <c r="N233" i="1"/>
  <c r="N245" i="1"/>
  <c r="N257" i="1"/>
  <c r="N269" i="1"/>
  <c r="N281" i="1"/>
  <c r="N293" i="1"/>
  <c r="N305" i="1"/>
  <c r="N317" i="1"/>
  <c r="N329" i="1"/>
  <c r="N341" i="1"/>
  <c r="N353" i="1"/>
  <c r="N365" i="1"/>
  <c r="N377" i="1"/>
  <c r="N389" i="1"/>
  <c r="N401" i="1"/>
  <c r="N413" i="1"/>
  <c r="N425" i="1"/>
  <c r="N437" i="1"/>
  <c r="N449" i="1"/>
  <c r="N461" i="1"/>
  <c r="N473" i="1"/>
  <c r="N485" i="1"/>
  <c r="N497" i="1"/>
  <c r="N509" i="1"/>
  <c r="N521" i="1"/>
  <c r="N758" i="1"/>
  <c r="N772" i="1"/>
  <c r="N830" i="1"/>
  <c r="N844" i="1"/>
  <c r="N902" i="1"/>
  <c r="O14" i="1"/>
  <c r="O43" i="1"/>
  <c r="O57" i="1"/>
  <c r="O72" i="1"/>
  <c r="O86" i="1"/>
  <c r="O100" i="1"/>
  <c r="O115" i="1"/>
  <c r="O129" i="1"/>
  <c r="O144" i="1"/>
  <c r="O158" i="1"/>
  <c r="O187" i="1"/>
  <c r="O201" i="1"/>
  <c r="O216" i="1"/>
  <c r="O230" i="1"/>
  <c r="O244" i="1"/>
  <c r="O259" i="1"/>
  <c r="O273" i="1"/>
  <c r="O288" i="1"/>
  <c r="O331" i="1"/>
  <c r="O345" i="1"/>
  <c r="O360" i="1"/>
  <c r="O388" i="1"/>
  <c r="O403" i="1"/>
  <c r="O417" i="1"/>
  <c r="O432" i="1"/>
  <c r="O460" i="1"/>
  <c r="O475" i="1"/>
  <c r="O489" i="1"/>
  <c r="O518" i="1"/>
  <c r="O547" i="1"/>
  <c r="O561" i="1"/>
  <c r="O576" i="1"/>
  <c r="O590" i="1"/>
  <c r="O604" i="1"/>
  <c r="O619" i="1"/>
  <c r="O633" i="1"/>
  <c r="O648" i="1"/>
  <c r="O662" i="1"/>
  <c r="O676" i="1"/>
  <c r="O691" i="1"/>
  <c r="O705" i="1"/>
  <c r="O734" i="1"/>
  <c r="O748" i="1"/>
  <c r="O763" i="1"/>
  <c r="O777" i="1"/>
  <c r="O806" i="1"/>
  <c r="O820" i="1"/>
  <c r="O835" i="1"/>
  <c r="O849" i="1"/>
  <c r="O878" i="1"/>
  <c r="O892" i="1"/>
  <c r="AC5" i="1"/>
  <c r="AB5" i="1"/>
  <c r="AC17" i="1"/>
  <c r="AB17" i="1"/>
  <c r="AC29" i="1"/>
  <c r="AB29" i="1"/>
  <c r="AC41" i="1"/>
  <c r="AB41" i="1"/>
  <c r="AC53" i="1"/>
  <c r="AB53" i="1"/>
  <c r="AC65" i="1"/>
  <c r="AB65" i="1"/>
  <c r="AC77" i="1"/>
  <c r="AB77" i="1"/>
  <c r="AC89" i="1"/>
  <c r="AB89" i="1"/>
  <c r="AC101" i="1"/>
  <c r="AB101" i="1"/>
  <c r="AC113" i="1"/>
  <c r="AB113" i="1"/>
  <c r="AC125" i="1"/>
  <c r="AB125" i="1"/>
  <c r="AC137" i="1"/>
  <c r="AB137" i="1"/>
  <c r="AC149" i="1"/>
  <c r="AB149" i="1"/>
  <c r="AC161" i="1"/>
  <c r="AB161" i="1"/>
  <c r="AC173" i="1"/>
  <c r="AB173" i="1"/>
  <c r="AC185" i="1"/>
  <c r="AB185" i="1"/>
  <c r="AC197" i="1"/>
  <c r="AB197" i="1"/>
  <c r="AC209" i="1"/>
  <c r="AB209" i="1"/>
  <c r="AC221" i="1"/>
  <c r="AB221" i="1"/>
  <c r="AC233" i="1"/>
  <c r="AB233" i="1"/>
  <c r="AC245" i="1"/>
  <c r="AB245" i="1"/>
  <c r="AC257" i="1"/>
  <c r="AB257" i="1"/>
  <c r="AC269" i="1"/>
  <c r="AB269" i="1"/>
  <c r="AC281" i="1"/>
  <c r="AB281" i="1"/>
  <c r="AC293" i="1"/>
  <c r="AB293" i="1"/>
  <c r="AC305" i="1"/>
  <c r="AB305" i="1"/>
  <c r="AC317" i="1"/>
  <c r="AB317" i="1"/>
  <c r="AC329" i="1"/>
  <c r="AB329" i="1"/>
  <c r="AC341" i="1"/>
  <c r="AB341" i="1"/>
  <c r="AC353" i="1"/>
  <c r="AB353" i="1"/>
  <c r="AC365" i="1"/>
  <c r="AB365" i="1"/>
  <c r="AC377" i="1"/>
  <c r="AB377" i="1"/>
  <c r="AC389" i="1"/>
  <c r="AB389" i="1"/>
  <c r="AC401" i="1"/>
  <c r="AB401" i="1"/>
  <c r="AC413" i="1"/>
  <c r="AB413" i="1"/>
  <c r="AC425" i="1"/>
  <c r="AB425" i="1"/>
  <c r="AC437" i="1"/>
  <c r="AB437" i="1"/>
  <c r="AC449" i="1"/>
  <c r="AB449" i="1"/>
  <c r="AC461" i="1"/>
  <c r="AB461" i="1"/>
  <c r="AC473" i="1"/>
  <c r="AB473" i="1"/>
  <c r="AC485" i="1"/>
  <c r="AB485" i="1"/>
  <c r="AC497" i="1"/>
  <c r="AB497" i="1"/>
  <c r="AC509" i="1"/>
  <c r="AB509" i="1"/>
  <c r="AC521" i="1"/>
  <c r="AB521" i="1"/>
  <c r="AC533" i="1"/>
  <c r="AB533" i="1"/>
  <c r="AC545" i="1"/>
  <c r="AB545" i="1"/>
  <c r="AC557" i="1"/>
  <c r="AB557" i="1"/>
  <c r="AC569" i="1"/>
  <c r="AB569" i="1"/>
  <c r="AC581" i="1"/>
  <c r="AB581" i="1"/>
  <c r="AC593" i="1"/>
  <c r="AB593" i="1"/>
  <c r="AC605" i="1"/>
  <c r="AB605" i="1"/>
  <c r="AC617" i="1"/>
  <c r="AB617" i="1"/>
  <c r="AC629" i="1"/>
  <c r="AB629" i="1"/>
  <c r="AC641" i="1"/>
  <c r="AB641" i="1"/>
  <c r="AC653" i="1"/>
  <c r="AB653" i="1"/>
  <c r="AC665" i="1"/>
  <c r="AB665" i="1"/>
  <c r="AC677" i="1"/>
  <c r="AB677" i="1"/>
  <c r="AC689" i="1"/>
  <c r="AB689" i="1"/>
  <c r="AC701" i="1"/>
  <c r="AB701" i="1"/>
  <c r="AC713" i="1"/>
  <c r="AB713" i="1"/>
  <c r="AC725" i="1"/>
  <c r="AB725" i="1"/>
  <c r="AC737" i="1"/>
  <c r="AB737" i="1"/>
  <c r="AC749" i="1"/>
  <c r="AB749" i="1"/>
  <c r="AC761" i="1"/>
  <c r="AB761" i="1"/>
  <c r="AC773" i="1"/>
  <c r="AB773" i="1"/>
  <c r="AC785" i="1"/>
  <c r="AB785" i="1"/>
  <c r="AC797" i="1"/>
  <c r="AB797" i="1"/>
  <c r="AC809" i="1"/>
  <c r="AB809" i="1"/>
  <c r="AC821" i="1"/>
  <c r="AB821" i="1"/>
  <c r="AC833" i="1"/>
  <c r="AB833" i="1"/>
  <c r="AC845" i="1"/>
  <c r="AB845" i="1"/>
  <c r="AC857" i="1"/>
  <c r="AB857" i="1"/>
  <c r="AC869" i="1"/>
  <c r="AB869" i="1"/>
  <c r="AC881" i="1"/>
  <c r="AB881" i="1"/>
  <c r="AC893" i="1"/>
  <c r="AB893" i="1"/>
  <c r="AB7" i="1"/>
  <c r="AB35" i="1"/>
  <c r="AB63" i="1"/>
  <c r="AB154" i="1"/>
  <c r="AB186" i="1"/>
  <c r="AB282" i="1"/>
  <c r="AB378" i="1"/>
  <c r="AB474" i="1"/>
  <c r="AB720" i="1"/>
  <c r="AB751" i="1"/>
  <c r="AB840" i="1"/>
  <c r="AB902" i="1"/>
  <c r="AC38" i="1"/>
  <c r="AC74" i="1"/>
  <c r="AC110" i="1"/>
  <c r="AC146" i="1"/>
  <c r="AC182" i="1"/>
  <c r="AC218" i="1"/>
  <c r="AC303" i="1"/>
  <c r="AC351" i="1"/>
  <c r="AC399" i="1"/>
  <c r="AC447" i="1"/>
  <c r="AC495" i="1"/>
  <c r="AC543" i="1"/>
  <c r="AC591" i="1"/>
  <c r="AB767" i="1"/>
  <c r="N48" i="1"/>
  <c r="N228" i="1"/>
  <c r="N552" i="1"/>
  <c r="AC216" i="1"/>
  <c r="AB216" i="1"/>
  <c r="AC276" i="1"/>
  <c r="AB276" i="1"/>
  <c r="AC372" i="1"/>
  <c r="AB372" i="1"/>
  <c r="AC564" i="1"/>
  <c r="AB564" i="1"/>
  <c r="AC900" i="1"/>
  <c r="AB900" i="1"/>
  <c r="AB492" i="1"/>
  <c r="AC24" i="1"/>
  <c r="N146" i="1"/>
  <c r="N326" i="1"/>
  <c r="N494" i="1"/>
  <c r="N578" i="1"/>
  <c r="N841" i="1"/>
  <c r="O25" i="1"/>
  <c r="O241" i="1"/>
  <c r="O313" i="1"/>
  <c r="O601" i="1"/>
  <c r="AC50" i="1"/>
  <c r="AB50" i="1"/>
  <c r="AC86" i="1"/>
  <c r="AB86" i="1"/>
  <c r="AC122" i="1"/>
  <c r="AB122" i="1"/>
  <c r="AC290" i="1"/>
  <c r="AB290" i="1"/>
  <c r="AC326" i="1"/>
  <c r="AB326" i="1"/>
  <c r="AC806" i="1"/>
  <c r="AB806" i="1"/>
  <c r="N16" i="1"/>
  <c r="N112" i="1"/>
  <c r="N160" i="1"/>
  <c r="N256" i="1"/>
  <c r="N304" i="1"/>
  <c r="N364" i="1"/>
  <c r="N412" i="1"/>
  <c r="N472" i="1"/>
  <c r="N544" i="1"/>
  <c r="N616" i="1"/>
  <c r="O13" i="1"/>
  <c r="O157" i="1"/>
  <c r="O243" i="1"/>
  <c r="O373" i="1"/>
  <c r="O531" i="1"/>
  <c r="N18" i="1"/>
  <c r="N30" i="1"/>
  <c r="N42" i="1"/>
  <c r="N90" i="1"/>
  <c r="N102" i="1"/>
  <c r="N114" i="1"/>
  <c r="N162" i="1"/>
  <c r="N174" i="1"/>
  <c r="N234" i="1"/>
  <c r="N246" i="1"/>
  <c r="N306" i="1"/>
  <c r="N318" i="1"/>
  <c r="N330" i="1"/>
  <c r="N378" i="1"/>
  <c r="N390" i="1"/>
  <c r="N402" i="1"/>
  <c r="N450" i="1"/>
  <c r="N462" i="1"/>
  <c r="N474" i="1"/>
  <c r="N522" i="1"/>
  <c r="N534" i="1"/>
  <c r="N594" i="1"/>
  <c r="N606" i="1"/>
  <c r="N618" i="1"/>
  <c r="N666" i="1"/>
  <c r="N678" i="1"/>
  <c r="N730" i="1"/>
  <c r="N745" i="1"/>
  <c r="N802" i="1"/>
  <c r="N817" i="1"/>
  <c r="N874" i="1"/>
  <c r="N889" i="1"/>
  <c r="O15" i="1"/>
  <c r="O73" i="1"/>
  <c r="O87" i="1"/>
  <c r="O145" i="1"/>
  <c r="O159" i="1"/>
  <c r="O217" i="1"/>
  <c r="O231" i="1"/>
  <c r="O289" i="1"/>
  <c r="O303" i="1"/>
  <c r="O361" i="1"/>
  <c r="O375" i="1"/>
  <c r="O433" i="1"/>
  <c r="O447" i="1"/>
  <c r="O505" i="1"/>
  <c r="O519" i="1"/>
  <c r="O577" i="1"/>
  <c r="O591" i="1"/>
  <c r="O649" i="1"/>
  <c r="O663" i="1"/>
  <c r="O721" i="1"/>
  <c r="O793" i="1"/>
  <c r="O865" i="1"/>
  <c r="AC6" i="1"/>
  <c r="AB6" i="1"/>
  <c r="AC18" i="1"/>
  <c r="AB18" i="1"/>
  <c r="AC78" i="1"/>
  <c r="AB78" i="1"/>
  <c r="AC90" i="1"/>
  <c r="AB90" i="1"/>
  <c r="AB150" i="1"/>
  <c r="AC150" i="1"/>
  <c r="AC198" i="1"/>
  <c r="AB198" i="1"/>
  <c r="AC342" i="1"/>
  <c r="AB342" i="1"/>
  <c r="AC390" i="1"/>
  <c r="AB390" i="1"/>
  <c r="AC438" i="1"/>
  <c r="AB438" i="1"/>
  <c r="AC486" i="1"/>
  <c r="AB486" i="1"/>
  <c r="AC534" i="1"/>
  <c r="AB534" i="1"/>
  <c r="AB95" i="1"/>
  <c r="AB123" i="1"/>
  <c r="AB156" i="1"/>
  <c r="AB188" i="1"/>
  <c r="AB219" i="1"/>
  <c r="AB252" i="1"/>
  <c r="AB284" i="1"/>
  <c r="AB315" i="1"/>
  <c r="AB348" i="1"/>
  <c r="AB411" i="1"/>
  <c r="AB444" i="1"/>
  <c r="AB507" i="1"/>
  <c r="AB540" i="1"/>
  <c r="AB603" i="1"/>
  <c r="AB782" i="1"/>
  <c r="AB816" i="1"/>
  <c r="AB875" i="1"/>
  <c r="AC151" i="1"/>
  <c r="AC187" i="1"/>
  <c r="AC224" i="1"/>
  <c r="AC266" i="1"/>
  <c r="AC311" i="1"/>
  <c r="AC359" i="1"/>
  <c r="AC407" i="1"/>
  <c r="AC455" i="1"/>
  <c r="AC503" i="1"/>
  <c r="AC551" i="1"/>
  <c r="AC599" i="1"/>
  <c r="AC647" i="1"/>
  <c r="AC695" i="1"/>
  <c r="AC743" i="1"/>
  <c r="AC791" i="1"/>
  <c r="AC839" i="1"/>
  <c r="AC887" i="1"/>
  <c r="I243" i="2"/>
  <c r="AC419" i="1"/>
  <c r="AB419" i="1"/>
  <c r="AC491" i="1"/>
  <c r="AB491" i="1"/>
  <c r="AC587" i="1"/>
  <c r="AB587" i="1"/>
  <c r="AC707" i="1"/>
  <c r="AB707" i="1"/>
  <c r="AB827" i="1"/>
  <c r="AC827" i="1"/>
  <c r="AB202" i="1"/>
  <c r="N120" i="1"/>
  <c r="N192" i="1"/>
  <c r="N372" i="1"/>
  <c r="N528" i="1"/>
  <c r="N588" i="1"/>
  <c r="N636" i="1"/>
  <c r="O37" i="1"/>
  <c r="O397" i="1"/>
  <c r="AC420" i="1"/>
  <c r="AB420" i="1"/>
  <c r="N26" i="1"/>
  <c r="N98" i="1"/>
  <c r="N170" i="1"/>
  <c r="N218" i="1"/>
  <c r="N290" i="1"/>
  <c r="N362" i="1"/>
  <c r="N434" i="1"/>
  <c r="N614" i="1"/>
  <c r="N674" i="1"/>
  <c r="N769" i="1"/>
  <c r="O169" i="1"/>
  <c r="O457" i="1"/>
  <c r="O529" i="1"/>
  <c r="N40" i="1"/>
  <c r="N88" i="1"/>
  <c r="N184" i="1"/>
  <c r="N232" i="1"/>
  <c r="N328" i="1"/>
  <c r="N376" i="1"/>
  <c r="N508" i="1"/>
  <c r="N556" i="1"/>
  <c r="N592" i="1"/>
  <c r="N664" i="1"/>
  <c r="N700" i="1"/>
  <c r="N757" i="1"/>
  <c r="O27" i="1"/>
  <c r="O171" i="1"/>
  <c r="N19" i="1"/>
  <c r="N31" i="1"/>
  <c r="N91" i="1"/>
  <c r="N103" i="1"/>
  <c r="N163" i="1"/>
  <c r="N175" i="1"/>
  <c r="N235" i="1"/>
  <c r="N247" i="1"/>
  <c r="N307" i="1"/>
  <c r="N319" i="1"/>
  <c r="N379" i="1"/>
  <c r="N391" i="1"/>
  <c r="N451" i="1"/>
  <c r="N463" i="1"/>
  <c r="N523" i="1"/>
  <c r="N535" i="1"/>
  <c r="N595" i="1"/>
  <c r="N607" i="1"/>
  <c r="N667" i="1"/>
  <c r="N679" i="1"/>
  <c r="N746" i="1"/>
  <c r="N760" i="1"/>
  <c r="N818" i="1"/>
  <c r="N832" i="1"/>
  <c r="N890" i="1"/>
  <c r="N4" i="1"/>
  <c r="O45" i="1"/>
  <c r="O60" i="1"/>
  <c r="O74" i="1"/>
  <c r="O117" i="1"/>
  <c r="O132" i="1"/>
  <c r="O189" i="1"/>
  <c r="O204" i="1"/>
  <c r="O261" i="1"/>
  <c r="O333" i="1"/>
  <c r="O348" i="1"/>
  <c r="O405" i="1"/>
  <c r="O420" i="1"/>
  <c r="O477" i="1"/>
  <c r="O492" i="1"/>
  <c r="O520" i="1"/>
  <c r="O549" i="1"/>
  <c r="O564" i="1"/>
  <c r="O621" i="1"/>
  <c r="O650" i="1"/>
  <c r="O693" i="1"/>
  <c r="O751" i="1"/>
  <c r="O823" i="1"/>
  <c r="O895" i="1"/>
  <c r="AC19" i="1"/>
  <c r="AB19" i="1"/>
  <c r="AC91" i="1"/>
  <c r="AB91" i="1"/>
  <c r="AC163" i="1"/>
  <c r="AB163" i="1"/>
  <c r="AC199" i="1"/>
  <c r="AB199" i="1"/>
  <c r="AC235" i="1"/>
  <c r="AB235" i="1"/>
  <c r="AC247" i="1"/>
  <c r="AB247" i="1"/>
  <c r="AC259" i="1"/>
  <c r="AB259" i="1"/>
  <c r="AC283" i="1"/>
  <c r="AB283" i="1"/>
  <c r="AC295" i="1"/>
  <c r="AB295" i="1"/>
  <c r="AC307" i="1"/>
  <c r="AB307" i="1"/>
  <c r="AC331" i="1"/>
  <c r="AB331" i="1"/>
  <c r="AC343" i="1"/>
  <c r="AB343" i="1"/>
  <c r="AC355" i="1"/>
  <c r="AB355" i="1"/>
  <c r="AC379" i="1"/>
  <c r="AB379" i="1"/>
  <c r="AC391" i="1"/>
  <c r="AB391" i="1"/>
  <c r="AC403" i="1"/>
  <c r="AB403" i="1"/>
  <c r="AC427" i="1"/>
  <c r="AB427" i="1"/>
  <c r="AC439" i="1"/>
  <c r="AB439" i="1"/>
  <c r="AC451" i="1"/>
  <c r="AB451" i="1"/>
  <c r="AC475" i="1"/>
  <c r="AB475" i="1"/>
  <c r="AC487" i="1"/>
  <c r="AB487" i="1"/>
  <c r="AC499" i="1"/>
  <c r="AB499" i="1"/>
  <c r="AC523" i="1"/>
  <c r="AB523" i="1"/>
  <c r="AC535" i="1"/>
  <c r="AB535" i="1"/>
  <c r="AC547" i="1"/>
  <c r="AB547" i="1"/>
  <c r="AC571" i="1"/>
  <c r="AB571" i="1"/>
  <c r="AC583" i="1"/>
  <c r="AB583" i="1"/>
  <c r="AC595" i="1"/>
  <c r="AB595" i="1"/>
  <c r="AC619" i="1"/>
  <c r="AB619" i="1"/>
  <c r="AC631" i="1"/>
  <c r="AB631" i="1"/>
  <c r="AC643" i="1"/>
  <c r="AB643" i="1"/>
  <c r="AC667" i="1"/>
  <c r="AB667" i="1"/>
  <c r="AC679" i="1"/>
  <c r="AB679" i="1"/>
  <c r="AC691" i="1"/>
  <c r="AB691" i="1"/>
  <c r="AC715" i="1"/>
  <c r="AB715" i="1"/>
  <c r="AC727" i="1"/>
  <c r="AB727" i="1"/>
  <c r="AC739" i="1"/>
  <c r="AB739" i="1"/>
  <c r="AB10" i="1"/>
  <c r="AB68" i="1"/>
  <c r="AB96" i="1"/>
  <c r="AB126" i="1"/>
  <c r="AB190" i="1"/>
  <c r="AB222" i="1"/>
  <c r="AB318" i="1"/>
  <c r="AB414" i="1"/>
  <c r="AB510" i="1"/>
  <c r="AB636" i="1"/>
  <c r="AB876" i="1"/>
  <c r="AC8" i="1"/>
  <c r="AC44" i="1"/>
  <c r="AC80" i="1"/>
  <c r="AC116" i="1"/>
  <c r="AC152" i="1"/>
  <c r="AC312" i="1"/>
  <c r="AC360" i="1"/>
  <c r="AC408" i="1"/>
  <c r="AC456" i="1"/>
  <c r="AC504" i="1"/>
  <c r="AC552" i="1"/>
  <c r="AC600" i="1"/>
  <c r="AC648" i="1"/>
  <c r="AC696" i="1"/>
  <c r="AC744" i="1"/>
  <c r="AC792" i="1"/>
  <c r="AB131" i="1"/>
  <c r="AC131" i="1"/>
  <c r="AB215" i="1"/>
  <c r="AC215" i="1"/>
  <c r="AC347" i="1"/>
  <c r="AB347" i="1"/>
  <c r="AC443" i="1"/>
  <c r="AB443" i="1"/>
  <c r="AC611" i="1"/>
  <c r="AB611" i="1"/>
  <c r="AC683" i="1"/>
  <c r="AB683" i="1"/>
  <c r="N96" i="1"/>
  <c r="N336" i="1"/>
  <c r="N480" i="1"/>
  <c r="O469" i="1"/>
  <c r="O685" i="1"/>
  <c r="O901" i="1"/>
  <c r="AC180" i="1"/>
  <c r="AB180" i="1"/>
  <c r="AC468" i="1"/>
  <c r="AB468" i="1"/>
  <c r="AC287" i="1"/>
  <c r="N790" i="1"/>
  <c r="N805" i="1"/>
  <c r="N862" i="1"/>
  <c r="N877" i="1"/>
  <c r="O3" i="1"/>
  <c r="O75" i="1"/>
  <c r="O205" i="1"/>
  <c r="O277" i="1"/>
  <c r="O291" i="1"/>
  <c r="O363" i="1"/>
  <c r="O421" i="1"/>
  <c r="O493" i="1"/>
  <c r="O507" i="1"/>
  <c r="O579" i="1"/>
  <c r="O651" i="1"/>
  <c r="O709" i="1"/>
  <c r="O738" i="1"/>
  <c r="O767" i="1"/>
  <c r="O810" i="1"/>
  <c r="O839" i="1"/>
  <c r="AB260" i="1"/>
  <c r="AC260" i="1"/>
  <c r="AC404" i="1"/>
  <c r="AB404" i="1"/>
  <c r="AC452" i="1"/>
  <c r="AB452" i="1"/>
  <c r="AC500" i="1"/>
  <c r="AB500" i="1"/>
  <c r="AC548" i="1"/>
  <c r="AB548" i="1"/>
  <c r="AC596" i="1"/>
  <c r="AB596" i="1"/>
  <c r="AB11" i="1"/>
  <c r="AB158" i="1"/>
  <c r="AB191" i="1"/>
  <c r="AB254" i="1"/>
  <c r="AB350" i="1"/>
  <c r="AB383" i="1"/>
  <c r="AB446" i="1"/>
  <c r="AB479" i="1"/>
  <c r="AB542" i="1"/>
  <c r="AB575" i="1"/>
  <c r="AB818" i="1"/>
  <c r="AB852" i="1"/>
  <c r="AC82" i="1"/>
  <c r="AC227" i="1"/>
  <c r="AC314" i="1"/>
  <c r="AC362" i="1"/>
  <c r="AC410" i="1"/>
  <c r="AC458" i="1"/>
  <c r="AC506" i="1"/>
  <c r="AC554" i="1"/>
  <c r="AC602" i="1"/>
  <c r="AC650" i="1"/>
  <c r="AC698" i="1"/>
  <c r="AC746" i="1"/>
  <c r="AC842" i="1"/>
  <c r="AC890" i="1"/>
  <c r="H104" i="2"/>
  <c r="H307" i="2"/>
  <c r="H379" i="2"/>
  <c r="H535" i="2"/>
  <c r="AB167" i="1"/>
  <c r="AC167" i="1"/>
  <c r="AC275" i="1"/>
  <c r="AB275" i="1"/>
  <c r="AC371" i="1"/>
  <c r="AB371" i="1"/>
  <c r="N12" i="1"/>
  <c r="N600" i="1"/>
  <c r="AC36" i="1"/>
  <c r="AB36" i="1"/>
  <c r="AC108" i="1"/>
  <c r="AB108" i="1"/>
  <c r="AC264" i="1"/>
  <c r="AB264" i="1"/>
  <c r="AC756" i="1"/>
  <c r="AB756" i="1"/>
  <c r="AC60" i="1"/>
  <c r="N718" i="1"/>
  <c r="N733" i="1"/>
  <c r="O61" i="1"/>
  <c r="O133" i="1"/>
  <c r="O147" i="1"/>
  <c r="O219" i="1"/>
  <c r="O349" i="1"/>
  <c r="O435" i="1"/>
  <c r="O565" i="1"/>
  <c r="O637" i="1"/>
  <c r="O781" i="1"/>
  <c r="O853" i="1"/>
  <c r="O882" i="1"/>
  <c r="AC20" i="1"/>
  <c r="AB20" i="1"/>
  <c r="AB32" i="1"/>
  <c r="AC32" i="1"/>
  <c r="AC92" i="1"/>
  <c r="AB92" i="1"/>
  <c r="AB104" i="1"/>
  <c r="AC104" i="1"/>
  <c r="AB164" i="1"/>
  <c r="AC164" i="1"/>
  <c r="AC200" i="1"/>
  <c r="AB200" i="1"/>
  <c r="AB212" i="1"/>
  <c r="AC212" i="1"/>
  <c r="AC248" i="1"/>
  <c r="AB248" i="1"/>
  <c r="AC308" i="1"/>
  <c r="AB308" i="1"/>
  <c r="AC356" i="1"/>
  <c r="AB356" i="1"/>
  <c r="N33" i="1"/>
  <c r="N105" i="1"/>
  <c r="N177" i="1"/>
  <c r="N249" i="1"/>
  <c r="N321" i="1"/>
  <c r="N393" i="1"/>
  <c r="N465" i="1"/>
  <c r="N537" i="1"/>
  <c r="N609" i="1"/>
  <c r="N681" i="1"/>
  <c r="N762" i="1"/>
  <c r="N834" i="1"/>
  <c r="O62" i="1"/>
  <c r="O134" i="1"/>
  <c r="O148" i="1"/>
  <c r="O206" i="1"/>
  <c r="O264" i="1"/>
  <c r="O278" i="1"/>
  <c r="O292" i="1"/>
  <c r="O350" i="1"/>
  <c r="O408" i="1"/>
  <c r="O422" i="1"/>
  <c r="O436" i="1"/>
  <c r="O624" i="1"/>
  <c r="O652" i="1"/>
  <c r="O696" i="1"/>
  <c r="O710" i="1"/>
  <c r="O724" i="1"/>
  <c r="O739" i="1"/>
  <c r="O782" i="1"/>
  <c r="O796" i="1"/>
  <c r="O811" i="1"/>
  <c r="O854" i="1"/>
  <c r="O868" i="1"/>
  <c r="O883" i="1"/>
  <c r="AB12" i="1"/>
  <c r="AB42" i="1"/>
  <c r="AB98" i="1"/>
  <c r="AB128" i="1"/>
  <c r="AB159" i="1"/>
  <c r="AB192" i="1"/>
  <c r="AB255" i="1"/>
  <c r="AB288" i="1"/>
  <c r="AB320" i="1"/>
  <c r="AB384" i="1"/>
  <c r="AB416" i="1"/>
  <c r="AB480" i="1"/>
  <c r="AB512" i="1"/>
  <c r="AB576" i="1"/>
  <c r="AB608" i="1"/>
  <c r="AB638" i="1"/>
  <c r="AB671" i="1"/>
  <c r="AB732" i="1"/>
  <c r="AC47" i="1"/>
  <c r="AC83" i="1"/>
  <c r="AC119" i="1"/>
  <c r="AC155" i="1"/>
  <c r="AC228" i="1"/>
  <c r="AC272" i="1"/>
  <c r="AC651" i="1"/>
  <c r="N708" i="1"/>
  <c r="N720" i="1"/>
  <c r="N732" i="1"/>
  <c r="N744" i="1"/>
  <c r="N756" i="1"/>
  <c r="N768" i="1"/>
  <c r="N780" i="1"/>
  <c r="N792" i="1"/>
  <c r="N804" i="1"/>
  <c r="N816" i="1"/>
  <c r="N828" i="1"/>
  <c r="N840" i="1"/>
  <c r="N852" i="1"/>
  <c r="N864" i="1"/>
  <c r="N876" i="1"/>
  <c r="N888" i="1"/>
  <c r="N900" i="1"/>
  <c r="O49" i="1"/>
  <c r="O121" i="1"/>
  <c r="O193" i="1"/>
  <c r="O265" i="1"/>
  <c r="O337" i="1"/>
  <c r="O409" i="1"/>
  <c r="O481" i="1"/>
  <c r="O553" i="1"/>
  <c r="O625" i="1"/>
  <c r="O697" i="1"/>
  <c r="O755" i="1"/>
  <c r="O827" i="1"/>
  <c r="O899" i="1"/>
  <c r="AB22" i="1"/>
  <c r="AC34" i="1"/>
  <c r="AB34" i="1"/>
  <c r="AB46" i="1"/>
  <c r="AB58" i="1"/>
  <c r="AC70" i="1"/>
  <c r="AB94" i="1"/>
  <c r="AC106" i="1"/>
  <c r="AB106" i="1"/>
  <c r="AB118" i="1"/>
  <c r="AC142" i="1"/>
  <c r="AB166" i="1"/>
  <c r="AC178" i="1"/>
  <c r="AB214" i="1"/>
  <c r="AC214" i="1"/>
  <c r="AC226" i="1"/>
  <c r="AC238" i="1"/>
  <c r="AC250" i="1"/>
  <c r="AC262" i="1"/>
  <c r="AB262" i="1"/>
  <c r="AC274" i="1"/>
  <c r="AC286" i="1"/>
  <c r="AC298" i="1"/>
  <c r="AB310" i="1"/>
  <c r="AC310" i="1"/>
  <c r="AC322" i="1"/>
  <c r="AC346" i="1"/>
  <c r="AB358" i="1"/>
  <c r="AC358" i="1"/>
  <c r="AC370" i="1"/>
  <c r="AC394" i="1"/>
  <c r="AB406" i="1"/>
  <c r="AC406" i="1"/>
  <c r="AC418" i="1"/>
  <c r="AC442" i="1"/>
  <c r="AB454" i="1"/>
  <c r="AC454" i="1"/>
  <c r="AC466" i="1"/>
  <c r="AC490" i="1"/>
  <c r="AB502" i="1"/>
  <c r="AC502" i="1"/>
  <c r="AC514" i="1"/>
  <c r="AC538" i="1"/>
  <c r="AB550" i="1"/>
  <c r="AC550" i="1"/>
  <c r="AC562" i="1"/>
  <c r="AC586" i="1"/>
  <c r="AB598" i="1"/>
  <c r="AC598" i="1"/>
  <c r="AC610" i="1"/>
  <c r="AC634" i="1"/>
  <c r="AB646" i="1"/>
  <c r="AC646" i="1"/>
  <c r="AC658" i="1"/>
  <c r="AC682" i="1"/>
  <c r="AB694" i="1"/>
  <c r="AC694" i="1"/>
  <c r="AC706" i="1"/>
  <c r="AC730" i="1"/>
  <c r="AB742" i="1"/>
  <c r="AC742" i="1"/>
  <c r="AC754" i="1"/>
  <c r="AC778" i="1"/>
  <c r="AB790" i="1"/>
  <c r="AC790" i="1"/>
  <c r="AC802" i="1"/>
  <c r="AC826" i="1"/>
  <c r="AB826" i="1"/>
  <c r="AC838" i="1"/>
  <c r="AC850" i="1"/>
  <c r="AB862" i="1"/>
  <c r="AC874" i="1"/>
  <c r="AC886" i="1"/>
  <c r="AC898" i="1"/>
  <c r="AB898" i="1"/>
  <c r="AB71" i="1"/>
  <c r="AB226" i="1"/>
  <c r="AB322" i="1"/>
  <c r="AB418" i="1"/>
  <c r="AB514" i="1"/>
  <c r="AB610" i="1"/>
  <c r="AB672" i="1"/>
  <c r="AB886" i="1"/>
  <c r="AC48" i="1"/>
  <c r="AC84" i="1"/>
  <c r="AC120" i="1"/>
  <c r="AC467" i="1"/>
  <c r="AB467" i="1"/>
  <c r="AB59" i="1"/>
  <c r="AC59" i="1"/>
  <c r="AC323" i="1"/>
  <c r="AB323" i="1"/>
  <c r="AC539" i="1"/>
  <c r="AB539" i="1"/>
  <c r="AC635" i="1"/>
  <c r="AB635" i="1"/>
  <c r="N156" i="1"/>
  <c r="N444" i="1"/>
  <c r="N660" i="1"/>
  <c r="AC203" i="1"/>
  <c r="AB203" i="1"/>
  <c r="AC299" i="1"/>
  <c r="AB299" i="1"/>
  <c r="AC395" i="1"/>
  <c r="AB395" i="1"/>
  <c r="AC515" i="1"/>
  <c r="AB515" i="1"/>
  <c r="AC755" i="1"/>
  <c r="AB755" i="1"/>
  <c r="N240" i="1"/>
  <c r="O541" i="1"/>
  <c r="O613" i="1"/>
  <c r="AC612" i="1"/>
  <c r="AB612" i="1"/>
  <c r="AC660" i="1"/>
  <c r="AB660" i="1"/>
  <c r="AB300" i="1"/>
  <c r="AB768" i="1"/>
  <c r="N97" i="1"/>
  <c r="N109" i="1"/>
  <c r="N181" i="1"/>
  <c r="N301" i="1"/>
  <c r="N325" i="1"/>
  <c r="N385" i="1"/>
  <c r="N445" i="1"/>
  <c r="N589" i="1"/>
  <c r="N673" i="1"/>
  <c r="O24" i="1"/>
  <c r="O52" i="1"/>
  <c r="O168" i="1"/>
  <c r="O196" i="1"/>
  <c r="O254" i="1"/>
  <c r="O312" i="1"/>
  <c r="O340" i="1"/>
  <c r="O384" i="1"/>
  <c r="O398" i="1"/>
  <c r="O456" i="1"/>
  <c r="O470" i="1"/>
  <c r="O484" i="1"/>
  <c r="O542" i="1"/>
  <c r="O672" i="1"/>
  <c r="O744" i="1"/>
  <c r="O816" i="1"/>
  <c r="O888" i="1"/>
  <c r="AC13" i="1"/>
  <c r="AC37" i="1"/>
  <c r="AC49" i="1"/>
  <c r="AB61" i="1"/>
  <c r="AB73" i="1"/>
  <c r="AC73" i="1"/>
  <c r="AC85" i="1"/>
  <c r="AC109" i="1"/>
  <c r="AC121" i="1"/>
  <c r="AB133" i="1"/>
  <c r="AC145" i="1"/>
  <c r="AC157" i="1"/>
  <c r="AB181" i="1"/>
  <c r="AC181" i="1"/>
  <c r="AC193" i="1"/>
  <c r="AC217" i="1"/>
  <c r="AB229" i="1"/>
  <c r="AC253" i="1"/>
  <c r="AC265" i="1"/>
  <c r="AC277" i="1"/>
  <c r="AB277" i="1"/>
  <c r="AC301" i="1"/>
  <c r="AC313" i="1"/>
  <c r="AC325" i="1"/>
  <c r="AB325" i="1"/>
  <c r="AC337" i="1"/>
  <c r="AC349" i="1"/>
  <c r="AC361" i="1"/>
  <c r="AC373" i="1"/>
  <c r="AB373" i="1"/>
  <c r="AC385" i="1"/>
  <c r="AC397" i="1"/>
  <c r="AC409" i="1"/>
  <c r="AC421" i="1"/>
  <c r="AB421" i="1"/>
  <c r="AC433" i="1"/>
  <c r="AC445" i="1"/>
  <c r="AC457" i="1"/>
  <c r="AC469" i="1"/>
  <c r="AB469" i="1"/>
  <c r="AC481" i="1"/>
  <c r="AC493" i="1"/>
  <c r="AC505" i="1"/>
  <c r="AC517" i="1"/>
  <c r="AB517" i="1"/>
  <c r="AC529" i="1"/>
  <c r="AC541" i="1"/>
  <c r="AC553" i="1"/>
  <c r="AC565" i="1"/>
  <c r="AB565" i="1"/>
  <c r="AC577" i="1"/>
  <c r="AC589" i="1"/>
  <c r="AC601" i="1"/>
  <c r="AC613" i="1"/>
  <c r="AB613" i="1"/>
  <c r="AC625" i="1"/>
  <c r="AC637" i="1"/>
  <c r="AC649" i="1"/>
  <c r="AC661" i="1"/>
  <c r="AB661" i="1"/>
  <c r="AC673" i="1"/>
  <c r="AC685" i="1"/>
  <c r="AC697" i="1"/>
  <c r="AC709" i="1"/>
  <c r="AB709" i="1"/>
  <c r="AC721" i="1"/>
  <c r="AC733" i="1"/>
  <c r="AC745" i="1"/>
  <c r="AC757" i="1"/>
  <c r="AB757" i="1"/>
  <c r="AC769" i="1"/>
  <c r="AC781" i="1"/>
  <c r="AC793" i="1"/>
  <c r="AB793" i="1"/>
  <c r="AC805" i="1"/>
  <c r="AB805" i="1"/>
  <c r="AC817" i="1"/>
  <c r="AC829" i="1"/>
  <c r="AB829" i="1"/>
  <c r="AC841" i="1"/>
  <c r="AB841" i="1"/>
  <c r="AC853" i="1"/>
  <c r="AC865" i="1"/>
  <c r="AB865" i="1"/>
  <c r="AC877" i="1"/>
  <c r="AB877" i="1"/>
  <c r="AC889" i="1"/>
  <c r="AC901" i="1"/>
  <c r="AB901" i="1"/>
  <c r="AB142" i="1"/>
  <c r="AB205" i="1"/>
  <c r="AB238" i="1"/>
  <c r="AB301" i="1"/>
  <c r="AB397" i="1"/>
  <c r="AB493" i="1"/>
  <c r="AB589" i="1"/>
  <c r="AB682" i="1"/>
  <c r="AB769" i="1"/>
  <c r="AB802" i="1"/>
  <c r="AC61" i="1"/>
  <c r="AC133" i="1"/>
  <c r="AC335" i="1"/>
  <c r="AC431" i="1"/>
  <c r="AC527" i="1"/>
  <c r="AC623" i="1"/>
  <c r="AC719" i="1"/>
  <c r="AC815" i="1"/>
  <c r="AC863" i="1"/>
  <c r="H6" i="2"/>
  <c r="H18" i="2"/>
  <c r="H30" i="2"/>
  <c r="H42" i="2"/>
  <c r="H54" i="2"/>
  <c r="H66" i="2"/>
  <c r="H78" i="2"/>
  <c r="H90" i="2"/>
  <c r="H102" i="2"/>
  <c r="H114" i="2"/>
  <c r="H126" i="2"/>
  <c r="H138" i="2"/>
  <c r="H150" i="2"/>
  <c r="H162" i="2"/>
  <c r="H174" i="2"/>
  <c r="H186" i="2"/>
  <c r="H198" i="2"/>
  <c r="H210" i="2"/>
  <c r="H222" i="2"/>
  <c r="H234" i="2"/>
  <c r="H246" i="2"/>
  <c r="H258" i="2"/>
  <c r="H270" i="2"/>
  <c r="H282" i="2"/>
  <c r="H294" i="2"/>
  <c r="H306" i="2"/>
  <c r="H318" i="2"/>
  <c r="H330" i="2"/>
  <c r="H342" i="2"/>
  <c r="H354" i="2"/>
  <c r="H366" i="2"/>
  <c r="H378" i="2"/>
  <c r="H390" i="2"/>
  <c r="H402" i="2"/>
  <c r="H414" i="2"/>
  <c r="H426" i="2"/>
  <c r="H438" i="2"/>
  <c r="H450" i="2"/>
  <c r="H462" i="2"/>
  <c r="H474" i="2"/>
  <c r="H486" i="2"/>
  <c r="H498" i="2"/>
  <c r="H510" i="2"/>
  <c r="H522" i="2"/>
  <c r="H534" i="2"/>
  <c r="H546" i="2"/>
  <c r="H558" i="2"/>
  <c r="H570" i="2"/>
  <c r="H582" i="2"/>
  <c r="H594" i="2"/>
  <c r="H606" i="2"/>
  <c r="H618" i="2"/>
  <c r="H630" i="2"/>
  <c r="H642" i="2"/>
  <c r="H654" i="2"/>
  <c r="H666" i="2"/>
  <c r="H678" i="2"/>
  <c r="H690" i="2"/>
  <c r="H702" i="2"/>
  <c r="H714" i="2"/>
  <c r="H726" i="2"/>
  <c r="H738" i="2"/>
  <c r="H750" i="2"/>
  <c r="H762" i="2"/>
  <c r="H774" i="2"/>
  <c r="H786" i="2"/>
  <c r="H798" i="2"/>
  <c r="H810" i="2"/>
  <c r="H822" i="2"/>
  <c r="H834" i="2"/>
  <c r="H846" i="2"/>
  <c r="H858" i="2"/>
  <c r="H870" i="2"/>
  <c r="H882" i="2"/>
  <c r="H894" i="2"/>
  <c r="AC263" i="1"/>
  <c r="AB263" i="1"/>
  <c r="AC563" i="1"/>
  <c r="AB563" i="1"/>
  <c r="AC659" i="1"/>
  <c r="AB659" i="1"/>
  <c r="AC731" i="1"/>
  <c r="AB731" i="1"/>
  <c r="AC851" i="1"/>
  <c r="AB851" i="1"/>
  <c r="AC899" i="1"/>
  <c r="AB899" i="1"/>
  <c r="AB107" i="1"/>
  <c r="N84" i="1"/>
  <c r="N300" i="1"/>
  <c r="AC324" i="1"/>
  <c r="AB324" i="1"/>
  <c r="AC708" i="1"/>
  <c r="AB708" i="1"/>
  <c r="AB204" i="1"/>
  <c r="AB396" i="1"/>
  <c r="N314" i="1"/>
  <c r="N386" i="1"/>
  <c r="N458" i="1"/>
  <c r="N530" i="1"/>
  <c r="N602" i="1"/>
  <c r="AC194" i="1"/>
  <c r="AB194" i="1"/>
  <c r="AC278" i="1"/>
  <c r="AB278" i="1"/>
  <c r="AC338" i="1"/>
  <c r="AB338" i="1"/>
  <c r="AC374" i="1"/>
  <c r="AB374" i="1"/>
  <c r="AC386" i="1"/>
  <c r="AB386" i="1"/>
  <c r="AC422" i="1"/>
  <c r="AB422" i="1"/>
  <c r="AC434" i="1"/>
  <c r="AB434" i="1"/>
  <c r="AC470" i="1"/>
  <c r="AB470" i="1"/>
  <c r="AC482" i="1"/>
  <c r="AB482" i="1"/>
  <c r="AC518" i="1"/>
  <c r="AB518" i="1"/>
  <c r="AC530" i="1"/>
  <c r="AB530" i="1"/>
  <c r="AC566" i="1"/>
  <c r="AB566" i="1"/>
  <c r="AC578" i="1"/>
  <c r="AB578" i="1"/>
  <c r="AC614" i="1"/>
  <c r="AB614" i="1"/>
  <c r="AC626" i="1"/>
  <c r="AB626" i="1"/>
  <c r="AC662" i="1"/>
  <c r="AB662" i="1"/>
  <c r="AC674" i="1"/>
  <c r="AB674" i="1"/>
  <c r="AC710" i="1"/>
  <c r="AB710" i="1"/>
  <c r="AC722" i="1"/>
  <c r="AB722" i="1"/>
  <c r="AC758" i="1"/>
  <c r="AB758" i="1"/>
  <c r="AC770" i="1"/>
  <c r="AB770" i="1"/>
  <c r="AB878" i="1"/>
  <c r="AC878" i="1"/>
  <c r="AB143" i="1"/>
  <c r="AB206" i="1"/>
  <c r="AB239" i="1"/>
  <c r="AB302" i="1"/>
  <c r="AB398" i="1"/>
  <c r="AB494" i="1"/>
  <c r="AB590" i="1"/>
  <c r="AB684" i="1"/>
  <c r="AB803" i="1"/>
  <c r="AB866" i="1"/>
  <c r="AC26" i="1"/>
  <c r="AC62" i="1"/>
  <c r="AC134" i="1"/>
  <c r="AC170" i="1"/>
  <c r="AC336" i="1"/>
  <c r="AC432" i="1"/>
  <c r="AC528" i="1"/>
  <c r="AC624" i="1"/>
  <c r="AC864" i="1"/>
  <c r="AC779" i="1"/>
  <c r="AB779" i="1"/>
  <c r="AC72" i="1"/>
  <c r="AB72" i="1"/>
  <c r="AC516" i="1"/>
  <c r="AB516" i="1"/>
  <c r="AB828" i="1"/>
  <c r="AC828" i="1"/>
  <c r="AB588" i="1"/>
  <c r="AC132" i="1"/>
  <c r="AB242" i="1"/>
  <c r="AC242" i="1"/>
  <c r="O533" i="1"/>
  <c r="O545" i="1"/>
  <c r="O557" i="1"/>
  <c r="O569" i="1"/>
  <c r="O581" i="1"/>
  <c r="O593" i="1"/>
  <c r="O605" i="1"/>
  <c r="O617" i="1"/>
  <c r="O629" i="1"/>
  <c r="O641" i="1"/>
  <c r="O653" i="1"/>
  <c r="O665" i="1"/>
  <c r="O677" i="1"/>
  <c r="O689" i="1"/>
  <c r="O701" i="1"/>
  <c r="O713" i="1"/>
  <c r="O725" i="1"/>
  <c r="O737" i="1"/>
  <c r="O749" i="1"/>
  <c r="O761" i="1"/>
  <c r="O773" i="1"/>
  <c r="O785" i="1"/>
  <c r="O797" i="1"/>
  <c r="O809" i="1"/>
  <c r="O821" i="1"/>
  <c r="O833" i="1"/>
  <c r="O845" i="1"/>
  <c r="O857" i="1"/>
  <c r="O869" i="1"/>
  <c r="O881" i="1"/>
  <c r="O893" i="1"/>
  <c r="N315" i="1"/>
  <c r="N459" i="1"/>
  <c r="N603" i="1"/>
  <c r="N675" i="1"/>
  <c r="O516" i="1"/>
  <c r="O732" i="1"/>
  <c r="O804" i="1"/>
  <c r="O876" i="1"/>
  <c r="AC3" i="1"/>
  <c r="AB3" i="1"/>
  <c r="AC15" i="1"/>
  <c r="AB15" i="1"/>
  <c r="AC75" i="1"/>
  <c r="AB75" i="1"/>
  <c r="AC87" i="1"/>
  <c r="AB87" i="1"/>
  <c r="AC135" i="1"/>
  <c r="AB135" i="1"/>
  <c r="AC147" i="1"/>
  <c r="AB147" i="1"/>
  <c r="AC183" i="1"/>
  <c r="AB183" i="1"/>
  <c r="AC195" i="1"/>
  <c r="AB195" i="1"/>
  <c r="AC231" i="1"/>
  <c r="AB231" i="1"/>
  <c r="AC279" i="1"/>
  <c r="AB279" i="1"/>
  <c r="AC291" i="1"/>
  <c r="AB291" i="1"/>
  <c r="AC327" i="1"/>
  <c r="AB327" i="1"/>
  <c r="AC339" i="1"/>
  <c r="AB339" i="1"/>
  <c r="AC375" i="1"/>
  <c r="AB375" i="1"/>
  <c r="AC387" i="1"/>
  <c r="AB387" i="1"/>
  <c r="AC423" i="1"/>
  <c r="AB423" i="1"/>
  <c r="AC435" i="1"/>
  <c r="AB435" i="1"/>
  <c r="AC471" i="1"/>
  <c r="AB471" i="1"/>
  <c r="AC483" i="1"/>
  <c r="AB483" i="1"/>
  <c r="AC519" i="1"/>
  <c r="AB519" i="1"/>
  <c r="AC531" i="1"/>
  <c r="AB531" i="1"/>
  <c r="AC567" i="1"/>
  <c r="AB567" i="1"/>
  <c r="AC579" i="1"/>
  <c r="AB579" i="1"/>
  <c r="AC615" i="1"/>
  <c r="AB615" i="1"/>
  <c r="AC627" i="1"/>
  <c r="AB627" i="1"/>
  <c r="AB56" i="1"/>
  <c r="AB144" i="1"/>
  <c r="AB176" i="1"/>
  <c r="AB207" i="1"/>
  <c r="AB240" i="1"/>
  <c r="AB368" i="1"/>
  <c r="AB464" i="1"/>
  <c r="AB560" i="1"/>
  <c r="AB685" i="1"/>
  <c r="AB778" i="1"/>
  <c r="AB804" i="1"/>
  <c r="AB838" i="1"/>
  <c r="AC251" i="1"/>
  <c r="H5" i="2"/>
  <c r="H20" i="2"/>
  <c r="H32" i="2"/>
  <c r="H31" i="2"/>
  <c r="H44" i="2"/>
  <c r="H56" i="2"/>
  <c r="H55" i="2"/>
  <c r="H68" i="2"/>
  <c r="H80" i="2"/>
  <c r="H79" i="2"/>
  <c r="H92" i="2"/>
  <c r="H91" i="2"/>
  <c r="H116" i="2"/>
  <c r="H128" i="2"/>
  <c r="H127" i="2"/>
  <c r="H140" i="2"/>
  <c r="H152" i="2"/>
  <c r="H151" i="2"/>
  <c r="H164" i="2"/>
  <c r="H176" i="2"/>
  <c r="H175" i="2"/>
  <c r="H188" i="2"/>
  <c r="H187" i="2"/>
  <c r="H212" i="2"/>
  <c r="H224" i="2"/>
  <c r="H223" i="2"/>
  <c r="H236" i="2"/>
  <c r="H248" i="2"/>
  <c r="H247" i="2"/>
  <c r="H260" i="2"/>
  <c r="H272" i="2"/>
  <c r="H271" i="2"/>
  <c r="H284" i="2"/>
  <c r="H283" i="2"/>
  <c r="H296" i="2"/>
  <c r="H308" i="2"/>
  <c r="H320" i="2"/>
  <c r="H319" i="2"/>
  <c r="H332" i="2"/>
  <c r="H356" i="2"/>
  <c r="H368" i="2"/>
  <c r="H367" i="2"/>
  <c r="H380" i="2"/>
  <c r="H392" i="2"/>
  <c r="H404" i="2"/>
  <c r="H403" i="2"/>
  <c r="H416" i="2"/>
  <c r="H415" i="2"/>
  <c r="H428" i="2"/>
  <c r="H440" i="2"/>
  <c r="H439" i="2"/>
  <c r="H452" i="2"/>
  <c r="H464" i="2"/>
  <c r="H463" i="2"/>
  <c r="H476" i="2"/>
  <c r="H475" i="2"/>
  <c r="H488" i="2"/>
  <c r="H500" i="2"/>
  <c r="H512" i="2"/>
  <c r="H511" i="2"/>
  <c r="H524" i="2"/>
  <c r="H548" i="2"/>
  <c r="H560" i="2"/>
  <c r="H559" i="2"/>
  <c r="H572" i="2"/>
  <c r="H584" i="2"/>
  <c r="H596" i="2"/>
  <c r="H595" i="2"/>
  <c r="H608" i="2"/>
  <c r="H607" i="2"/>
  <c r="H620" i="2"/>
  <c r="H632" i="2"/>
  <c r="H631" i="2"/>
  <c r="H644" i="2"/>
  <c r="H656" i="2"/>
  <c r="H655" i="2"/>
  <c r="H668" i="2"/>
  <c r="H667" i="2"/>
  <c r="H680" i="2"/>
  <c r="H692" i="2"/>
  <c r="H704" i="2"/>
  <c r="H703" i="2"/>
  <c r="H716" i="2"/>
  <c r="H740" i="2"/>
  <c r="H752" i="2"/>
  <c r="H751" i="2"/>
  <c r="H764" i="2"/>
  <c r="H776" i="2"/>
  <c r="H788" i="2"/>
  <c r="H787" i="2"/>
  <c r="H800" i="2"/>
  <c r="H799" i="2"/>
  <c r="H812" i="2"/>
  <c r="H824" i="2"/>
  <c r="H823" i="2"/>
  <c r="H836" i="2"/>
  <c r="H848" i="2"/>
  <c r="H847" i="2"/>
  <c r="H860" i="2"/>
  <c r="H859" i="2"/>
  <c r="H872" i="2"/>
  <c r="H884" i="2"/>
  <c r="H896" i="2"/>
  <c r="H895" i="2"/>
  <c r="I7" i="2"/>
  <c r="I6" i="2"/>
  <c r="I4" i="2"/>
  <c r="I5" i="2"/>
  <c r="I19" i="2"/>
  <c r="I17" i="2"/>
  <c r="I15" i="2"/>
  <c r="I16" i="2"/>
  <c r="I31" i="2"/>
  <c r="I30" i="2"/>
  <c r="I29" i="2"/>
  <c r="I28" i="2"/>
  <c r="I43" i="2"/>
  <c r="I42" i="2"/>
  <c r="I41" i="2"/>
  <c r="I39" i="2"/>
  <c r="I40" i="2"/>
  <c r="I55" i="2"/>
  <c r="I54" i="2"/>
  <c r="I52" i="2"/>
  <c r="I67" i="2"/>
  <c r="I65" i="2"/>
  <c r="I63" i="2"/>
  <c r="I79" i="2"/>
  <c r="I78" i="2"/>
  <c r="I77" i="2"/>
  <c r="I76" i="2"/>
  <c r="I91" i="2"/>
  <c r="I90" i="2"/>
  <c r="I89" i="2"/>
  <c r="I87" i="2"/>
  <c r="I88" i="2"/>
  <c r="I103" i="2"/>
  <c r="I102" i="2"/>
  <c r="I115" i="2"/>
  <c r="I113" i="2"/>
  <c r="I111" i="2"/>
  <c r="I114" i="2"/>
  <c r="I112" i="2"/>
  <c r="I127" i="2"/>
  <c r="I126" i="2"/>
  <c r="I125" i="2"/>
  <c r="I124" i="2"/>
  <c r="I139" i="2"/>
  <c r="I138" i="2"/>
  <c r="I137" i="2"/>
  <c r="I135" i="2"/>
  <c r="I151" i="2"/>
  <c r="I150" i="2"/>
  <c r="I149" i="2"/>
  <c r="I148" i="2"/>
  <c r="I163" i="2"/>
  <c r="I161" i="2"/>
  <c r="I159" i="2"/>
  <c r="I160" i="2"/>
  <c r="I162" i="2"/>
  <c r="I175" i="2"/>
  <c r="I174" i="2"/>
  <c r="I173" i="2"/>
  <c r="I172" i="2"/>
  <c r="I187" i="2"/>
  <c r="I186" i="2"/>
  <c r="I185" i="2"/>
  <c r="I183" i="2"/>
  <c r="I184" i="2"/>
  <c r="I199" i="2"/>
  <c r="I198" i="2"/>
  <c r="I196" i="2"/>
  <c r="I195" i="2"/>
  <c r="I197" i="2"/>
  <c r="I211" i="2"/>
  <c r="I209" i="2"/>
  <c r="I207" i="2"/>
  <c r="I208" i="2"/>
  <c r="I223" i="2"/>
  <c r="I222" i="2"/>
  <c r="I221" i="2"/>
  <c r="I220" i="2"/>
  <c r="I235" i="2"/>
  <c r="I234" i="2"/>
  <c r="I233" i="2"/>
  <c r="I231" i="2"/>
  <c r="I232" i="2"/>
  <c r="I247" i="2"/>
  <c r="I246" i="2"/>
  <c r="I244" i="2"/>
  <c r="I259" i="2"/>
  <c r="I257" i="2"/>
  <c r="I255" i="2"/>
  <c r="I271" i="2"/>
  <c r="I270" i="2"/>
  <c r="I269" i="2"/>
  <c r="I268" i="2"/>
  <c r="I283" i="2"/>
  <c r="I282" i="2"/>
  <c r="I281" i="2"/>
  <c r="I279" i="2"/>
  <c r="I280" i="2"/>
  <c r="I295" i="2"/>
  <c r="I294" i="2"/>
  <c r="I307" i="2"/>
  <c r="I305" i="2"/>
  <c r="I303" i="2"/>
  <c r="I306" i="2"/>
  <c r="I304" i="2"/>
  <c r="I319" i="2"/>
  <c r="I318" i="2"/>
  <c r="I317" i="2"/>
  <c r="I316" i="2"/>
  <c r="I331" i="2"/>
  <c r="I330" i="2"/>
  <c r="I329" i="2"/>
  <c r="I327" i="2"/>
  <c r="I343" i="2"/>
  <c r="I342" i="2"/>
  <c r="I341" i="2"/>
  <c r="I340" i="2"/>
  <c r="I355" i="2"/>
  <c r="I353" i="2"/>
  <c r="I351" i="2"/>
  <c r="I352" i="2"/>
  <c r="I354" i="2"/>
  <c r="I367" i="2"/>
  <c r="I366" i="2"/>
  <c r="I365" i="2"/>
  <c r="I364" i="2"/>
  <c r="I379" i="2"/>
  <c r="I378" i="2"/>
  <c r="I377" i="2"/>
  <c r="I375" i="2"/>
  <c r="I376" i="2"/>
  <c r="I391" i="2"/>
  <c r="I390" i="2"/>
  <c r="I388" i="2"/>
  <c r="I387" i="2"/>
  <c r="I389" i="2"/>
  <c r="I403" i="2"/>
  <c r="I401" i="2"/>
  <c r="I399" i="2"/>
  <c r="I400" i="2"/>
  <c r="I415" i="2"/>
  <c r="I414" i="2"/>
  <c r="I413" i="2"/>
  <c r="I412" i="2"/>
  <c r="I427" i="2"/>
  <c r="I426" i="2"/>
  <c r="I425" i="2"/>
  <c r="I423" i="2"/>
  <c r="I424" i="2"/>
  <c r="I439" i="2"/>
  <c r="I438" i="2"/>
  <c r="I436" i="2"/>
  <c r="I451" i="2"/>
  <c r="I449" i="2"/>
  <c r="I447" i="2"/>
  <c r="I463" i="2"/>
  <c r="I462" i="2"/>
  <c r="I461" i="2"/>
  <c r="I460" i="2"/>
  <c r="I475" i="2"/>
  <c r="I474" i="2"/>
  <c r="I473" i="2"/>
  <c r="I471" i="2"/>
  <c r="I472" i="2"/>
  <c r="I487" i="2"/>
  <c r="I486" i="2"/>
  <c r="I499" i="2"/>
  <c r="I497" i="2"/>
  <c r="I495" i="2"/>
  <c r="I498" i="2"/>
  <c r="I496" i="2"/>
  <c r="I511" i="2"/>
  <c r="I510" i="2"/>
  <c r="I509" i="2"/>
  <c r="I508" i="2"/>
  <c r="I523" i="2"/>
  <c r="I522" i="2"/>
  <c r="I521" i="2"/>
  <c r="I519" i="2"/>
  <c r="I535" i="2"/>
  <c r="I534" i="2"/>
  <c r="I533" i="2"/>
  <c r="I532" i="2"/>
  <c r="I547" i="2"/>
  <c r="I545" i="2"/>
  <c r="I543" i="2"/>
  <c r="I546" i="2"/>
  <c r="I544" i="2"/>
  <c r="I559" i="2"/>
  <c r="I558" i="2"/>
  <c r="I557" i="2"/>
  <c r="I556" i="2"/>
  <c r="I571" i="2"/>
  <c r="I570" i="2"/>
  <c r="I569" i="2"/>
  <c r="I568" i="2"/>
  <c r="I567" i="2"/>
  <c r="I583" i="2"/>
  <c r="I582" i="2"/>
  <c r="I581" i="2"/>
  <c r="I580" i="2"/>
  <c r="I595" i="2"/>
  <c r="I593" i="2"/>
  <c r="I591" i="2"/>
  <c r="I594" i="2"/>
  <c r="I592" i="2"/>
  <c r="I607" i="2"/>
  <c r="I606" i="2"/>
  <c r="I605" i="2"/>
  <c r="I604" i="2"/>
  <c r="I619" i="2"/>
  <c r="I618" i="2"/>
  <c r="I617" i="2"/>
  <c r="I616" i="2"/>
  <c r="I615" i="2"/>
  <c r="I631" i="2"/>
  <c r="I630" i="2"/>
  <c r="I629" i="2"/>
  <c r="I628" i="2"/>
  <c r="I643" i="2"/>
  <c r="I641" i="2"/>
  <c r="I639" i="2"/>
  <c r="I642" i="2"/>
  <c r="I640" i="2"/>
  <c r="I655" i="2"/>
  <c r="I654" i="2"/>
  <c r="I653" i="2"/>
  <c r="I652" i="2"/>
  <c r="I667" i="2"/>
  <c r="I666" i="2"/>
  <c r="I665" i="2"/>
  <c r="I664" i="2"/>
  <c r="I663" i="2"/>
  <c r="I679" i="2"/>
  <c r="I678" i="2"/>
  <c r="I677" i="2"/>
  <c r="I676" i="2"/>
  <c r="I691" i="2"/>
  <c r="I689" i="2"/>
  <c r="I687" i="2"/>
  <c r="I690" i="2"/>
  <c r="I688" i="2"/>
  <c r="I703" i="2"/>
  <c r="I702" i="2"/>
  <c r="I701" i="2"/>
  <c r="I700" i="2"/>
  <c r="I715" i="2"/>
  <c r="I714" i="2"/>
  <c r="I713" i="2"/>
  <c r="I712" i="2"/>
  <c r="I711" i="2"/>
  <c r="I727" i="2"/>
  <c r="I726" i="2"/>
  <c r="I725" i="2"/>
  <c r="I724" i="2"/>
  <c r="I739" i="2"/>
  <c r="I737" i="2"/>
  <c r="I735" i="2"/>
  <c r="I738" i="2"/>
  <c r="I736" i="2"/>
  <c r="I751" i="2"/>
  <c r="I750" i="2"/>
  <c r="I749" i="2"/>
  <c r="I748" i="2"/>
  <c r="I763" i="2"/>
  <c r="I762" i="2"/>
  <c r="I761" i="2"/>
  <c r="I760" i="2"/>
  <c r="I759" i="2"/>
  <c r="I775" i="2"/>
  <c r="I774" i="2"/>
  <c r="I773" i="2"/>
  <c r="I772" i="2"/>
  <c r="I787" i="2"/>
  <c r="I785" i="2"/>
  <c r="I783" i="2"/>
  <c r="I786" i="2"/>
  <c r="I784" i="2"/>
  <c r="I799" i="2"/>
  <c r="I798" i="2"/>
  <c r="I797" i="2"/>
  <c r="I796" i="2"/>
  <c r="I811" i="2"/>
  <c r="I810" i="2"/>
  <c r="I809" i="2"/>
  <c r="I808" i="2"/>
  <c r="I807" i="2"/>
  <c r="H139" i="2"/>
  <c r="I64" i="2"/>
  <c r="I136" i="2"/>
  <c r="I292" i="2"/>
  <c r="I448" i="2"/>
  <c r="I520" i="2"/>
  <c r="AC168" i="1"/>
  <c r="N713" i="1"/>
  <c r="N742" i="1"/>
  <c r="N814" i="1"/>
  <c r="N857" i="1"/>
  <c r="AB178" i="1"/>
  <c r="AB274" i="1"/>
  <c r="AB370" i="1"/>
  <c r="AB466" i="1"/>
  <c r="AB562" i="1"/>
  <c r="AB686" i="1"/>
  <c r="AB780" i="1"/>
  <c r="AC296" i="1"/>
  <c r="AC344" i="1"/>
  <c r="AC392" i="1"/>
  <c r="AC440" i="1"/>
  <c r="AC488" i="1"/>
  <c r="AC536" i="1"/>
  <c r="AC584" i="1"/>
  <c r="I824" i="2"/>
  <c r="I821" i="2"/>
  <c r="I820" i="2"/>
  <c r="I836" i="2"/>
  <c r="I834" i="2"/>
  <c r="I832" i="2"/>
  <c r="I872" i="2"/>
  <c r="I869" i="2"/>
  <c r="I868" i="2"/>
  <c r="I884" i="2"/>
  <c r="I882" i="2"/>
  <c r="I880" i="2"/>
  <c r="I66" i="2"/>
  <c r="I293" i="2"/>
  <c r="I450" i="2"/>
  <c r="AB663" i="1"/>
  <c r="AB711" i="1"/>
  <c r="AB759" i="1"/>
  <c r="AC807" i="1"/>
  <c r="AC855" i="1"/>
  <c r="AC903" i="1"/>
  <c r="H370" i="2"/>
  <c r="H406" i="2"/>
  <c r="H562" i="2"/>
  <c r="H598" i="2"/>
  <c r="H754" i="2"/>
  <c r="H790" i="2"/>
  <c r="H826" i="2"/>
  <c r="I550" i="2"/>
  <c r="I598" i="2"/>
  <c r="I646" i="2"/>
  <c r="I694" i="2"/>
  <c r="I742" i="2"/>
  <c r="I790" i="2"/>
  <c r="AC9" i="1"/>
  <c r="AC21" i="1"/>
  <c r="AC33" i="1"/>
  <c r="AC45" i="1"/>
  <c r="AC57" i="1"/>
  <c r="AC69" i="1"/>
  <c r="AC81" i="1"/>
  <c r="AC93" i="1"/>
  <c r="AC105" i="1"/>
  <c r="AC117" i="1"/>
  <c r="AC129" i="1"/>
  <c r="AB129" i="1"/>
  <c r="AC141" i="1"/>
  <c r="AB141" i="1"/>
  <c r="AC153" i="1"/>
  <c r="AB153" i="1"/>
  <c r="AC165" i="1"/>
  <c r="AB165" i="1"/>
  <c r="AC177" i="1"/>
  <c r="AB177" i="1"/>
  <c r="AC189" i="1"/>
  <c r="AB189" i="1"/>
  <c r="AC201" i="1"/>
  <c r="AB201" i="1"/>
  <c r="AC213" i="1"/>
  <c r="AB213" i="1"/>
  <c r="AB225" i="1"/>
  <c r="AB237" i="1"/>
  <c r="AC249" i="1"/>
  <c r="AB249" i="1"/>
  <c r="AB261" i="1"/>
  <c r="AB273" i="1"/>
  <c r="AB285" i="1"/>
  <c r="AB297" i="1"/>
  <c r="AB309" i="1"/>
  <c r="AC309" i="1"/>
  <c r="AB321" i="1"/>
  <c r="AB333" i="1"/>
  <c r="AB345" i="1"/>
  <c r="AB357" i="1"/>
  <c r="AC357" i="1"/>
  <c r="AB369" i="1"/>
  <c r="AB381" i="1"/>
  <c r="AB393" i="1"/>
  <c r="AB405" i="1"/>
  <c r="AC405" i="1"/>
  <c r="AB417" i="1"/>
  <c r="AB429" i="1"/>
  <c r="AB441" i="1"/>
  <c r="AB453" i="1"/>
  <c r="AC453" i="1"/>
  <c r="AB465" i="1"/>
  <c r="AB477" i="1"/>
  <c r="AB489" i="1"/>
  <c r="AB501" i="1"/>
  <c r="AC501" i="1"/>
  <c r="AB513" i="1"/>
  <c r="AB525" i="1"/>
  <c r="AB537" i="1"/>
  <c r="AB549" i="1"/>
  <c r="AC549" i="1"/>
  <c r="AB561" i="1"/>
  <c r="AB573" i="1"/>
  <c r="AB585" i="1"/>
  <c r="AB597" i="1"/>
  <c r="AC597" i="1"/>
  <c r="AB609" i="1"/>
  <c r="AB621" i="1"/>
  <c r="AB633" i="1"/>
  <c r="AB645" i="1"/>
  <c r="AC645" i="1"/>
  <c r="AB657" i="1"/>
  <c r="AB669" i="1"/>
  <c r="AB681" i="1"/>
  <c r="AB693" i="1"/>
  <c r="AC693" i="1"/>
  <c r="AB705" i="1"/>
  <c r="AB717" i="1"/>
  <c r="AB729" i="1"/>
  <c r="AB741" i="1"/>
  <c r="AC741" i="1"/>
  <c r="AB753" i="1"/>
  <c r="AB765" i="1"/>
  <c r="AB777" i="1"/>
  <c r="AB789" i="1"/>
  <c r="AC789" i="1"/>
  <c r="AB801" i="1"/>
  <c r="AB813" i="1"/>
  <c r="AB825" i="1"/>
  <c r="AB837" i="1"/>
  <c r="AC837" i="1"/>
  <c r="AB849" i="1"/>
  <c r="AB861" i="1"/>
  <c r="AB873" i="1"/>
  <c r="AB885" i="1"/>
  <c r="AC885" i="1"/>
  <c r="AB897" i="1"/>
  <c r="AB763" i="1"/>
  <c r="AB798" i="1"/>
  <c r="AB834" i="1"/>
  <c r="AB870" i="1"/>
  <c r="AC333" i="1"/>
  <c r="AC381" i="1"/>
  <c r="AC429" i="1"/>
  <c r="AC477" i="1"/>
  <c r="AC525" i="1"/>
  <c r="AC573" i="1"/>
  <c r="AC621" i="1"/>
  <c r="AC669" i="1"/>
  <c r="AC717" i="1"/>
  <c r="AC765" i="1"/>
  <c r="AC813" i="1"/>
  <c r="AC861" i="1"/>
  <c r="H17" i="2"/>
  <c r="H29" i="2"/>
  <c r="H41" i="2"/>
  <c r="H53" i="2"/>
  <c r="H65" i="2"/>
  <c r="H77" i="2"/>
  <c r="H89" i="2"/>
  <c r="H101" i="2"/>
  <c r="H113" i="2"/>
  <c r="H125" i="2"/>
  <c r="H137" i="2"/>
  <c r="H149" i="2"/>
  <c r="H161" i="2"/>
  <c r="H173" i="2"/>
  <c r="H185" i="2"/>
  <c r="H197" i="2"/>
  <c r="H209" i="2"/>
  <c r="H221" i="2"/>
  <c r="H233" i="2"/>
  <c r="H245" i="2"/>
  <c r="H257" i="2"/>
  <c r="H269" i="2"/>
  <c r="H281" i="2"/>
  <c r="H293" i="2"/>
  <c r="H305" i="2"/>
  <c r="H317" i="2"/>
  <c r="H329" i="2"/>
  <c r="H341" i="2"/>
  <c r="H353" i="2"/>
  <c r="H365" i="2"/>
  <c r="H377" i="2"/>
  <c r="H389" i="2"/>
  <c r="H401" i="2"/>
  <c r="H413" i="2"/>
  <c r="H425" i="2"/>
  <c r="H437" i="2"/>
  <c r="H449" i="2"/>
  <c r="H461" i="2"/>
  <c r="H473" i="2"/>
  <c r="H485" i="2"/>
  <c r="H497" i="2"/>
  <c r="H509" i="2"/>
  <c r="H521" i="2"/>
  <c r="H533" i="2"/>
  <c r="H545" i="2"/>
  <c r="H557" i="2"/>
  <c r="H569" i="2"/>
  <c r="H581" i="2"/>
  <c r="H593" i="2"/>
  <c r="H605" i="2"/>
  <c r="H617" i="2"/>
  <c r="H629" i="2"/>
  <c r="H641" i="2"/>
  <c r="H653" i="2"/>
  <c r="H665" i="2"/>
  <c r="H677" i="2"/>
  <c r="H689" i="2"/>
  <c r="H701" i="2"/>
  <c r="H713" i="2"/>
  <c r="H725" i="2"/>
  <c r="H737" i="2"/>
  <c r="H749" i="2"/>
  <c r="H761" i="2"/>
  <c r="H773" i="2"/>
  <c r="H785" i="2"/>
  <c r="H797" i="2"/>
  <c r="H809" i="2"/>
  <c r="H821" i="2"/>
  <c r="H833" i="2"/>
  <c r="H845" i="2"/>
  <c r="H857" i="2"/>
  <c r="H869" i="2"/>
  <c r="H881" i="2"/>
  <c r="H893" i="2"/>
  <c r="I167" i="2"/>
  <c r="I359" i="2"/>
  <c r="AB819" i="1"/>
  <c r="AC819" i="1"/>
  <c r="AB867" i="1"/>
  <c r="AC867" i="1"/>
  <c r="AC297" i="1"/>
  <c r="AC345" i="1"/>
  <c r="AC393" i="1"/>
  <c r="AC441" i="1"/>
  <c r="AC489" i="1"/>
  <c r="AC537" i="1"/>
  <c r="AC585" i="1"/>
  <c r="AC633" i="1"/>
  <c r="AC681" i="1"/>
  <c r="AC729" i="1"/>
  <c r="AC777" i="1"/>
  <c r="AC825" i="1"/>
  <c r="AC873" i="1"/>
  <c r="H11" i="2"/>
  <c r="H35" i="2"/>
  <c r="H59" i="2"/>
  <c r="H83" i="2"/>
  <c r="H107" i="2"/>
  <c r="H131" i="2"/>
  <c r="H155" i="2"/>
  <c r="H179" i="2"/>
  <c r="H203" i="2"/>
  <c r="H227" i="2"/>
  <c r="H251" i="2"/>
  <c r="H275" i="2"/>
  <c r="H299" i="2"/>
  <c r="H323" i="2"/>
  <c r="H347" i="2"/>
  <c r="H371" i="2"/>
  <c r="H395" i="2"/>
  <c r="H419" i="2"/>
  <c r="H443" i="2"/>
  <c r="H467" i="2"/>
  <c r="H491" i="2"/>
  <c r="H515" i="2"/>
  <c r="H539" i="2"/>
  <c r="H563" i="2"/>
  <c r="H587" i="2"/>
  <c r="H611" i="2"/>
  <c r="H635" i="2"/>
  <c r="H659" i="2"/>
  <c r="H683" i="2"/>
  <c r="H707" i="2"/>
  <c r="H731" i="2"/>
  <c r="H755" i="2"/>
  <c r="H779" i="2"/>
  <c r="H803" i="2"/>
  <c r="H827" i="2"/>
  <c r="H851" i="2"/>
  <c r="H875" i="2"/>
  <c r="H899" i="2"/>
  <c r="I46" i="2"/>
  <c r="I94" i="2"/>
  <c r="I142" i="2"/>
  <c r="I190" i="2"/>
  <c r="I238" i="2"/>
  <c r="I286" i="2"/>
  <c r="I334" i="2"/>
  <c r="I382" i="2"/>
  <c r="I430" i="2"/>
  <c r="I478" i="2"/>
  <c r="I526" i="2"/>
  <c r="I574" i="2"/>
  <c r="I622" i="2"/>
  <c r="I670" i="2"/>
  <c r="I718" i="2"/>
  <c r="I766" i="2"/>
  <c r="I814" i="2"/>
  <c r="H84" i="2"/>
  <c r="H180" i="2"/>
  <c r="H889" i="2"/>
  <c r="I71" i="2"/>
  <c r="I263" i="2"/>
  <c r="I455" i="2"/>
  <c r="AC4" i="1"/>
  <c r="AB4" i="1"/>
  <c r="AC16" i="1"/>
  <c r="AB16" i="1"/>
  <c r="AC28" i="1"/>
  <c r="AB28" i="1"/>
  <c r="AC40" i="1"/>
  <c r="AB40" i="1"/>
  <c r="AC52" i="1"/>
  <c r="AB52" i="1"/>
  <c r="AC64" i="1"/>
  <c r="AB64" i="1"/>
  <c r="AC76" i="1"/>
  <c r="AB76" i="1"/>
  <c r="AC88" i="1"/>
  <c r="AB88" i="1"/>
  <c r="AC100" i="1"/>
  <c r="AB100" i="1"/>
  <c r="AC112" i="1"/>
  <c r="AB112" i="1"/>
  <c r="AC124" i="1"/>
  <c r="AB124" i="1"/>
  <c r="AC136" i="1"/>
  <c r="AB136" i="1"/>
  <c r="AC148" i="1"/>
  <c r="AB148" i="1"/>
  <c r="AC160" i="1"/>
  <c r="AB160" i="1"/>
  <c r="AC172" i="1"/>
  <c r="AB172" i="1"/>
  <c r="AC184" i="1"/>
  <c r="AB184" i="1"/>
  <c r="AC196" i="1"/>
  <c r="AB196" i="1"/>
  <c r="AC208" i="1"/>
  <c r="AB208" i="1"/>
  <c r="AC220" i="1"/>
  <c r="AB220" i="1"/>
  <c r="AB232" i="1"/>
  <c r="AC232" i="1"/>
  <c r="AB244" i="1"/>
  <c r="AB256" i="1"/>
  <c r="AB268" i="1"/>
  <c r="AC268" i="1"/>
  <c r="AB280" i="1"/>
  <c r="AB292" i="1"/>
  <c r="AC292" i="1"/>
  <c r="AB304" i="1"/>
  <c r="AC304" i="1"/>
  <c r="AB316" i="1"/>
  <c r="AB328" i="1"/>
  <c r="AC328" i="1"/>
  <c r="AB340" i="1"/>
  <c r="AB352" i="1"/>
  <c r="AC352" i="1"/>
  <c r="AB364" i="1"/>
  <c r="AB376" i="1"/>
  <c r="AC376" i="1"/>
  <c r="AB388" i="1"/>
  <c r="AB400" i="1"/>
  <c r="AC400" i="1"/>
  <c r="AB412" i="1"/>
  <c r="AB424" i="1"/>
  <c r="AC424" i="1"/>
  <c r="AB436" i="1"/>
  <c r="AB448" i="1"/>
  <c r="AC448" i="1"/>
  <c r="AB460" i="1"/>
  <c r="AB472" i="1"/>
  <c r="AC472" i="1"/>
  <c r="AB484" i="1"/>
  <c r="AB496" i="1"/>
  <c r="AC496" i="1"/>
  <c r="AB508" i="1"/>
  <c r="AB520" i="1"/>
  <c r="AC520" i="1"/>
  <c r="AB532" i="1"/>
  <c r="AB544" i="1"/>
  <c r="AC544" i="1"/>
  <c r="AB556" i="1"/>
  <c r="AB568" i="1"/>
  <c r="AC568" i="1"/>
  <c r="AB580" i="1"/>
  <c r="AB592" i="1"/>
  <c r="AC592" i="1"/>
  <c r="AB604" i="1"/>
  <c r="AB616" i="1"/>
  <c r="AC616" i="1"/>
  <c r="AB628" i="1"/>
  <c r="AB640" i="1"/>
  <c r="AC640" i="1"/>
  <c r="AB652" i="1"/>
  <c r="AB664" i="1"/>
  <c r="AC664" i="1"/>
  <c r="AB676" i="1"/>
  <c r="AB688" i="1"/>
  <c r="AC688" i="1"/>
  <c r="AB700" i="1"/>
  <c r="AB712" i="1"/>
  <c r="AC712" i="1"/>
  <c r="AB724" i="1"/>
  <c r="AB736" i="1"/>
  <c r="AC736" i="1"/>
  <c r="AB748" i="1"/>
  <c r="AB760" i="1"/>
  <c r="AC760" i="1"/>
  <c r="AB772" i="1"/>
  <c r="AB784" i="1"/>
  <c r="AC784" i="1"/>
  <c r="AB796" i="1"/>
  <c r="AB808" i="1"/>
  <c r="AC808" i="1"/>
  <c r="AB820" i="1"/>
  <c r="AB832" i="1"/>
  <c r="AC832" i="1"/>
  <c r="AB844" i="1"/>
  <c r="AB856" i="1"/>
  <c r="AC856" i="1"/>
  <c r="AB868" i="1"/>
  <c r="AB880" i="1"/>
  <c r="AC880" i="1"/>
  <c r="AB892" i="1"/>
  <c r="AB45" i="1"/>
  <c r="AB117" i="1"/>
  <c r="AB675" i="1"/>
  <c r="AB723" i="1"/>
  <c r="AB771" i="1"/>
  <c r="AC321" i="1"/>
  <c r="AC369" i="1"/>
  <c r="AC417" i="1"/>
  <c r="AC465" i="1"/>
  <c r="AC513" i="1"/>
  <c r="AC561" i="1"/>
  <c r="AC609" i="1"/>
  <c r="AC657" i="1"/>
  <c r="AC705" i="1"/>
  <c r="AC753" i="1"/>
  <c r="AC801" i="1"/>
  <c r="AC849" i="1"/>
  <c r="AC897" i="1"/>
  <c r="H12" i="2"/>
  <c r="H60" i="2"/>
  <c r="H108" i="2"/>
  <c r="H156" i="2"/>
  <c r="H204" i="2"/>
  <c r="H252" i="2"/>
  <c r="H300" i="2"/>
  <c r="H348" i="2"/>
  <c r="H396" i="2"/>
  <c r="H444" i="2"/>
  <c r="H492" i="2"/>
  <c r="H540" i="2"/>
  <c r="H588" i="2"/>
  <c r="H636" i="2"/>
  <c r="H684" i="2"/>
  <c r="H732" i="2"/>
  <c r="H780" i="2"/>
  <c r="H828" i="2"/>
  <c r="H876" i="2"/>
  <c r="I11" i="2"/>
  <c r="I35" i="2"/>
  <c r="I59" i="2"/>
  <c r="I83" i="2"/>
  <c r="I107" i="2"/>
  <c r="I131" i="2"/>
  <c r="I155" i="2"/>
  <c r="I179" i="2"/>
  <c r="I203" i="2"/>
  <c r="I227" i="2"/>
  <c r="I251" i="2"/>
  <c r="I275" i="2"/>
  <c r="I299" i="2"/>
  <c r="I323" i="2"/>
  <c r="I347" i="2"/>
  <c r="I371" i="2"/>
  <c r="I395" i="2"/>
  <c r="I419" i="2"/>
  <c r="I443" i="2"/>
  <c r="I467" i="2"/>
  <c r="I491" i="2"/>
  <c r="I515" i="2"/>
  <c r="I539" i="2"/>
  <c r="I563" i="2"/>
  <c r="I587" i="2"/>
  <c r="I611" i="2"/>
  <c r="I635" i="2"/>
  <c r="I659" i="2"/>
  <c r="I683" i="2"/>
  <c r="I707" i="2"/>
  <c r="I731" i="2"/>
  <c r="I755" i="2"/>
  <c r="I779" i="2"/>
  <c r="I803" i="2"/>
  <c r="I815" i="2"/>
  <c r="I827" i="2"/>
  <c r="I851" i="2"/>
  <c r="I863" i="2"/>
  <c r="I875" i="2"/>
  <c r="I899" i="2"/>
  <c r="H322" i="2"/>
  <c r="H514" i="2"/>
  <c r="H706" i="2"/>
  <c r="H898" i="2"/>
  <c r="AB582" i="1"/>
  <c r="AB630" i="1"/>
  <c r="AB678" i="1"/>
  <c r="AB726" i="1"/>
  <c r="AB774" i="1"/>
  <c r="AB810" i="1"/>
  <c r="AB846" i="1"/>
  <c r="AB882" i="1"/>
  <c r="AC237" i="1"/>
  <c r="AC256" i="1"/>
  <c r="H13" i="2"/>
  <c r="H24" i="2"/>
  <c r="H47" i="2"/>
  <c r="H61" i="2"/>
  <c r="H72" i="2"/>
  <c r="H95" i="2"/>
  <c r="H109" i="2"/>
  <c r="H120" i="2"/>
  <c r="H143" i="2"/>
  <c r="H157" i="2"/>
  <c r="H168" i="2"/>
  <c r="H191" i="2"/>
  <c r="H205" i="2"/>
  <c r="H216" i="2"/>
  <c r="H239" i="2"/>
  <c r="H253" i="2"/>
  <c r="H264" i="2"/>
  <c r="H288" i="2"/>
  <c r="H287" i="2"/>
  <c r="H301" i="2"/>
  <c r="H312" i="2"/>
  <c r="H336" i="2"/>
  <c r="H335" i="2"/>
  <c r="H349" i="2"/>
  <c r="H360" i="2"/>
  <c r="H384" i="2"/>
  <c r="H383" i="2"/>
  <c r="H397" i="2"/>
  <c r="H408" i="2"/>
  <c r="H432" i="2"/>
  <c r="H431" i="2"/>
  <c r="H445" i="2"/>
  <c r="H456" i="2"/>
  <c r="H480" i="2"/>
  <c r="H479" i="2"/>
  <c r="H493" i="2"/>
  <c r="H504" i="2"/>
  <c r="H528" i="2"/>
  <c r="H527" i="2"/>
  <c r="H541" i="2"/>
  <c r="H552" i="2"/>
  <c r="H576" i="2"/>
  <c r="H575" i="2"/>
  <c r="H589" i="2"/>
  <c r="H600" i="2"/>
  <c r="H624" i="2"/>
  <c r="H623" i="2"/>
  <c r="H637" i="2"/>
  <c r="H648" i="2"/>
  <c r="H672" i="2"/>
  <c r="H671" i="2"/>
  <c r="H685" i="2"/>
  <c r="H696" i="2"/>
  <c r="H720" i="2"/>
  <c r="H719" i="2"/>
  <c r="H733" i="2"/>
  <c r="H744" i="2"/>
  <c r="H768" i="2"/>
  <c r="H767" i="2"/>
  <c r="H781" i="2"/>
  <c r="H792" i="2"/>
  <c r="H816" i="2"/>
  <c r="H815" i="2"/>
  <c r="H864" i="2"/>
  <c r="H863" i="2"/>
  <c r="I48" i="2"/>
  <c r="I47" i="2"/>
  <c r="I96" i="2"/>
  <c r="I95" i="2"/>
  <c r="I144" i="2"/>
  <c r="I143" i="2"/>
  <c r="I192" i="2"/>
  <c r="I191" i="2"/>
  <c r="I240" i="2"/>
  <c r="I239" i="2"/>
  <c r="I288" i="2"/>
  <c r="I287" i="2"/>
  <c r="I336" i="2"/>
  <c r="I335" i="2"/>
  <c r="I384" i="2"/>
  <c r="I383" i="2"/>
  <c r="I432" i="2"/>
  <c r="I431" i="2"/>
  <c r="I480" i="2"/>
  <c r="I479" i="2"/>
  <c r="I528" i="2"/>
  <c r="I527" i="2"/>
  <c r="I540" i="2"/>
  <c r="I538" i="2"/>
  <c r="I576" i="2"/>
  <c r="I575" i="2"/>
  <c r="I588" i="2"/>
  <c r="I586" i="2"/>
  <c r="I624" i="2"/>
  <c r="I623" i="2"/>
  <c r="I636" i="2"/>
  <c r="I634" i="2"/>
  <c r="I672" i="2"/>
  <c r="I671" i="2"/>
  <c r="I684" i="2"/>
  <c r="I682" i="2"/>
  <c r="I720" i="2"/>
  <c r="I719" i="2"/>
  <c r="I732" i="2"/>
  <c r="I730" i="2"/>
  <c r="I768" i="2"/>
  <c r="I767" i="2"/>
  <c r="I780" i="2"/>
  <c r="I778" i="2"/>
  <c r="I828" i="2"/>
  <c r="I826" i="2"/>
  <c r="H23" i="2"/>
  <c r="H119" i="2"/>
  <c r="H215" i="2"/>
  <c r="H324" i="2"/>
  <c r="H359" i="2"/>
  <c r="H516" i="2"/>
  <c r="H551" i="2"/>
  <c r="H708" i="2"/>
  <c r="H743" i="2"/>
  <c r="I82" i="2"/>
  <c r="I118" i="2"/>
  <c r="I154" i="2"/>
  <c r="I274" i="2"/>
  <c r="I310" i="2"/>
  <c r="I346" i="2"/>
  <c r="I466" i="2"/>
  <c r="I502" i="2"/>
  <c r="AB33" i="1"/>
  <c r="AB105" i="1"/>
  <c r="AB775" i="1"/>
  <c r="AB811" i="1"/>
  <c r="AB847" i="1"/>
  <c r="AC280" i="1"/>
  <c r="H14" i="2"/>
  <c r="H26" i="2"/>
  <c r="H50" i="2"/>
  <c r="H62" i="2"/>
  <c r="H74" i="2"/>
  <c r="H98" i="2"/>
  <c r="H110" i="2"/>
  <c r="H122" i="2"/>
  <c r="H146" i="2"/>
  <c r="H158" i="2"/>
  <c r="H170" i="2"/>
  <c r="H194" i="2"/>
  <c r="H206" i="2"/>
  <c r="H218" i="2"/>
  <c r="H242" i="2"/>
  <c r="H254" i="2"/>
  <c r="H266" i="2"/>
  <c r="H290" i="2"/>
  <c r="H302" i="2"/>
  <c r="H314" i="2"/>
  <c r="H338" i="2"/>
  <c r="H350" i="2"/>
  <c r="H362" i="2"/>
  <c r="H386" i="2"/>
  <c r="H398" i="2"/>
  <c r="H410" i="2"/>
  <c r="H434" i="2"/>
  <c r="H446" i="2"/>
  <c r="H458" i="2"/>
  <c r="H482" i="2"/>
  <c r="H494" i="2"/>
  <c r="H506" i="2"/>
  <c r="H530" i="2"/>
  <c r="H542" i="2"/>
  <c r="H554" i="2"/>
  <c r="H578" i="2"/>
  <c r="H590" i="2"/>
  <c r="H602" i="2"/>
  <c r="H626" i="2"/>
  <c r="H638" i="2"/>
  <c r="H650" i="2"/>
  <c r="H674" i="2"/>
  <c r="H686" i="2"/>
  <c r="H698" i="2"/>
  <c r="H722" i="2"/>
  <c r="H734" i="2"/>
  <c r="H746" i="2"/>
  <c r="H770" i="2"/>
  <c r="H782" i="2"/>
  <c r="H794" i="2"/>
  <c r="H818" i="2"/>
  <c r="H830" i="2"/>
  <c r="H842" i="2"/>
  <c r="H866" i="2"/>
  <c r="H878" i="2"/>
  <c r="H890" i="2"/>
  <c r="I13" i="2"/>
  <c r="I61" i="2"/>
  <c r="I109" i="2"/>
  <c r="I157" i="2"/>
  <c r="I205" i="2"/>
  <c r="I253" i="2"/>
  <c r="I301" i="2"/>
  <c r="I349" i="2"/>
  <c r="I397" i="2"/>
  <c r="I445" i="2"/>
  <c r="I493" i="2"/>
  <c r="I541" i="2"/>
  <c r="I553" i="2"/>
  <c r="I589" i="2"/>
  <c r="I601" i="2"/>
  <c r="I637" i="2"/>
  <c r="I649" i="2"/>
  <c r="I685" i="2"/>
  <c r="I697" i="2"/>
  <c r="I733" i="2"/>
  <c r="I745" i="2"/>
  <c r="I781" i="2"/>
  <c r="I793" i="2"/>
  <c r="I829" i="2"/>
  <c r="I841" i="2"/>
  <c r="I877" i="2"/>
  <c r="I889" i="2"/>
  <c r="H25" i="2"/>
  <c r="H58" i="2"/>
  <c r="H121" i="2"/>
  <c r="H154" i="2"/>
  <c r="H217" i="2"/>
  <c r="H250" i="2"/>
  <c r="H289" i="2"/>
  <c r="H361" i="2"/>
  <c r="H481" i="2"/>
  <c r="H553" i="2"/>
  <c r="H673" i="2"/>
  <c r="H745" i="2"/>
  <c r="H865" i="2"/>
  <c r="I119" i="2"/>
  <c r="I311" i="2"/>
  <c r="I503" i="2"/>
  <c r="I844" i="2"/>
  <c r="I892" i="2"/>
  <c r="I845" i="2"/>
  <c r="I893" i="2"/>
  <c r="I831" i="2"/>
  <c r="I879" i="2"/>
  <c r="H4" i="2"/>
  <c r="H16" i="2"/>
  <c r="H28" i="2"/>
  <c r="H40" i="2"/>
  <c r="H52" i="2"/>
  <c r="H64" i="2"/>
  <c r="H76" i="2"/>
  <c r="H88" i="2"/>
  <c r="H100" i="2"/>
  <c r="H112" i="2"/>
  <c r="H124" i="2"/>
  <c r="H136" i="2"/>
  <c r="H148" i="2"/>
  <c r="H160" i="2"/>
  <c r="H172" i="2"/>
  <c r="H184" i="2"/>
  <c r="H196" i="2"/>
  <c r="H208" i="2"/>
  <c r="H220" i="2"/>
  <c r="H232" i="2"/>
  <c r="H244" i="2"/>
  <c r="H256" i="2"/>
  <c r="H268" i="2"/>
  <c r="H280" i="2"/>
  <c r="H292" i="2"/>
  <c r="H304" i="2"/>
  <c r="H316" i="2"/>
  <c r="H328" i="2"/>
  <c r="H340" i="2"/>
  <c r="H352" i="2"/>
  <c r="H364" i="2"/>
  <c r="H376" i="2"/>
  <c r="H388" i="2"/>
  <c r="H400" i="2"/>
  <c r="H412" i="2"/>
  <c r="H424" i="2"/>
  <c r="H436" i="2"/>
  <c r="H448" i="2"/>
  <c r="H460" i="2"/>
  <c r="H472" i="2"/>
  <c r="H484" i="2"/>
  <c r="H496" i="2"/>
  <c r="H508" i="2"/>
  <c r="H520" i="2"/>
  <c r="H532" i="2"/>
  <c r="H544" i="2"/>
  <c r="H556" i="2"/>
  <c r="H568" i="2"/>
  <c r="H580" i="2"/>
  <c r="H592" i="2"/>
  <c r="H604" i="2"/>
  <c r="H616" i="2"/>
  <c r="H628" i="2"/>
  <c r="H640" i="2"/>
  <c r="H652" i="2"/>
  <c r="H664" i="2"/>
  <c r="H676" i="2"/>
  <c r="H688" i="2"/>
  <c r="H700" i="2"/>
  <c r="H712" i="2"/>
  <c r="H724" i="2"/>
  <c r="H736" i="2"/>
  <c r="H748" i="2"/>
  <c r="H760" i="2"/>
  <c r="H772" i="2"/>
  <c r="H784" i="2"/>
  <c r="H796" i="2"/>
  <c r="H808" i="2"/>
  <c r="H820" i="2"/>
  <c r="H832" i="2"/>
  <c r="H844" i="2"/>
  <c r="H856" i="2"/>
  <c r="H868" i="2"/>
  <c r="H880" i="2"/>
  <c r="H892" i="2"/>
  <c r="I823" i="2"/>
  <c r="I835" i="2"/>
  <c r="I847" i="2"/>
  <c r="I859" i="2"/>
  <c r="I871" i="2"/>
  <c r="I883" i="2"/>
  <c r="I895" i="2"/>
  <c r="I822" i="2"/>
  <c r="I855" i="2"/>
  <c r="I870" i="2"/>
  <c r="I856" i="2"/>
  <c r="I874" i="2"/>
  <c r="I9" i="2"/>
  <c r="I21" i="2"/>
  <c r="I33" i="2"/>
  <c r="I45" i="2"/>
  <c r="I57" i="2"/>
  <c r="I69" i="2"/>
  <c r="I81" i="2"/>
  <c r="I93" i="2"/>
  <c r="I105" i="2"/>
  <c r="I117" i="2"/>
  <c r="I129" i="2"/>
  <c r="I141" i="2"/>
  <c r="I153" i="2"/>
  <c r="I165" i="2"/>
  <c r="I177" i="2"/>
  <c r="I189" i="2"/>
  <c r="I201" i="2"/>
  <c r="I213" i="2"/>
  <c r="I225" i="2"/>
  <c r="I237" i="2"/>
  <c r="I249" i="2"/>
  <c r="I261" i="2"/>
  <c r="I273" i="2"/>
  <c r="I285" i="2"/>
  <c r="I297" i="2"/>
  <c r="I309" i="2"/>
  <c r="I321" i="2"/>
  <c r="I333" i="2"/>
  <c r="I345" i="2"/>
  <c r="I357" i="2"/>
  <c r="I369" i="2"/>
  <c r="I381" i="2"/>
  <c r="I393" i="2"/>
  <c r="I405" i="2"/>
  <c r="I417" i="2"/>
  <c r="I429" i="2"/>
  <c r="I441" i="2"/>
  <c r="I453" i="2"/>
  <c r="I465" i="2"/>
  <c r="I477" i="2"/>
  <c r="I489" i="2"/>
  <c r="I501" i="2"/>
  <c r="I513" i="2"/>
  <c r="I525" i="2"/>
  <c r="I537" i="2"/>
  <c r="I549" i="2"/>
  <c r="I561" i="2"/>
  <c r="I573" i="2"/>
  <c r="I585" i="2"/>
  <c r="I597" i="2"/>
  <c r="I609" i="2"/>
  <c r="I621" i="2"/>
  <c r="I633" i="2"/>
  <c r="I645" i="2"/>
  <c r="I657" i="2"/>
  <c r="I669" i="2"/>
  <c r="I681" i="2"/>
  <c r="I693" i="2"/>
  <c r="I705" i="2"/>
  <c r="I717" i="2"/>
  <c r="I729" i="2"/>
  <c r="I741" i="2"/>
  <c r="I753" i="2"/>
  <c r="I765" i="2"/>
  <c r="I777" i="2"/>
  <c r="I789" i="2"/>
  <c r="I801" i="2"/>
  <c r="I813" i="2"/>
  <c r="I825" i="2"/>
  <c r="I837" i="2"/>
  <c r="I849" i="2"/>
  <c r="I861" i="2"/>
  <c r="I873" i="2"/>
  <c r="I885" i="2"/>
  <c r="I897" i="2"/>
  <c r="I857" i="2"/>
  <c r="I858" i="2"/>
  <c r="M37" i="4" a="1"/>
  <c r="M37" i="4" s="1"/>
  <c r="O37" i="4" s="1"/>
  <c r="L37" i="4" a="1"/>
  <c r="L37" i="4" s="1"/>
  <c r="N37" i="4" s="1"/>
  <c r="E37" i="4" a="1"/>
  <c r="E37" i="4" s="1"/>
  <c r="G37" i="4" s="1"/>
  <c r="E36" i="4" a="1"/>
  <c r="E36" i="4" s="1"/>
  <c r="G36" i="4" s="1"/>
  <c r="F37" i="4" a="1"/>
  <c r="F37" i="4" s="1"/>
  <c r="H37" i="4" s="1"/>
  <c r="F36" i="4" a="1"/>
  <c r="F36" i="4" s="1"/>
  <c r="H36" i="4" s="1"/>
  <c r="E34" i="4" a="1"/>
  <c r="E34" i="4" s="1"/>
  <c r="G34" i="4" s="1"/>
  <c r="M49" i="4" a="1"/>
  <c r="M49" i="4" s="1"/>
  <c r="O49" i="4" s="1"/>
  <c r="L49" i="4" a="1"/>
  <c r="L49" i="4" s="1"/>
  <c r="N49" i="4" s="1"/>
  <c r="F49" i="4" a="1"/>
  <c r="F49" i="4" s="1"/>
  <c r="H49" i="4" s="1"/>
  <c r="E49" i="4" a="1"/>
  <c r="E49" i="4" s="1"/>
  <c r="G49" i="4" s="1"/>
  <c r="E48" i="4" a="1"/>
  <c r="E48" i="4" s="1"/>
  <c r="G48" i="4" s="1"/>
  <c r="M61" i="4" a="1"/>
  <c r="M61" i="4" s="1"/>
  <c r="O61" i="4" s="1"/>
  <c r="L61" i="4" a="1"/>
  <c r="L61" i="4" s="1"/>
  <c r="N61" i="4" s="1"/>
  <c r="F61" i="4" a="1"/>
  <c r="F61" i="4" s="1"/>
  <c r="H61" i="4" s="1"/>
  <c r="E61" i="4" a="1"/>
  <c r="E61" i="4" s="1"/>
  <c r="G61" i="4" s="1"/>
  <c r="E60" i="4" a="1"/>
  <c r="E60" i="4" s="1"/>
  <c r="G60" i="4" s="1"/>
  <c r="E58" i="4" a="1"/>
  <c r="E58" i="4" s="1"/>
  <c r="G58" i="4" s="1"/>
  <c r="M73" i="4" a="1"/>
  <c r="M73" i="4" s="1"/>
  <c r="O73" i="4" s="1"/>
  <c r="L73" i="4" a="1"/>
  <c r="L73" i="4" s="1"/>
  <c r="N73" i="4" s="1"/>
  <c r="E73" i="4" a="1"/>
  <c r="E73" i="4" s="1"/>
  <c r="G73" i="4" s="1"/>
  <c r="E72" i="4" a="1"/>
  <c r="E72" i="4" s="1"/>
  <c r="G72" i="4" s="1"/>
  <c r="F73" i="4" a="1"/>
  <c r="F73" i="4" s="1"/>
  <c r="H73" i="4" s="1"/>
  <c r="M85" i="4" a="1"/>
  <c r="M85" i="4" s="1"/>
  <c r="O85" i="4" s="1"/>
  <c r="F85" i="4" a="1"/>
  <c r="F85" i="4" s="1"/>
  <c r="H85" i="4" s="1"/>
  <c r="E85" i="4" a="1"/>
  <c r="E85" i="4" s="1"/>
  <c r="G85" i="4" s="1"/>
  <c r="E84" i="4" a="1"/>
  <c r="E84" i="4" s="1"/>
  <c r="G84" i="4" s="1"/>
  <c r="L85" i="4" a="1"/>
  <c r="L85" i="4" s="1"/>
  <c r="N85" i="4" s="1"/>
  <c r="M97" i="4" a="1"/>
  <c r="M97" i="4" s="1"/>
  <c r="O97" i="4" s="1"/>
  <c r="L97" i="4" a="1"/>
  <c r="L97" i="4" s="1"/>
  <c r="N97" i="4" s="1"/>
  <c r="F97" i="4" a="1"/>
  <c r="F97" i="4" s="1"/>
  <c r="H97" i="4" s="1"/>
  <c r="E97" i="4" a="1"/>
  <c r="E97" i="4" s="1"/>
  <c r="G97" i="4" s="1"/>
  <c r="M109" i="4" a="1"/>
  <c r="M109" i="4" s="1"/>
  <c r="O109" i="4" s="1"/>
  <c r="L109" i="4" a="1"/>
  <c r="L109" i="4" s="1"/>
  <c r="N109" i="4" s="1"/>
  <c r="E109" i="4" a="1"/>
  <c r="E109" i="4" s="1"/>
  <c r="G109" i="4" s="1"/>
  <c r="F109" i="4" a="1"/>
  <c r="F109" i="4" s="1"/>
  <c r="H109" i="4" s="1"/>
  <c r="E108" i="4" a="1"/>
  <c r="E108" i="4" s="1"/>
  <c r="G108" i="4" s="1"/>
  <c r="E104" i="4" a="1"/>
  <c r="E104" i="4" s="1"/>
  <c r="G104" i="4" s="1"/>
  <c r="M121" i="4" a="1"/>
  <c r="M121" i="4" s="1"/>
  <c r="O121" i="4" s="1"/>
  <c r="L121" i="4" a="1"/>
  <c r="L121" i="4" s="1"/>
  <c r="N121" i="4" s="1"/>
  <c r="E121" i="4" a="1"/>
  <c r="E121" i="4" s="1"/>
  <c r="G121" i="4" s="1"/>
  <c r="F121" i="4" a="1"/>
  <c r="F121" i="4" s="1"/>
  <c r="H121" i="4" s="1"/>
  <c r="M133" i="4" a="1"/>
  <c r="M133" i="4" s="1"/>
  <c r="O133" i="4" s="1"/>
  <c r="L133" i="4" a="1"/>
  <c r="L133" i="4" s="1"/>
  <c r="N133" i="4" s="1"/>
  <c r="E133" i="4" a="1"/>
  <c r="E133" i="4" s="1"/>
  <c r="G133" i="4" s="1"/>
  <c r="F133" i="4" a="1"/>
  <c r="F133" i="4" s="1"/>
  <c r="H133" i="4" s="1"/>
  <c r="E132" i="4" a="1"/>
  <c r="E132" i="4" s="1"/>
  <c r="G132" i="4" s="1"/>
  <c r="M145" i="4" a="1"/>
  <c r="M145" i="4" s="1"/>
  <c r="O145" i="4" s="1"/>
  <c r="L145" i="4" a="1"/>
  <c r="L145" i="4" s="1"/>
  <c r="N145" i="4" s="1"/>
  <c r="E145" i="4" a="1"/>
  <c r="E145" i="4" s="1"/>
  <c r="G145" i="4" s="1"/>
  <c r="F145" i="4" a="1"/>
  <c r="F145" i="4" s="1"/>
  <c r="H145" i="4" s="1"/>
  <c r="L157" i="4" a="1"/>
  <c r="L157" i="4" s="1"/>
  <c r="N157" i="4" s="1"/>
  <c r="M157" i="4" a="1"/>
  <c r="M157" i="4" s="1"/>
  <c r="O157" i="4" s="1"/>
  <c r="E157" i="4" a="1"/>
  <c r="E157" i="4" s="1"/>
  <c r="G157" i="4" s="1"/>
  <c r="F157" i="4" a="1"/>
  <c r="F157" i="4" s="1"/>
  <c r="H157" i="4" s="1"/>
  <c r="E152" i="4" a="1"/>
  <c r="E152" i="4" s="1"/>
  <c r="G152" i="4" s="1"/>
  <c r="M169" i="4" a="1"/>
  <c r="M169" i="4" s="1"/>
  <c r="O169" i="4" s="1"/>
  <c r="L169" i="4" a="1"/>
  <c r="L169" i="4" s="1"/>
  <c r="N169" i="4" s="1"/>
  <c r="F169" i="4" a="1"/>
  <c r="F169" i="4" s="1"/>
  <c r="H169" i="4" s="1"/>
  <c r="E169" i="4" a="1"/>
  <c r="E169" i="4" s="1"/>
  <c r="G169" i="4" s="1"/>
  <c r="E168" i="4" a="1"/>
  <c r="E168" i="4" s="1"/>
  <c r="G168" i="4" s="1"/>
  <c r="F163" i="4" a="1"/>
  <c r="F163" i="4" s="1"/>
  <c r="H163" i="4" s="1"/>
  <c r="M181" i="4" a="1"/>
  <c r="M181" i="4" s="1"/>
  <c r="O181" i="4" s="1"/>
  <c r="L181" i="4" a="1"/>
  <c r="L181" i="4" s="1"/>
  <c r="N181" i="4" s="1"/>
  <c r="F181" i="4" a="1"/>
  <c r="F181" i="4" s="1"/>
  <c r="H181" i="4" s="1"/>
  <c r="E181" i="4" a="1"/>
  <c r="E181" i="4" s="1"/>
  <c r="G181" i="4" s="1"/>
  <c r="E179" i="4" a="1"/>
  <c r="E179" i="4" s="1"/>
  <c r="G179" i="4" s="1"/>
  <c r="E175" i="4" a="1"/>
  <c r="E175" i="4" s="1"/>
  <c r="G175" i="4" s="1"/>
  <c r="M193" i="4" a="1"/>
  <c r="M193" i="4" s="1"/>
  <c r="O193" i="4" s="1"/>
  <c r="L193" i="4" a="1"/>
  <c r="L193" i="4" s="1"/>
  <c r="N193" i="4" s="1"/>
  <c r="F193" i="4" a="1"/>
  <c r="F193" i="4" s="1"/>
  <c r="H193" i="4" s="1"/>
  <c r="E193" i="4" a="1"/>
  <c r="E193" i="4" s="1"/>
  <c r="G193" i="4" s="1"/>
  <c r="M205" i="4" a="1"/>
  <c r="M205" i="4" s="1"/>
  <c r="O205" i="4" s="1"/>
  <c r="F205" i="4" a="1"/>
  <c r="F205" i="4" s="1"/>
  <c r="H205" i="4" s="1"/>
  <c r="E205" i="4" a="1"/>
  <c r="E205" i="4" s="1"/>
  <c r="G205" i="4" s="1"/>
  <c r="L205" i="4" a="1"/>
  <c r="L205" i="4" s="1"/>
  <c r="N205" i="4" s="1"/>
  <c r="M217" i="4" a="1"/>
  <c r="M217" i="4" s="1"/>
  <c r="O217" i="4" s="1"/>
  <c r="L217" i="4" a="1"/>
  <c r="L217" i="4" s="1"/>
  <c r="N217" i="4" s="1"/>
  <c r="F217" i="4" a="1"/>
  <c r="F217" i="4" s="1"/>
  <c r="H217" i="4" s="1"/>
  <c r="E217" i="4" a="1"/>
  <c r="E217" i="4" s="1"/>
  <c r="G217" i="4" s="1"/>
  <c r="M229" i="4" a="1"/>
  <c r="M229" i="4" s="1"/>
  <c r="O229" i="4" s="1"/>
  <c r="L229" i="4" a="1"/>
  <c r="L229" i="4" s="1"/>
  <c r="N229" i="4" s="1"/>
  <c r="F229" i="4" a="1"/>
  <c r="F229" i="4" s="1"/>
  <c r="H229" i="4" s="1"/>
  <c r="E229" i="4" a="1"/>
  <c r="E229" i="4" s="1"/>
  <c r="G229" i="4" s="1"/>
  <c r="M241" i="4" a="1"/>
  <c r="M241" i="4" s="1"/>
  <c r="O241" i="4" s="1"/>
  <c r="L241" i="4" a="1"/>
  <c r="L241" i="4" s="1"/>
  <c r="N241" i="4" s="1"/>
  <c r="F241" i="4" a="1"/>
  <c r="F241" i="4" s="1"/>
  <c r="H241" i="4" s="1"/>
  <c r="E241" i="4" a="1"/>
  <c r="E241" i="4" s="1"/>
  <c r="G241" i="4" s="1"/>
  <c r="M253" i="4" a="1"/>
  <c r="M253" i="4" s="1"/>
  <c r="O253" i="4" s="1"/>
  <c r="F253" i="4" a="1"/>
  <c r="F253" i="4" s="1"/>
  <c r="H253" i="4" s="1"/>
  <c r="L253" i="4" a="1"/>
  <c r="L253" i="4" s="1"/>
  <c r="N253" i="4" s="1"/>
  <c r="E253" i="4" a="1"/>
  <c r="E253" i="4" s="1"/>
  <c r="G253" i="4" s="1"/>
  <c r="M265" i="4" a="1"/>
  <c r="M265" i="4" s="1"/>
  <c r="O265" i="4" s="1"/>
  <c r="L265" i="4" a="1"/>
  <c r="L265" i="4" s="1"/>
  <c r="N265" i="4" s="1"/>
  <c r="F265" i="4" a="1"/>
  <c r="F265" i="4" s="1"/>
  <c r="H265" i="4" s="1"/>
  <c r="E265" i="4" a="1"/>
  <c r="E265" i="4" s="1"/>
  <c r="G265" i="4" s="1"/>
  <c r="M277" i="4" a="1"/>
  <c r="M277" i="4" s="1"/>
  <c r="O277" i="4" s="1"/>
  <c r="L277" i="4" a="1"/>
  <c r="L277" i="4" s="1"/>
  <c r="N277" i="4" s="1"/>
  <c r="F277" i="4" a="1"/>
  <c r="F277" i="4" s="1"/>
  <c r="H277" i="4" s="1"/>
  <c r="E277" i="4" a="1"/>
  <c r="E277" i="4" s="1"/>
  <c r="G277" i="4" s="1"/>
  <c r="E276" i="4" a="1"/>
  <c r="E276" i="4" s="1"/>
  <c r="G276" i="4" s="1"/>
  <c r="F276" i="4" a="1"/>
  <c r="F276" i="4" s="1"/>
  <c r="H276" i="4" s="1"/>
  <c r="M289" i="4" a="1"/>
  <c r="M289" i="4" s="1"/>
  <c r="O289" i="4" s="1"/>
  <c r="L289" i="4" a="1"/>
  <c r="L289" i="4" s="1"/>
  <c r="N289" i="4" s="1"/>
  <c r="F289" i="4" a="1"/>
  <c r="F289" i="4" s="1"/>
  <c r="H289" i="4" s="1"/>
  <c r="E289" i="4" a="1"/>
  <c r="E289" i="4" s="1"/>
  <c r="G289" i="4" s="1"/>
  <c r="L301" i="4" a="1"/>
  <c r="L301" i="4" s="1"/>
  <c r="N301" i="4" s="1"/>
  <c r="M301" i="4" a="1"/>
  <c r="M301" i="4" s="1"/>
  <c r="O301" i="4" s="1"/>
  <c r="E301" i="4" a="1"/>
  <c r="E301" i="4" s="1"/>
  <c r="G301" i="4" s="1"/>
  <c r="F301" i="4" a="1"/>
  <c r="F301" i="4" s="1"/>
  <c r="H301" i="4" s="1"/>
  <c r="M313" i="4" a="1"/>
  <c r="M313" i="4" s="1"/>
  <c r="O313" i="4" s="1"/>
  <c r="L313" i="4" a="1"/>
  <c r="L313" i="4" s="1"/>
  <c r="N313" i="4" s="1"/>
  <c r="F313" i="4" a="1"/>
  <c r="F313" i="4" s="1"/>
  <c r="H313" i="4" s="1"/>
  <c r="E313" i="4" a="1"/>
  <c r="E313" i="4" s="1"/>
  <c r="G313" i="4" s="1"/>
  <c r="L325" i="4" a="1"/>
  <c r="L325" i="4" s="1"/>
  <c r="N325" i="4" s="1"/>
  <c r="M325" i="4" a="1"/>
  <c r="M325" i="4" s="1"/>
  <c r="O325" i="4" s="1"/>
  <c r="F325" i="4" a="1"/>
  <c r="F325" i="4" s="1"/>
  <c r="H325" i="4" s="1"/>
  <c r="E325" i="4" a="1"/>
  <c r="E325" i="4" s="1"/>
  <c r="G325" i="4" s="1"/>
  <c r="E324" i="4" a="1"/>
  <c r="E324" i="4" s="1"/>
  <c r="G324" i="4" s="1"/>
  <c r="L337" i="4" a="1"/>
  <c r="L337" i="4" s="1"/>
  <c r="N337" i="4" s="1"/>
  <c r="M337" i="4" a="1"/>
  <c r="M337" i="4" s="1"/>
  <c r="O337" i="4" s="1"/>
  <c r="F337" i="4" a="1"/>
  <c r="F337" i="4" s="1"/>
  <c r="H337" i="4" s="1"/>
  <c r="E337" i="4" a="1"/>
  <c r="E337" i="4" s="1"/>
  <c r="G337" i="4" s="1"/>
  <c r="E332" i="4" a="1"/>
  <c r="E332" i="4" s="1"/>
  <c r="G332" i="4" s="1"/>
  <c r="M349" i="4" a="1"/>
  <c r="M349" i="4" s="1"/>
  <c r="O349" i="4" s="1"/>
  <c r="L349" i="4" a="1"/>
  <c r="L349" i="4" s="1"/>
  <c r="N349" i="4" s="1"/>
  <c r="F349" i="4" a="1"/>
  <c r="F349" i="4" s="1"/>
  <c r="H349" i="4" s="1"/>
  <c r="E349" i="4" a="1"/>
  <c r="E349" i="4" s="1"/>
  <c r="G349" i="4" s="1"/>
  <c r="E348" i="4" a="1"/>
  <c r="E348" i="4" s="1"/>
  <c r="G348" i="4" s="1"/>
  <c r="M361" i="4" a="1"/>
  <c r="M361" i="4" s="1"/>
  <c r="O361" i="4" s="1"/>
  <c r="L361" i="4" a="1"/>
  <c r="L361" i="4" s="1"/>
  <c r="N361" i="4" s="1"/>
  <c r="F361" i="4" a="1"/>
  <c r="F361" i="4" s="1"/>
  <c r="H361" i="4" s="1"/>
  <c r="E361" i="4" a="1"/>
  <c r="E361" i="4" s="1"/>
  <c r="G361" i="4" s="1"/>
  <c r="M373" i="4" a="1"/>
  <c r="M373" i="4" s="1"/>
  <c r="O373" i="4" s="1"/>
  <c r="L373" i="4" a="1"/>
  <c r="L373" i="4" s="1"/>
  <c r="N373" i="4" s="1"/>
  <c r="E373" i="4" a="1"/>
  <c r="E373" i="4" s="1"/>
  <c r="G373" i="4" s="1"/>
  <c r="F373" i="4" a="1"/>
  <c r="F373" i="4" s="1"/>
  <c r="H373" i="4" s="1"/>
  <c r="M385" i="4" a="1"/>
  <c r="M385" i="4" s="1"/>
  <c r="O385" i="4" s="1"/>
  <c r="L385" i="4" a="1"/>
  <c r="L385" i="4" s="1"/>
  <c r="N385" i="4" s="1"/>
  <c r="F385" i="4" a="1"/>
  <c r="F385" i="4" s="1"/>
  <c r="H385" i="4" s="1"/>
  <c r="E385" i="4" a="1"/>
  <c r="E385" i="4" s="1"/>
  <c r="G385" i="4" s="1"/>
  <c r="E384" i="4" a="1"/>
  <c r="E384" i="4" s="1"/>
  <c r="G384" i="4" s="1"/>
  <c r="M397" i="4" a="1"/>
  <c r="M397" i="4" s="1"/>
  <c r="O397" i="4" s="1"/>
  <c r="L397" i="4" a="1"/>
  <c r="L397" i="4" s="1"/>
  <c r="N397" i="4" s="1"/>
  <c r="F397" i="4" a="1"/>
  <c r="F397" i="4" s="1"/>
  <c r="H397" i="4" s="1"/>
  <c r="E397" i="4" a="1"/>
  <c r="E397" i="4" s="1"/>
  <c r="G397" i="4" s="1"/>
  <c r="M409" i="4" a="1"/>
  <c r="M409" i="4" s="1"/>
  <c r="O409" i="4" s="1"/>
  <c r="L409" i="4" a="1"/>
  <c r="L409" i="4" s="1"/>
  <c r="N409" i="4" s="1"/>
  <c r="F409" i="4" a="1"/>
  <c r="F409" i="4" s="1"/>
  <c r="H409" i="4" s="1"/>
  <c r="E409" i="4" a="1"/>
  <c r="E409" i="4" s="1"/>
  <c r="G409" i="4" s="1"/>
  <c r="M421" i="4" a="1"/>
  <c r="M421" i="4" s="1"/>
  <c r="O421" i="4" s="1"/>
  <c r="L421" i="4" a="1"/>
  <c r="L421" i="4" s="1"/>
  <c r="N421" i="4" s="1"/>
  <c r="F421" i="4" a="1"/>
  <c r="F421" i="4" s="1"/>
  <c r="H421" i="4" s="1"/>
  <c r="E421" i="4" a="1"/>
  <c r="E421" i="4" s="1"/>
  <c r="G421" i="4" s="1"/>
  <c r="L433" i="4" a="1"/>
  <c r="L433" i="4" s="1"/>
  <c r="N433" i="4" s="1"/>
  <c r="M433" i="4" a="1"/>
  <c r="M433" i="4" s="1"/>
  <c r="O433" i="4" s="1"/>
  <c r="F433" i="4" a="1"/>
  <c r="F433" i="4" s="1"/>
  <c r="H433" i="4" s="1"/>
  <c r="E433" i="4" a="1"/>
  <c r="E433" i="4" s="1"/>
  <c r="G433" i="4" s="1"/>
  <c r="L445" i="4" a="1"/>
  <c r="L445" i="4" s="1"/>
  <c r="N445" i="4" s="1"/>
  <c r="M445" i="4" a="1"/>
  <c r="M445" i="4" s="1"/>
  <c r="O445" i="4" s="1"/>
  <c r="F445" i="4" a="1"/>
  <c r="F445" i="4" s="1"/>
  <c r="H445" i="4" s="1"/>
  <c r="E445" i="4" a="1"/>
  <c r="E445" i="4" s="1"/>
  <c r="G445" i="4" s="1"/>
  <c r="M457" i="4" a="1"/>
  <c r="M457" i="4" s="1"/>
  <c r="O457" i="4" s="1"/>
  <c r="L457" i="4" a="1"/>
  <c r="L457" i="4" s="1"/>
  <c r="N457" i="4" s="1"/>
  <c r="E457" i="4" a="1"/>
  <c r="E457" i="4" s="1"/>
  <c r="G457" i="4" s="1"/>
  <c r="F457" i="4" a="1"/>
  <c r="F457" i="4" s="1"/>
  <c r="H457" i="4" s="1"/>
  <c r="M469" i="4" a="1"/>
  <c r="M469" i="4" s="1"/>
  <c r="O469" i="4" s="1"/>
  <c r="L469" i="4" a="1"/>
  <c r="L469" i="4" s="1"/>
  <c r="N469" i="4" s="1"/>
  <c r="F469" i="4" a="1"/>
  <c r="F469" i="4" s="1"/>
  <c r="H469" i="4" s="1"/>
  <c r="E469" i="4" a="1"/>
  <c r="E469" i="4" s="1"/>
  <c r="G469" i="4" s="1"/>
  <c r="M481" i="4" a="1"/>
  <c r="M481" i="4" s="1"/>
  <c r="O481" i="4" s="1"/>
  <c r="L481" i="4" a="1"/>
  <c r="L481" i="4" s="1"/>
  <c r="N481" i="4" s="1"/>
  <c r="F481" i="4" a="1"/>
  <c r="F481" i="4" s="1"/>
  <c r="H481" i="4" s="1"/>
  <c r="E481" i="4" a="1"/>
  <c r="E481" i="4" s="1"/>
  <c r="G481" i="4" s="1"/>
  <c r="L493" i="4" a="1"/>
  <c r="L493" i="4" s="1"/>
  <c r="N493" i="4" s="1"/>
  <c r="M493" i="4" a="1"/>
  <c r="M493" i="4" s="1"/>
  <c r="O493" i="4" s="1"/>
  <c r="F493" i="4" a="1"/>
  <c r="F493" i="4" s="1"/>
  <c r="H493" i="4" s="1"/>
  <c r="E493" i="4" a="1"/>
  <c r="E493" i="4" s="1"/>
  <c r="G493" i="4" s="1"/>
  <c r="L505" i="4" a="1"/>
  <c r="L505" i="4" s="1"/>
  <c r="N505" i="4" s="1"/>
  <c r="M505" i="4" a="1"/>
  <c r="M505" i="4" s="1"/>
  <c r="O505" i="4" s="1"/>
  <c r="F505" i="4" a="1"/>
  <c r="F505" i="4" s="1"/>
  <c r="H505" i="4" s="1"/>
  <c r="E505" i="4" a="1"/>
  <c r="E505" i="4" s="1"/>
  <c r="G505" i="4" s="1"/>
  <c r="L517" i="4" a="1"/>
  <c r="L517" i="4" s="1"/>
  <c r="N517" i="4" s="1"/>
  <c r="M517" i="4" a="1"/>
  <c r="M517" i="4" s="1"/>
  <c r="O517" i="4" s="1"/>
  <c r="F517" i="4" a="1"/>
  <c r="F517" i="4" s="1"/>
  <c r="H517" i="4" s="1"/>
  <c r="E517" i="4" a="1"/>
  <c r="E517" i="4" s="1"/>
  <c r="G517" i="4" s="1"/>
  <c r="E516" i="4" a="1"/>
  <c r="E516" i="4" s="1"/>
  <c r="G516" i="4" s="1"/>
  <c r="L529" i="4" a="1"/>
  <c r="L529" i="4" s="1"/>
  <c r="N529" i="4" s="1"/>
  <c r="M529" i="4" a="1"/>
  <c r="M529" i="4" s="1"/>
  <c r="O529" i="4" s="1"/>
  <c r="F529" i="4" a="1"/>
  <c r="F529" i="4" s="1"/>
  <c r="H529" i="4" s="1"/>
  <c r="E529" i="4" a="1"/>
  <c r="E529" i="4" s="1"/>
  <c r="G529" i="4" s="1"/>
  <c r="M541" i="4" a="1"/>
  <c r="M541" i="4" s="1"/>
  <c r="O541" i="4" s="1"/>
  <c r="L541" i="4" a="1"/>
  <c r="L541" i="4" s="1"/>
  <c r="N541" i="4" s="1"/>
  <c r="F541" i="4" a="1"/>
  <c r="F541" i="4" s="1"/>
  <c r="H541" i="4" s="1"/>
  <c r="E541" i="4" a="1"/>
  <c r="E541" i="4" s="1"/>
  <c r="G541" i="4" s="1"/>
  <c r="M553" i="4" a="1"/>
  <c r="M553" i="4" s="1"/>
  <c r="O553" i="4" s="1"/>
  <c r="L553" i="4" a="1"/>
  <c r="L553" i="4" s="1"/>
  <c r="N553" i="4" s="1"/>
  <c r="F553" i="4" a="1"/>
  <c r="F553" i="4" s="1"/>
  <c r="H553" i="4" s="1"/>
  <c r="E553" i="4" a="1"/>
  <c r="E553" i="4" s="1"/>
  <c r="G553" i="4" s="1"/>
  <c r="M565" i="4" a="1"/>
  <c r="M565" i="4" s="1"/>
  <c r="O565" i="4" s="1"/>
  <c r="L565" i="4" a="1"/>
  <c r="L565" i="4" s="1"/>
  <c r="N565" i="4" s="1"/>
  <c r="F565" i="4" a="1"/>
  <c r="F565" i="4" s="1"/>
  <c r="H565" i="4" s="1"/>
  <c r="E565" i="4" a="1"/>
  <c r="E565" i="4" s="1"/>
  <c r="G565" i="4" s="1"/>
  <c r="L577" i="4" a="1"/>
  <c r="L577" i="4" s="1"/>
  <c r="N577" i="4" s="1"/>
  <c r="M577" i="4" a="1"/>
  <c r="M577" i="4" s="1"/>
  <c r="O577" i="4" s="1"/>
  <c r="F577" i="4" a="1"/>
  <c r="F577" i="4" s="1"/>
  <c r="H577" i="4" s="1"/>
  <c r="E577" i="4" a="1"/>
  <c r="E577" i="4" s="1"/>
  <c r="G577" i="4" s="1"/>
  <c r="L589" i="4" a="1"/>
  <c r="L589" i="4" s="1"/>
  <c r="N589" i="4" s="1"/>
  <c r="M589" i="4" a="1"/>
  <c r="M589" i="4" s="1"/>
  <c r="O589" i="4" s="1"/>
  <c r="F589" i="4" a="1"/>
  <c r="F589" i="4" s="1"/>
  <c r="H589" i="4" s="1"/>
  <c r="E589" i="4" a="1"/>
  <c r="E589" i="4" s="1"/>
  <c r="G589" i="4" s="1"/>
  <c r="L601" i="4" a="1"/>
  <c r="L601" i="4" s="1"/>
  <c r="N601" i="4" s="1"/>
  <c r="M601" i="4" a="1"/>
  <c r="M601" i="4" s="1"/>
  <c r="O601" i="4" s="1"/>
  <c r="F601" i="4" a="1"/>
  <c r="F601" i="4" s="1"/>
  <c r="H601" i="4" s="1"/>
  <c r="E601" i="4" a="1"/>
  <c r="E601" i="4" s="1"/>
  <c r="G601" i="4" s="1"/>
  <c r="L613" i="4" a="1"/>
  <c r="L613" i="4" s="1"/>
  <c r="N613" i="4" s="1"/>
  <c r="M613" i="4" a="1"/>
  <c r="M613" i="4" s="1"/>
  <c r="O613" i="4" s="1"/>
  <c r="F613" i="4" a="1"/>
  <c r="F613" i="4" s="1"/>
  <c r="H613" i="4" s="1"/>
  <c r="E613" i="4" a="1"/>
  <c r="E613" i="4" s="1"/>
  <c r="G613" i="4" s="1"/>
  <c r="L625" i="4" a="1"/>
  <c r="L625" i="4" s="1"/>
  <c r="N625" i="4" s="1"/>
  <c r="M625" i="4" a="1"/>
  <c r="M625" i="4" s="1"/>
  <c r="O625" i="4" s="1"/>
  <c r="F625" i="4" a="1"/>
  <c r="F625" i="4" s="1"/>
  <c r="H625" i="4" s="1"/>
  <c r="E625" i="4" a="1"/>
  <c r="E625" i="4" s="1"/>
  <c r="G625" i="4" s="1"/>
  <c r="L637" i="4" a="1"/>
  <c r="L637" i="4" s="1"/>
  <c r="N637" i="4" s="1"/>
  <c r="M637" i="4" a="1"/>
  <c r="M637" i="4" s="1"/>
  <c r="O637" i="4" s="1"/>
  <c r="F637" i="4" a="1"/>
  <c r="F637" i="4" s="1"/>
  <c r="H637" i="4" s="1"/>
  <c r="E637" i="4" a="1"/>
  <c r="E637" i="4" s="1"/>
  <c r="G637" i="4" s="1"/>
  <c r="E636" i="4" a="1"/>
  <c r="E636" i="4" s="1"/>
  <c r="G636" i="4" s="1"/>
  <c r="M649" i="4" a="1"/>
  <c r="M649" i="4" s="1"/>
  <c r="O649" i="4" s="1"/>
  <c r="L649" i="4" a="1"/>
  <c r="L649" i="4" s="1"/>
  <c r="N649" i="4" s="1"/>
  <c r="F649" i="4" a="1"/>
  <c r="F649" i="4" s="1"/>
  <c r="H649" i="4" s="1"/>
  <c r="E649" i="4" a="1"/>
  <c r="E649" i="4" s="1"/>
  <c r="G649" i="4" s="1"/>
  <c r="M661" i="4" a="1"/>
  <c r="M661" i="4" s="1"/>
  <c r="O661" i="4" s="1"/>
  <c r="L661" i="4" a="1"/>
  <c r="L661" i="4" s="1"/>
  <c r="N661" i="4" s="1"/>
  <c r="F661" i="4" a="1"/>
  <c r="F661" i="4" s="1"/>
  <c r="H661" i="4" s="1"/>
  <c r="E661" i="4" a="1"/>
  <c r="E661" i="4" s="1"/>
  <c r="G661" i="4" s="1"/>
  <c r="M673" i="4" a="1"/>
  <c r="M673" i="4" s="1"/>
  <c r="O673" i="4" s="1"/>
  <c r="L673" i="4" a="1"/>
  <c r="L673" i="4" s="1"/>
  <c r="N673" i="4" s="1"/>
  <c r="E673" i="4" a="1"/>
  <c r="E673" i="4" s="1"/>
  <c r="G673" i="4" s="1"/>
  <c r="F673" i="4" a="1"/>
  <c r="F673" i="4" s="1"/>
  <c r="H673" i="4" s="1"/>
  <c r="M685" i="4" a="1"/>
  <c r="M685" i="4" s="1"/>
  <c r="O685" i="4" s="1"/>
  <c r="L685" i="4" a="1"/>
  <c r="L685" i="4" s="1"/>
  <c r="N685" i="4" s="1"/>
  <c r="F685" i="4" a="1"/>
  <c r="F685" i="4" s="1"/>
  <c r="H685" i="4" s="1"/>
  <c r="E685" i="4" a="1"/>
  <c r="E685" i="4" s="1"/>
  <c r="G685" i="4" s="1"/>
  <c r="M697" i="4" a="1"/>
  <c r="M697" i="4" s="1"/>
  <c r="O697" i="4" s="1"/>
  <c r="L697" i="4" a="1"/>
  <c r="L697" i="4" s="1"/>
  <c r="N697" i="4" s="1"/>
  <c r="F697" i="4" a="1"/>
  <c r="F697" i="4" s="1"/>
  <c r="H697" i="4" s="1"/>
  <c r="E697" i="4" a="1"/>
  <c r="E697" i="4" s="1"/>
  <c r="G697" i="4" s="1"/>
  <c r="M709" i="4" a="1"/>
  <c r="M709" i="4" s="1"/>
  <c r="O709" i="4" s="1"/>
  <c r="L709" i="4" a="1"/>
  <c r="L709" i="4" s="1"/>
  <c r="N709" i="4" s="1"/>
  <c r="F709" i="4" a="1"/>
  <c r="F709" i="4" s="1"/>
  <c r="H709" i="4" s="1"/>
  <c r="E709" i="4" a="1"/>
  <c r="E709" i="4" s="1"/>
  <c r="G709" i="4" s="1"/>
  <c r="M721" i="4" a="1"/>
  <c r="M721" i="4" s="1"/>
  <c r="O721" i="4" s="1"/>
  <c r="L721" i="4" a="1"/>
  <c r="L721" i="4" s="1"/>
  <c r="N721" i="4" s="1"/>
  <c r="F721" i="4" a="1"/>
  <c r="F721" i="4" s="1"/>
  <c r="H721" i="4" s="1"/>
  <c r="E721" i="4" a="1"/>
  <c r="E721" i="4" s="1"/>
  <c r="G721" i="4" s="1"/>
  <c r="E550" i="4" a="1"/>
  <c r="E550" i="4" s="1"/>
  <c r="G550" i="4" s="1"/>
  <c r="M42" i="4" a="1"/>
  <c r="M42" i="4" s="1"/>
  <c r="O42" i="4" s="1"/>
  <c r="L42" i="4" a="1"/>
  <c r="L42" i="4" s="1"/>
  <c r="N42" i="4" s="1"/>
  <c r="F42" i="4" a="1"/>
  <c r="F42" i="4" s="1"/>
  <c r="H42" i="4" s="1"/>
  <c r="E42" i="4" a="1"/>
  <c r="E42" i="4" s="1"/>
  <c r="G42" i="4" s="1"/>
  <c r="E41" i="4" a="1"/>
  <c r="E41" i="4" s="1"/>
  <c r="G41" i="4" s="1"/>
  <c r="M54" i="4" a="1"/>
  <c r="M54" i="4" s="1"/>
  <c r="O54" i="4" s="1"/>
  <c r="L54" i="4" a="1"/>
  <c r="L54" i="4" s="1"/>
  <c r="N54" i="4" s="1"/>
  <c r="E54" i="4" a="1"/>
  <c r="E54" i="4" s="1"/>
  <c r="G54" i="4" s="1"/>
  <c r="E53" i="4" a="1"/>
  <c r="E53" i="4" s="1"/>
  <c r="G53" i="4" s="1"/>
  <c r="F54" i="4" a="1"/>
  <c r="F54" i="4" s="1"/>
  <c r="H54" i="4" s="1"/>
  <c r="M66" i="4" a="1"/>
  <c r="M66" i="4" s="1"/>
  <c r="O66" i="4" s="1"/>
  <c r="L66" i="4" a="1"/>
  <c r="L66" i="4" s="1"/>
  <c r="N66" i="4" s="1"/>
  <c r="E66" i="4" a="1"/>
  <c r="E66" i="4" s="1"/>
  <c r="G66" i="4" s="1"/>
  <c r="E65" i="4" a="1"/>
  <c r="E65" i="4" s="1"/>
  <c r="G65" i="4" s="1"/>
  <c r="F66" i="4" a="1"/>
  <c r="F66" i="4" s="1"/>
  <c r="H66" i="4" s="1"/>
  <c r="E63" i="4" a="1"/>
  <c r="E63" i="4" s="1"/>
  <c r="G63" i="4" s="1"/>
  <c r="M78" i="4" a="1"/>
  <c r="M78" i="4" s="1"/>
  <c r="O78" i="4" s="1"/>
  <c r="L78" i="4" a="1"/>
  <c r="L78" i="4" s="1"/>
  <c r="N78" i="4" s="1"/>
  <c r="E78" i="4" a="1"/>
  <c r="E78" i="4" s="1"/>
  <c r="G78" i="4" s="1"/>
  <c r="E77" i="4" a="1"/>
  <c r="E77" i="4" s="1"/>
  <c r="G77" i="4" s="1"/>
  <c r="F78" i="4" a="1"/>
  <c r="F78" i="4" s="1"/>
  <c r="H78" i="4" s="1"/>
  <c r="M90" i="4" a="1"/>
  <c r="M90" i="4" s="1"/>
  <c r="O90" i="4" s="1"/>
  <c r="L90" i="4" a="1"/>
  <c r="L90" i="4" s="1"/>
  <c r="N90" i="4" s="1"/>
  <c r="F90" i="4" a="1"/>
  <c r="F90" i="4" s="1"/>
  <c r="H90" i="4" s="1"/>
  <c r="E90" i="4" a="1"/>
  <c r="E90" i="4" s="1"/>
  <c r="G90" i="4" s="1"/>
  <c r="E89" i="4" a="1"/>
  <c r="E89" i="4" s="1"/>
  <c r="G89" i="4" s="1"/>
  <c r="M102" i="4" a="1"/>
  <c r="M102" i="4" s="1"/>
  <c r="O102" i="4" s="1"/>
  <c r="L102" i="4" a="1"/>
  <c r="L102" i="4" s="1"/>
  <c r="N102" i="4" s="1"/>
  <c r="E102" i="4" a="1"/>
  <c r="E102" i="4" s="1"/>
  <c r="G102" i="4" s="1"/>
  <c r="F102" i="4" a="1"/>
  <c r="F102" i="4" s="1"/>
  <c r="H102" i="4" s="1"/>
  <c r="E98" i="4" a="1"/>
  <c r="E98" i="4" s="1"/>
  <c r="G98" i="4" s="1"/>
  <c r="M114" i="4" a="1"/>
  <c r="M114" i="4" s="1"/>
  <c r="O114" i="4" s="1"/>
  <c r="L114" i="4" a="1"/>
  <c r="L114" i="4" s="1"/>
  <c r="N114" i="4" s="1"/>
  <c r="F114" i="4" a="1"/>
  <c r="F114" i="4" s="1"/>
  <c r="H114" i="4" s="1"/>
  <c r="E114" i="4" a="1"/>
  <c r="E114" i="4" s="1"/>
  <c r="G114" i="4" s="1"/>
  <c r="E113" i="4" a="1"/>
  <c r="E113" i="4" s="1"/>
  <c r="G113" i="4" s="1"/>
  <c r="F110" i="4" a="1"/>
  <c r="F110" i="4" s="1"/>
  <c r="H110" i="4" s="1"/>
  <c r="M126" i="4" a="1"/>
  <c r="M126" i="4" s="1"/>
  <c r="O126" i="4" s="1"/>
  <c r="L126" i="4" a="1"/>
  <c r="L126" i="4" s="1"/>
  <c r="N126" i="4" s="1"/>
  <c r="F126" i="4" a="1"/>
  <c r="F126" i="4" s="1"/>
  <c r="H126" i="4" s="1"/>
  <c r="E126" i="4" a="1"/>
  <c r="E126" i="4" s="1"/>
  <c r="G126" i="4" s="1"/>
  <c r="M138" i="4" a="1"/>
  <c r="M138" i="4" s="1"/>
  <c r="O138" i="4" s="1"/>
  <c r="L138" i="4" a="1"/>
  <c r="L138" i="4" s="1"/>
  <c r="N138" i="4" s="1"/>
  <c r="E138" i="4" a="1"/>
  <c r="E138" i="4" s="1"/>
  <c r="G138" i="4" s="1"/>
  <c r="F138" i="4" a="1"/>
  <c r="F138" i="4" s="1"/>
  <c r="H138" i="4" s="1"/>
  <c r="M150" i="4" a="1"/>
  <c r="M150" i="4" s="1"/>
  <c r="O150" i="4" s="1"/>
  <c r="L150" i="4" a="1"/>
  <c r="L150" i="4" s="1"/>
  <c r="N150" i="4" s="1"/>
  <c r="F150" i="4" a="1"/>
  <c r="F150" i="4" s="1"/>
  <c r="H150" i="4" s="1"/>
  <c r="E150" i="4" a="1"/>
  <c r="E150" i="4" s="1"/>
  <c r="G150" i="4" s="1"/>
  <c r="M162" i="4" a="1"/>
  <c r="M162" i="4" s="1"/>
  <c r="O162" i="4" s="1"/>
  <c r="L162" i="4" a="1"/>
  <c r="L162" i="4" s="1"/>
  <c r="N162" i="4" s="1"/>
  <c r="F162" i="4" a="1"/>
  <c r="F162" i="4" s="1"/>
  <c r="H162" i="4" s="1"/>
  <c r="E162" i="4" a="1"/>
  <c r="E162" i="4" s="1"/>
  <c r="G162" i="4" s="1"/>
  <c r="L174" i="4" a="1"/>
  <c r="L174" i="4" s="1"/>
  <c r="N174" i="4" s="1"/>
  <c r="M174" i="4" a="1"/>
  <c r="M174" i="4" s="1"/>
  <c r="O174" i="4" s="1"/>
  <c r="E174" i="4" a="1"/>
  <c r="E174" i="4" s="1"/>
  <c r="G174" i="4" s="1"/>
  <c r="F174" i="4" a="1"/>
  <c r="F174" i="4" s="1"/>
  <c r="H174" i="4" s="1"/>
  <c r="M186" i="4" a="1"/>
  <c r="M186" i="4" s="1"/>
  <c r="O186" i="4" s="1"/>
  <c r="L186" i="4" a="1"/>
  <c r="L186" i="4" s="1"/>
  <c r="N186" i="4" s="1"/>
  <c r="E186" i="4" a="1"/>
  <c r="E186" i="4" s="1"/>
  <c r="G186" i="4" s="1"/>
  <c r="F186" i="4" a="1"/>
  <c r="F186" i="4" s="1"/>
  <c r="H186" i="4" s="1"/>
  <c r="F185" i="4" a="1"/>
  <c r="F185" i="4" s="1"/>
  <c r="H185" i="4" s="1"/>
  <c r="M198" i="4" a="1"/>
  <c r="M198" i="4" s="1"/>
  <c r="O198" i="4" s="1"/>
  <c r="L198" i="4" a="1"/>
  <c r="L198" i="4" s="1"/>
  <c r="N198" i="4" s="1"/>
  <c r="E198" i="4" a="1"/>
  <c r="E198" i="4" s="1"/>
  <c r="G198" i="4" s="1"/>
  <c r="E197" i="4" a="1"/>
  <c r="E197" i="4" s="1"/>
  <c r="G197" i="4" s="1"/>
  <c r="F198" i="4" a="1"/>
  <c r="F198" i="4" s="1"/>
  <c r="H198" i="4" s="1"/>
  <c r="M210" i="4" a="1"/>
  <c r="M210" i="4" s="1"/>
  <c r="O210" i="4" s="1"/>
  <c r="L210" i="4" a="1"/>
  <c r="L210" i="4" s="1"/>
  <c r="N210" i="4" s="1"/>
  <c r="F210" i="4" a="1"/>
  <c r="F210" i="4" s="1"/>
  <c r="H210" i="4" s="1"/>
  <c r="E210" i="4" a="1"/>
  <c r="E210" i="4" s="1"/>
  <c r="G210" i="4" s="1"/>
  <c r="M222" i="4" a="1"/>
  <c r="M222" i="4" s="1"/>
  <c r="O222" i="4" s="1"/>
  <c r="L222" i="4" a="1"/>
  <c r="L222" i="4" s="1"/>
  <c r="N222" i="4" s="1"/>
  <c r="E222" i="4" a="1"/>
  <c r="E222" i="4" s="1"/>
  <c r="G222" i="4" s="1"/>
  <c r="F222" i="4" a="1"/>
  <c r="F222" i="4" s="1"/>
  <c r="H222" i="4" s="1"/>
  <c r="E220" i="4" a="1"/>
  <c r="E220" i="4" s="1"/>
  <c r="G220" i="4" s="1"/>
  <c r="M234" i="4" a="1"/>
  <c r="M234" i="4" s="1"/>
  <c r="O234" i="4" s="1"/>
  <c r="L234" i="4" a="1"/>
  <c r="L234" i="4" s="1"/>
  <c r="N234" i="4" s="1"/>
  <c r="F234" i="4" a="1"/>
  <c r="F234" i="4" s="1"/>
  <c r="H234" i="4" s="1"/>
  <c r="E234" i="4" a="1"/>
  <c r="E234" i="4" s="1"/>
  <c r="G234" i="4" s="1"/>
  <c r="E233" i="4" a="1"/>
  <c r="E233" i="4" s="1"/>
  <c r="G233" i="4" s="1"/>
  <c r="E230" i="4" a="1"/>
  <c r="E230" i="4" s="1"/>
  <c r="G230" i="4" s="1"/>
  <c r="M246" i="4" a="1"/>
  <c r="M246" i="4" s="1"/>
  <c r="O246" i="4" s="1"/>
  <c r="L246" i="4" a="1"/>
  <c r="L246" i="4" s="1"/>
  <c r="N246" i="4" s="1"/>
  <c r="F246" i="4" a="1"/>
  <c r="F246" i="4" s="1"/>
  <c r="H246" i="4" s="1"/>
  <c r="E246" i="4" a="1"/>
  <c r="E246" i="4" s="1"/>
  <c r="G246" i="4" s="1"/>
  <c r="M258" i="4" a="1"/>
  <c r="M258" i="4" s="1"/>
  <c r="O258" i="4" s="1"/>
  <c r="L258" i="4" a="1"/>
  <c r="L258" i="4" s="1"/>
  <c r="N258" i="4" s="1"/>
  <c r="E258" i="4" a="1"/>
  <c r="E258" i="4" s="1"/>
  <c r="G258" i="4" s="1"/>
  <c r="F258" i="4" a="1"/>
  <c r="F258" i="4" s="1"/>
  <c r="H258" i="4" s="1"/>
  <c r="F254" i="4" a="1"/>
  <c r="F254" i="4" s="1"/>
  <c r="H254" i="4" s="1"/>
  <c r="M270" i="4" a="1"/>
  <c r="M270" i="4" s="1"/>
  <c r="O270" i="4" s="1"/>
  <c r="L270" i="4" a="1"/>
  <c r="L270" i="4" s="1"/>
  <c r="N270" i="4" s="1"/>
  <c r="F270" i="4" a="1"/>
  <c r="F270" i="4" s="1"/>
  <c r="H270" i="4" s="1"/>
  <c r="E270" i="4" a="1"/>
  <c r="E270" i="4" s="1"/>
  <c r="G270" i="4" s="1"/>
  <c r="M282" i="4" a="1"/>
  <c r="M282" i="4" s="1"/>
  <c r="O282" i="4" s="1"/>
  <c r="L282" i="4" a="1"/>
  <c r="L282" i="4" s="1"/>
  <c r="N282" i="4" s="1"/>
  <c r="F282" i="4" a="1"/>
  <c r="F282" i="4" s="1"/>
  <c r="H282" i="4" s="1"/>
  <c r="E282" i="4" a="1"/>
  <c r="E282" i="4" s="1"/>
  <c r="G282" i="4" s="1"/>
  <c r="E281" i="4" a="1"/>
  <c r="E281" i="4" s="1"/>
  <c r="G281" i="4" s="1"/>
  <c r="M294" i="4" a="1"/>
  <c r="M294" i="4" s="1"/>
  <c r="O294" i="4" s="1"/>
  <c r="L294" i="4" a="1"/>
  <c r="L294" i="4" s="1"/>
  <c r="N294" i="4" s="1"/>
  <c r="F294" i="4" a="1"/>
  <c r="F294" i="4" s="1"/>
  <c r="H294" i="4" s="1"/>
  <c r="E294" i="4" a="1"/>
  <c r="E294" i="4" s="1"/>
  <c r="G294" i="4" s="1"/>
  <c r="M306" i="4" a="1"/>
  <c r="M306" i="4" s="1"/>
  <c r="O306" i="4" s="1"/>
  <c r="L306" i="4" a="1"/>
  <c r="L306" i="4" s="1"/>
  <c r="N306" i="4" s="1"/>
  <c r="F306" i="4" a="1"/>
  <c r="F306" i="4" s="1"/>
  <c r="H306" i="4" s="1"/>
  <c r="E306" i="4" a="1"/>
  <c r="E306" i="4" s="1"/>
  <c r="G306" i="4" s="1"/>
  <c r="L318" i="4" a="1"/>
  <c r="L318" i="4" s="1"/>
  <c r="N318" i="4" s="1"/>
  <c r="M318" i="4" a="1"/>
  <c r="M318" i="4" s="1"/>
  <c r="O318" i="4" s="1"/>
  <c r="E318" i="4" a="1"/>
  <c r="E318" i="4" s="1"/>
  <c r="G318" i="4" s="1"/>
  <c r="F318" i="4" a="1"/>
  <c r="F318" i="4" s="1"/>
  <c r="H318" i="4" s="1"/>
  <c r="L330" i="4" a="1"/>
  <c r="L330" i="4" s="1"/>
  <c r="N330" i="4" s="1"/>
  <c r="M330" i="4" a="1"/>
  <c r="M330" i="4" s="1"/>
  <c r="O330" i="4" s="1"/>
  <c r="E330" i="4" a="1"/>
  <c r="E330" i="4" s="1"/>
  <c r="G330" i="4" s="1"/>
  <c r="F330" i="4" a="1"/>
  <c r="F330" i="4" s="1"/>
  <c r="H330" i="4" s="1"/>
  <c r="M342" i="4" a="1"/>
  <c r="M342" i="4" s="1"/>
  <c r="O342" i="4" s="1"/>
  <c r="L342" i="4" a="1"/>
  <c r="L342" i="4" s="1"/>
  <c r="N342" i="4" s="1"/>
  <c r="F342" i="4" a="1"/>
  <c r="F342" i="4" s="1"/>
  <c r="H342" i="4" s="1"/>
  <c r="E342" i="4" a="1"/>
  <c r="E342" i="4" s="1"/>
  <c r="G342" i="4" s="1"/>
  <c r="E341" i="4" a="1"/>
  <c r="E341" i="4" s="1"/>
  <c r="G341" i="4" s="1"/>
  <c r="M354" i="4" a="1"/>
  <c r="M354" i="4" s="1"/>
  <c r="O354" i="4" s="1"/>
  <c r="E354" i="4" a="1"/>
  <c r="E354" i="4" s="1"/>
  <c r="G354" i="4" s="1"/>
  <c r="L354" i="4" a="1"/>
  <c r="L354" i="4" s="1"/>
  <c r="N354" i="4" s="1"/>
  <c r="F354" i="4" a="1"/>
  <c r="F354" i="4" s="1"/>
  <c r="H354" i="4" s="1"/>
  <c r="M366" i="4" a="1"/>
  <c r="M366" i="4" s="1"/>
  <c r="O366" i="4" s="1"/>
  <c r="L366" i="4" a="1"/>
  <c r="L366" i="4" s="1"/>
  <c r="N366" i="4" s="1"/>
  <c r="F366" i="4" a="1"/>
  <c r="F366" i="4" s="1"/>
  <c r="H366" i="4" s="1"/>
  <c r="E366" i="4" a="1"/>
  <c r="E366" i="4" s="1"/>
  <c r="G366" i="4" s="1"/>
  <c r="M378" i="4" a="1"/>
  <c r="M378" i="4" s="1"/>
  <c r="O378" i="4" s="1"/>
  <c r="L378" i="4" a="1"/>
  <c r="L378" i="4" s="1"/>
  <c r="N378" i="4" s="1"/>
  <c r="F378" i="4" a="1"/>
  <c r="F378" i="4" s="1"/>
  <c r="H378" i="4" s="1"/>
  <c r="E378" i="4" a="1"/>
  <c r="E378" i="4" s="1"/>
  <c r="G378" i="4" s="1"/>
  <c r="L390" i="4" a="1"/>
  <c r="L390" i="4" s="1"/>
  <c r="N390" i="4" s="1"/>
  <c r="M390" i="4" a="1"/>
  <c r="M390" i="4" s="1"/>
  <c r="O390" i="4" s="1"/>
  <c r="F390" i="4" a="1"/>
  <c r="F390" i="4" s="1"/>
  <c r="H390" i="4" s="1"/>
  <c r="E390" i="4" a="1"/>
  <c r="E390" i="4" s="1"/>
  <c r="G390" i="4" s="1"/>
  <c r="L402" i="4" a="1"/>
  <c r="L402" i="4" s="1"/>
  <c r="N402" i="4" s="1"/>
  <c r="M402" i="4" a="1"/>
  <c r="M402" i="4" s="1"/>
  <c r="O402" i="4" s="1"/>
  <c r="F402" i="4" a="1"/>
  <c r="F402" i="4" s="1"/>
  <c r="H402" i="4" s="1"/>
  <c r="E402" i="4" a="1"/>
  <c r="E402" i="4" s="1"/>
  <c r="G402" i="4" s="1"/>
  <c r="L414" i="4" a="1"/>
  <c r="L414" i="4" s="1"/>
  <c r="N414" i="4" s="1"/>
  <c r="M414" i="4" a="1"/>
  <c r="M414" i="4" s="1"/>
  <c r="O414" i="4" s="1"/>
  <c r="E414" i="4" a="1"/>
  <c r="E414" i="4" s="1"/>
  <c r="G414" i="4" s="1"/>
  <c r="F414" i="4" a="1"/>
  <c r="F414" i="4" s="1"/>
  <c r="H414" i="4" s="1"/>
  <c r="L426" i="4" a="1"/>
  <c r="L426" i="4" s="1"/>
  <c r="N426" i="4" s="1"/>
  <c r="M426" i="4" a="1"/>
  <c r="M426" i="4" s="1"/>
  <c r="O426" i="4" s="1"/>
  <c r="F426" i="4" a="1"/>
  <c r="F426" i="4" s="1"/>
  <c r="H426" i="4" s="1"/>
  <c r="E426" i="4" a="1"/>
  <c r="E426" i="4" s="1"/>
  <c r="G426" i="4" s="1"/>
  <c r="L438" i="4" a="1"/>
  <c r="L438" i="4" s="1"/>
  <c r="N438" i="4" s="1"/>
  <c r="M438" i="4" a="1"/>
  <c r="M438" i="4" s="1"/>
  <c r="O438" i="4" s="1"/>
  <c r="F438" i="4" a="1"/>
  <c r="F438" i="4" s="1"/>
  <c r="H438" i="4" s="1"/>
  <c r="E438" i="4" a="1"/>
  <c r="E438" i="4" s="1"/>
  <c r="G438" i="4" s="1"/>
  <c r="E437" i="4" a="1"/>
  <c r="E437" i="4" s="1"/>
  <c r="G437" i="4" s="1"/>
  <c r="M450" i="4" a="1"/>
  <c r="M450" i="4" s="1"/>
  <c r="O450" i="4" s="1"/>
  <c r="L450" i="4" a="1"/>
  <c r="L450" i="4" s="1"/>
  <c r="N450" i="4" s="1"/>
  <c r="F450" i="4" a="1"/>
  <c r="F450" i="4" s="1"/>
  <c r="H450" i="4" s="1"/>
  <c r="E450" i="4" a="1"/>
  <c r="E450" i="4" s="1"/>
  <c r="G450" i="4" s="1"/>
  <c r="E449" i="4" a="1"/>
  <c r="E449" i="4" s="1"/>
  <c r="G449" i="4" s="1"/>
  <c r="L462" i="4" a="1"/>
  <c r="L462" i="4" s="1"/>
  <c r="N462" i="4" s="1"/>
  <c r="M462" i="4" a="1"/>
  <c r="M462" i="4" s="1"/>
  <c r="O462" i="4" s="1"/>
  <c r="F462" i="4" a="1"/>
  <c r="F462" i="4" s="1"/>
  <c r="H462" i="4" s="1"/>
  <c r="E462" i="4" a="1"/>
  <c r="E462" i="4" s="1"/>
  <c r="G462" i="4" s="1"/>
  <c r="L474" i="4" a="1"/>
  <c r="L474" i="4" s="1"/>
  <c r="N474" i="4" s="1"/>
  <c r="F474" i="4" a="1"/>
  <c r="F474" i="4" s="1"/>
  <c r="H474" i="4" s="1"/>
  <c r="M474" i="4" a="1"/>
  <c r="M474" i="4" s="1"/>
  <c r="O474" i="4" s="1"/>
  <c r="E474" i="4" a="1"/>
  <c r="E474" i="4" s="1"/>
  <c r="G474" i="4" s="1"/>
  <c r="M486" i="4" a="1"/>
  <c r="M486" i="4" s="1"/>
  <c r="O486" i="4" s="1"/>
  <c r="L486" i="4" a="1"/>
  <c r="L486" i="4" s="1"/>
  <c r="N486" i="4" s="1"/>
  <c r="F486" i="4" a="1"/>
  <c r="F486" i="4" s="1"/>
  <c r="H486" i="4" s="1"/>
  <c r="E486" i="4" a="1"/>
  <c r="E486" i="4" s="1"/>
  <c r="G486" i="4" s="1"/>
  <c r="M498" i="4" a="1"/>
  <c r="M498" i="4" s="1"/>
  <c r="O498" i="4" s="1"/>
  <c r="L498" i="4" a="1"/>
  <c r="L498" i="4" s="1"/>
  <c r="N498" i="4" s="1"/>
  <c r="F498" i="4" a="1"/>
  <c r="F498" i="4" s="1"/>
  <c r="H498" i="4" s="1"/>
  <c r="E498" i="4" a="1"/>
  <c r="E498" i="4" s="1"/>
  <c r="G498" i="4" s="1"/>
  <c r="E494" i="4" a="1"/>
  <c r="E494" i="4" s="1"/>
  <c r="G494" i="4" s="1"/>
  <c r="M510" i="4" a="1"/>
  <c r="M510" i="4" s="1"/>
  <c r="O510" i="4" s="1"/>
  <c r="L510" i="4" a="1"/>
  <c r="L510" i="4" s="1"/>
  <c r="N510" i="4" s="1"/>
  <c r="F510" i="4" a="1"/>
  <c r="F510" i="4" s="1"/>
  <c r="H510" i="4" s="1"/>
  <c r="E510" i="4" a="1"/>
  <c r="E510" i="4" s="1"/>
  <c r="G510" i="4" s="1"/>
  <c r="E506" i="4" a="1"/>
  <c r="E506" i="4" s="1"/>
  <c r="G506" i="4" s="1"/>
  <c r="M522" i="4" a="1"/>
  <c r="M522" i="4" s="1"/>
  <c r="O522" i="4" s="1"/>
  <c r="L522" i="4" a="1"/>
  <c r="L522" i="4" s="1"/>
  <c r="N522" i="4" s="1"/>
  <c r="F522" i="4" a="1"/>
  <c r="F522" i="4" s="1"/>
  <c r="H522" i="4" s="1"/>
  <c r="E522" i="4" a="1"/>
  <c r="E522" i="4" s="1"/>
  <c r="G522" i="4" s="1"/>
  <c r="M534" i="4" a="1"/>
  <c r="M534" i="4" s="1"/>
  <c r="O534" i="4" s="1"/>
  <c r="L534" i="4" a="1"/>
  <c r="L534" i="4" s="1"/>
  <c r="N534" i="4" s="1"/>
  <c r="F534" i="4" a="1"/>
  <c r="F534" i="4" s="1"/>
  <c r="H534" i="4" s="1"/>
  <c r="E534" i="4" a="1"/>
  <c r="E534" i="4" s="1"/>
  <c r="G534" i="4" s="1"/>
  <c r="L546" i="4" a="1"/>
  <c r="L546" i="4" s="1"/>
  <c r="N546" i="4" s="1"/>
  <c r="M546" i="4" a="1"/>
  <c r="M546" i="4" s="1"/>
  <c r="O546" i="4" s="1"/>
  <c r="F546" i="4" a="1"/>
  <c r="F546" i="4" s="1"/>
  <c r="H546" i="4" s="1"/>
  <c r="E546" i="4" a="1"/>
  <c r="E546" i="4" s="1"/>
  <c r="G546" i="4" s="1"/>
  <c r="M558" i="4" a="1"/>
  <c r="M558" i="4" s="1"/>
  <c r="O558" i="4" s="1"/>
  <c r="L558" i="4" a="1"/>
  <c r="L558" i="4" s="1"/>
  <c r="N558" i="4" s="1"/>
  <c r="F558" i="4" a="1"/>
  <c r="F558" i="4" s="1"/>
  <c r="H558" i="4" s="1"/>
  <c r="E558" i="4" a="1"/>
  <c r="E558" i="4" s="1"/>
  <c r="G558" i="4" s="1"/>
  <c r="M570" i="4" a="1"/>
  <c r="M570" i="4" s="1"/>
  <c r="O570" i="4" s="1"/>
  <c r="L570" i="4" a="1"/>
  <c r="L570" i="4" s="1"/>
  <c r="N570" i="4" s="1"/>
  <c r="F570" i="4" a="1"/>
  <c r="F570" i="4" s="1"/>
  <c r="H570" i="4" s="1"/>
  <c r="E570" i="4" a="1"/>
  <c r="E570" i="4" s="1"/>
  <c r="G570" i="4" s="1"/>
  <c r="M582" i="4" a="1"/>
  <c r="M582" i="4" s="1"/>
  <c r="O582" i="4" s="1"/>
  <c r="L582" i="4" a="1"/>
  <c r="L582" i="4" s="1"/>
  <c r="N582" i="4" s="1"/>
  <c r="F582" i="4" a="1"/>
  <c r="F582" i="4" s="1"/>
  <c r="H582" i="4" s="1"/>
  <c r="E582" i="4" a="1"/>
  <c r="E582" i="4" s="1"/>
  <c r="G582" i="4" s="1"/>
  <c r="M594" i="4" a="1"/>
  <c r="M594" i="4" s="1"/>
  <c r="O594" i="4" s="1"/>
  <c r="L594" i="4" a="1"/>
  <c r="L594" i="4" s="1"/>
  <c r="N594" i="4" s="1"/>
  <c r="F594" i="4" a="1"/>
  <c r="F594" i="4" s="1"/>
  <c r="H594" i="4" s="1"/>
  <c r="E594" i="4" a="1"/>
  <c r="E594" i="4" s="1"/>
  <c r="G594" i="4" s="1"/>
  <c r="M606" i="4" a="1"/>
  <c r="M606" i="4" s="1"/>
  <c r="O606" i="4" s="1"/>
  <c r="L606" i="4" a="1"/>
  <c r="L606" i="4" s="1"/>
  <c r="N606" i="4" s="1"/>
  <c r="F606" i="4" a="1"/>
  <c r="F606" i="4" s="1"/>
  <c r="H606" i="4" s="1"/>
  <c r="E606" i="4" a="1"/>
  <c r="E606" i="4" s="1"/>
  <c r="G606" i="4" s="1"/>
  <c r="M618" i="4" a="1"/>
  <c r="M618" i="4" s="1"/>
  <c r="O618" i="4" s="1"/>
  <c r="L618" i="4" a="1"/>
  <c r="L618" i="4" s="1"/>
  <c r="N618" i="4" s="1"/>
  <c r="F618" i="4" a="1"/>
  <c r="F618" i="4" s="1"/>
  <c r="H618" i="4" s="1"/>
  <c r="E618" i="4" a="1"/>
  <c r="E618" i="4" s="1"/>
  <c r="G618" i="4" s="1"/>
  <c r="M630" i="4" a="1"/>
  <c r="M630" i="4" s="1"/>
  <c r="O630" i="4" s="1"/>
  <c r="L630" i="4" a="1"/>
  <c r="L630" i="4" s="1"/>
  <c r="N630" i="4" s="1"/>
  <c r="F630" i="4" a="1"/>
  <c r="F630" i="4" s="1"/>
  <c r="H630" i="4" s="1"/>
  <c r="E630" i="4" a="1"/>
  <c r="E630" i="4" s="1"/>
  <c r="G630" i="4" s="1"/>
  <c r="M642" i="4" a="1"/>
  <c r="M642" i="4" s="1"/>
  <c r="O642" i="4" s="1"/>
  <c r="L642" i="4" a="1"/>
  <c r="L642" i="4" s="1"/>
  <c r="N642" i="4" s="1"/>
  <c r="F642" i="4" a="1"/>
  <c r="F642" i="4" s="1"/>
  <c r="H642" i="4" s="1"/>
  <c r="E642" i="4" a="1"/>
  <c r="E642" i="4" s="1"/>
  <c r="G642" i="4" s="1"/>
  <c r="M654" i="4" a="1"/>
  <c r="M654" i="4" s="1"/>
  <c r="O654" i="4" s="1"/>
  <c r="L654" i="4" a="1"/>
  <c r="L654" i="4" s="1"/>
  <c r="N654" i="4" s="1"/>
  <c r="F654" i="4" a="1"/>
  <c r="F654" i="4" s="1"/>
  <c r="H654" i="4" s="1"/>
  <c r="E654" i="4" a="1"/>
  <c r="E654" i="4" s="1"/>
  <c r="G654" i="4" s="1"/>
  <c r="L666" i="4" a="1"/>
  <c r="L666" i="4" s="1"/>
  <c r="N666" i="4" s="1"/>
  <c r="M666" i="4" a="1"/>
  <c r="M666" i="4" s="1"/>
  <c r="O666" i="4" s="1"/>
  <c r="F666" i="4" a="1"/>
  <c r="F666" i="4" s="1"/>
  <c r="H666" i="4" s="1"/>
  <c r="E666" i="4" a="1"/>
  <c r="E666" i="4" s="1"/>
  <c r="G666" i="4" s="1"/>
  <c r="L678" i="4" a="1"/>
  <c r="L678" i="4" s="1"/>
  <c r="N678" i="4" s="1"/>
  <c r="M678" i="4" a="1"/>
  <c r="M678" i="4" s="1"/>
  <c r="O678" i="4" s="1"/>
  <c r="F678" i="4" a="1"/>
  <c r="F678" i="4" s="1"/>
  <c r="H678" i="4" s="1"/>
  <c r="E678" i="4" a="1"/>
  <c r="E678" i="4" s="1"/>
  <c r="G678" i="4" s="1"/>
  <c r="L690" i="4" a="1"/>
  <c r="L690" i="4" s="1"/>
  <c r="N690" i="4" s="1"/>
  <c r="M690" i="4" a="1"/>
  <c r="M690" i="4" s="1"/>
  <c r="O690" i="4" s="1"/>
  <c r="F690" i="4" a="1"/>
  <c r="F690" i="4" s="1"/>
  <c r="H690" i="4" s="1"/>
  <c r="E690" i="4" a="1"/>
  <c r="E690" i="4" s="1"/>
  <c r="G690" i="4" s="1"/>
  <c r="M702" i="4" a="1"/>
  <c r="M702" i="4" s="1"/>
  <c r="O702" i="4" s="1"/>
  <c r="L702" i="4" a="1"/>
  <c r="L702" i="4" s="1"/>
  <c r="N702" i="4" s="1"/>
  <c r="F702" i="4" a="1"/>
  <c r="F702" i="4" s="1"/>
  <c r="H702" i="4" s="1"/>
  <c r="E702" i="4" a="1"/>
  <c r="E702" i="4" s="1"/>
  <c r="G702" i="4" s="1"/>
  <c r="M714" i="4" a="1"/>
  <c r="M714" i="4" s="1"/>
  <c r="O714" i="4" s="1"/>
  <c r="L714" i="4" a="1"/>
  <c r="L714" i="4" s="1"/>
  <c r="N714" i="4" s="1"/>
  <c r="F714" i="4" a="1"/>
  <c r="F714" i="4" s="1"/>
  <c r="H714" i="4" s="1"/>
  <c r="E714" i="4" a="1"/>
  <c r="E714" i="4" s="1"/>
  <c r="G714" i="4" s="1"/>
  <c r="E713" i="4" a="1"/>
  <c r="E713" i="4" s="1"/>
  <c r="G713" i="4" s="1"/>
  <c r="F92" i="4" a="1"/>
  <c r="F92" i="4" s="1"/>
  <c r="H92" i="4" s="1"/>
  <c r="E87" i="4" a="1"/>
  <c r="E87" i="4" s="1"/>
  <c r="G87" i="4" s="1"/>
  <c r="F220" i="4" a="1"/>
  <c r="F220" i="4" s="1"/>
  <c r="H220" i="4" s="1"/>
  <c r="E144" i="4" a="1"/>
  <c r="E144" i="4" s="1"/>
  <c r="G144" i="4" s="1"/>
  <c r="E202" i="4" a="1"/>
  <c r="E202" i="4" s="1"/>
  <c r="G202" i="4" s="1"/>
  <c r="M40" i="4" a="1"/>
  <c r="M40" i="4" s="1"/>
  <c r="O40" i="4" s="1"/>
  <c r="L40" i="4" a="1"/>
  <c r="L40" i="4" s="1"/>
  <c r="N40" i="4" s="1"/>
  <c r="E40" i="4" a="1"/>
  <c r="E40" i="4" s="1"/>
  <c r="G40" i="4" s="1"/>
  <c r="F40" i="4" a="1"/>
  <c r="F40" i="4" s="1"/>
  <c r="H40" i="4" s="1"/>
  <c r="M52" i="4" a="1"/>
  <c r="M52" i="4" s="1"/>
  <c r="O52" i="4" s="1"/>
  <c r="L52" i="4" a="1"/>
  <c r="L52" i="4" s="1"/>
  <c r="N52" i="4" s="1"/>
  <c r="F52" i="4" a="1"/>
  <c r="F52" i="4" s="1"/>
  <c r="H52" i="4" s="1"/>
  <c r="E52" i="4" a="1"/>
  <c r="E52" i="4" s="1"/>
  <c r="G52" i="4" s="1"/>
  <c r="M64" i="4" a="1"/>
  <c r="M64" i="4" s="1"/>
  <c r="O64" i="4" s="1"/>
  <c r="L64" i="4" a="1"/>
  <c r="L64" i="4" s="1"/>
  <c r="N64" i="4" s="1"/>
  <c r="E64" i="4" a="1"/>
  <c r="E64" i="4" s="1"/>
  <c r="G64" i="4" s="1"/>
  <c r="M76" i="4" a="1"/>
  <c r="M76" i="4" s="1"/>
  <c r="O76" i="4" s="1"/>
  <c r="L76" i="4" a="1"/>
  <c r="L76" i="4" s="1"/>
  <c r="N76" i="4" s="1"/>
  <c r="E76" i="4" a="1"/>
  <c r="E76" i="4" s="1"/>
  <c r="G76" i="4" s="1"/>
  <c r="F76" i="4" a="1"/>
  <c r="F76" i="4" s="1"/>
  <c r="H76" i="4" s="1"/>
  <c r="M88" i="4" a="1"/>
  <c r="M88" i="4" s="1"/>
  <c r="O88" i="4" s="1"/>
  <c r="L88" i="4" a="1"/>
  <c r="L88" i="4" s="1"/>
  <c r="N88" i="4" s="1"/>
  <c r="F88" i="4" a="1"/>
  <c r="F88" i="4" s="1"/>
  <c r="H88" i="4" s="1"/>
  <c r="E88" i="4" a="1"/>
  <c r="E88" i="4" s="1"/>
  <c r="G88" i="4" s="1"/>
  <c r="M100" i="4" a="1"/>
  <c r="M100" i="4" s="1"/>
  <c r="O100" i="4" s="1"/>
  <c r="L100" i="4" a="1"/>
  <c r="L100" i="4" s="1"/>
  <c r="N100" i="4" s="1"/>
  <c r="E100" i="4" a="1"/>
  <c r="E100" i="4" s="1"/>
  <c r="G100" i="4" s="1"/>
  <c r="F100" i="4" a="1"/>
  <c r="F100" i="4" s="1"/>
  <c r="H100" i="4" s="1"/>
  <c r="M112" i="4" a="1"/>
  <c r="M112" i="4" s="1"/>
  <c r="O112" i="4" s="1"/>
  <c r="L112" i="4" a="1"/>
  <c r="L112" i="4" s="1"/>
  <c r="N112" i="4" s="1"/>
  <c r="E112" i="4" a="1"/>
  <c r="E112" i="4" s="1"/>
  <c r="G112" i="4" s="1"/>
  <c r="F112" i="4" a="1"/>
  <c r="F112" i="4" s="1"/>
  <c r="H112" i="4" s="1"/>
  <c r="M124" i="4" a="1"/>
  <c r="M124" i="4" s="1"/>
  <c r="O124" i="4" s="1"/>
  <c r="L124" i="4" a="1"/>
  <c r="L124" i="4" s="1"/>
  <c r="N124" i="4" s="1"/>
  <c r="F124" i="4" a="1"/>
  <c r="F124" i="4" s="1"/>
  <c r="H124" i="4" s="1"/>
  <c r="E124" i="4" a="1"/>
  <c r="E124" i="4" s="1"/>
  <c r="G124" i="4" s="1"/>
  <c r="M136" i="4" a="1"/>
  <c r="M136" i="4" s="1"/>
  <c r="O136" i="4" s="1"/>
  <c r="L136" i="4" a="1"/>
  <c r="L136" i="4" s="1"/>
  <c r="N136" i="4" s="1"/>
  <c r="E136" i="4" a="1"/>
  <c r="E136" i="4" s="1"/>
  <c r="G136" i="4" s="1"/>
  <c r="F136" i="4" a="1"/>
  <c r="F136" i="4" s="1"/>
  <c r="H136" i="4" s="1"/>
  <c r="L148" i="4" a="1"/>
  <c r="L148" i="4" s="1"/>
  <c r="N148" i="4" s="1"/>
  <c r="M148" i="4" a="1"/>
  <c r="M148" i="4" s="1"/>
  <c r="O148" i="4" s="1"/>
  <c r="F148" i="4" a="1"/>
  <c r="F148" i="4" s="1"/>
  <c r="H148" i="4" s="1"/>
  <c r="E148" i="4" a="1"/>
  <c r="E148" i="4" s="1"/>
  <c r="G148" i="4" s="1"/>
  <c r="M160" i="4" a="1"/>
  <c r="M160" i="4" s="1"/>
  <c r="O160" i="4" s="1"/>
  <c r="L160" i="4" a="1"/>
  <c r="L160" i="4" s="1"/>
  <c r="N160" i="4" s="1"/>
  <c r="F160" i="4" a="1"/>
  <c r="F160" i="4" s="1"/>
  <c r="H160" i="4" s="1"/>
  <c r="E160" i="4" a="1"/>
  <c r="E160" i="4" s="1"/>
  <c r="G160" i="4" s="1"/>
  <c r="M172" i="4" a="1"/>
  <c r="M172" i="4" s="1"/>
  <c r="O172" i="4" s="1"/>
  <c r="L172" i="4" a="1"/>
  <c r="L172" i="4" s="1"/>
  <c r="N172" i="4" s="1"/>
  <c r="F172" i="4" a="1"/>
  <c r="F172" i="4" s="1"/>
  <c r="H172" i="4" s="1"/>
  <c r="E172" i="4" a="1"/>
  <c r="E172" i="4" s="1"/>
  <c r="G172" i="4" s="1"/>
  <c r="M184" i="4" a="1"/>
  <c r="M184" i="4" s="1"/>
  <c r="O184" i="4" s="1"/>
  <c r="L184" i="4" a="1"/>
  <c r="L184" i="4" s="1"/>
  <c r="N184" i="4" s="1"/>
  <c r="F184" i="4" a="1"/>
  <c r="F184" i="4" s="1"/>
  <c r="H184" i="4" s="1"/>
  <c r="E184" i="4" a="1"/>
  <c r="E184" i="4" s="1"/>
  <c r="G184" i="4" s="1"/>
  <c r="M196" i="4" a="1"/>
  <c r="M196" i="4" s="1"/>
  <c r="O196" i="4" s="1"/>
  <c r="L196" i="4" a="1"/>
  <c r="L196" i="4" s="1"/>
  <c r="N196" i="4" s="1"/>
  <c r="E196" i="4" a="1"/>
  <c r="E196" i="4" s="1"/>
  <c r="G196" i="4" s="1"/>
  <c r="E195" i="4" a="1"/>
  <c r="E195" i="4" s="1"/>
  <c r="G195" i="4" s="1"/>
  <c r="L208" i="4" a="1"/>
  <c r="L208" i="4" s="1"/>
  <c r="N208" i="4" s="1"/>
  <c r="M208" i="4" a="1"/>
  <c r="M208" i="4" s="1"/>
  <c r="O208" i="4" s="1"/>
  <c r="E208" i="4" a="1"/>
  <c r="E208" i="4" s="1"/>
  <c r="G208" i="4" s="1"/>
  <c r="E206" i="4" a="1"/>
  <c r="E206" i="4" s="1"/>
  <c r="G206" i="4" s="1"/>
  <c r="M220" i="4" a="1"/>
  <c r="M220" i="4" s="1"/>
  <c r="O220" i="4" s="1"/>
  <c r="L220" i="4" a="1"/>
  <c r="L220" i="4" s="1"/>
  <c r="N220" i="4" s="1"/>
  <c r="M232" i="4" a="1"/>
  <c r="M232" i="4" s="1"/>
  <c r="O232" i="4" s="1"/>
  <c r="L232" i="4" a="1"/>
  <c r="L232" i="4" s="1"/>
  <c r="N232" i="4" s="1"/>
  <c r="F232" i="4" a="1"/>
  <c r="F232" i="4" s="1"/>
  <c r="H232" i="4" s="1"/>
  <c r="E232" i="4" a="1"/>
  <c r="E232" i="4" s="1"/>
  <c r="G232" i="4" s="1"/>
  <c r="E231" i="4" a="1"/>
  <c r="E231" i="4" s="1"/>
  <c r="G231" i="4" s="1"/>
  <c r="M244" i="4" a="1"/>
  <c r="M244" i="4" s="1"/>
  <c r="O244" i="4" s="1"/>
  <c r="L244" i="4" a="1"/>
  <c r="L244" i="4" s="1"/>
  <c r="N244" i="4" s="1"/>
  <c r="E244" i="4" a="1"/>
  <c r="E244" i="4" s="1"/>
  <c r="G244" i="4" s="1"/>
  <c r="F244" i="4" a="1"/>
  <c r="F244" i="4" s="1"/>
  <c r="H244" i="4" s="1"/>
  <c r="M256" i="4" a="1"/>
  <c r="M256" i="4" s="1"/>
  <c r="O256" i="4" s="1"/>
  <c r="L256" i="4" a="1"/>
  <c r="L256" i="4" s="1"/>
  <c r="N256" i="4" s="1"/>
  <c r="F256" i="4" a="1"/>
  <c r="F256" i="4" s="1"/>
  <c r="H256" i="4" s="1"/>
  <c r="M268" i="4" a="1"/>
  <c r="M268" i="4" s="1"/>
  <c r="O268" i="4" s="1"/>
  <c r="L268" i="4" a="1"/>
  <c r="L268" i="4" s="1"/>
  <c r="N268" i="4" s="1"/>
  <c r="F268" i="4" a="1"/>
  <c r="F268" i="4" s="1"/>
  <c r="H268" i="4" s="1"/>
  <c r="E268" i="4" a="1"/>
  <c r="E268" i="4" s="1"/>
  <c r="G268" i="4" s="1"/>
  <c r="M280" i="4" a="1"/>
  <c r="M280" i="4" s="1"/>
  <c r="O280" i="4" s="1"/>
  <c r="L280" i="4" a="1"/>
  <c r="L280" i="4" s="1"/>
  <c r="N280" i="4" s="1"/>
  <c r="E280" i="4" a="1"/>
  <c r="E280" i="4" s="1"/>
  <c r="G280" i="4" s="1"/>
  <c r="F280" i="4" a="1"/>
  <c r="F280" i="4" s="1"/>
  <c r="H280" i="4" s="1"/>
  <c r="L292" i="4" a="1"/>
  <c r="L292" i="4" s="1"/>
  <c r="N292" i="4" s="1"/>
  <c r="M292" i="4" a="1"/>
  <c r="M292" i="4" s="1"/>
  <c r="O292" i="4" s="1"/>
  <c r="F292" i="4" a="1"/>
  <c r="F292" i="4" s="1"/>
  <c r="H292" i="4" s="1"/>
  <c r="E292" i="4" a="1"/>
  <c r="E292" i="4" s="1"/>
  <c r="G292" i="4" s="1"/>
  <c r="M304" i="4" a="1"/>
  <c r="M304" i="4" s="1"/>
  <c r="O304" i="4" s="1"/>
  <c r="L304" i="4" a="1"/>
  <c r="L304" i="4" s="1"/>
  <c r="N304" i="4" s="1"/>
  <c r="F304" i="4" a="1"/>
  <c r="F304" i="4" s="1"/>
  <c r="H304" i="4" s="1"/>
  <c r="E304" i="4" a="1"/>
  <c r="E304" i="4" s="1"/>
  <c r="G304" i="4" s="1"/>
  <c r="M316" i="4" a="1"/>
  <c r="M316" i="4" s="1"/>
  <c r="O316" i="4" s="1"/>
  <c r="L316" i="4" a="1"/>
  <c r="L316" i="4" s="1"/>
  <c r="N316" i="4" s="1"/>
  <c r="F316" i="4" a="1"/>
  <c r="F316" i="4" s="1"/>
  <c r="H316" i="4" s="1"/>
  <c r="E316" i="4" a="1"/>
  <c r="E316" i="4" s="1"/>
  <c r="G316" i="4" s="1"/>
  <c r="L328" i="4" a="1"/>
  <c r="L328" i="4" s="1"/>
  <c r="N328" i="4" s="1"/>
  <c r="M328" i="4" a="1"/>
  <c r="M328" i="4" s="1"/>
  <c r="O328" i="4" s="1"/>
  <c r="E328" i="4" a="1"/>
  <c r="E328" i="4" s="1"/>
  <c r="G328" i="4" s="1"/>
  <c r="F328" i="4" a="1"/>
  <c r="F328" i="4" s="1"/>
  <c r="H328" i="4" s="1"/>
  <c r="M340" i="4" a="1"/>
  <c r="M340" i="4" s="1"/>
  <c r="O340" i="4" s="1"/>
  <c r="L340" i="4" a="1"/>
  <c r="L340" i="4" s="1"/>
  <c r="N340" i="4" s="1"/>
  <c r="F340" i="4" a="1"/>
  <c r="F340" i="4" s="1"/>
  <c r="H340" i="4" s="1"/>
  <c r="E340" i="4" a="1"/>
  <c r="E340" i="4" s="1"/>
  <c r="G340" i="4" s="1"/>
  <c r="L352" i="4" a="1"/>
  <c r="L352" i="4" s="1"/>
  <c r="N352" i="4" s="1"/>
  <c r="M352" i="4" a="1"/>
  <c r="M352" i="4" s="1"/>
  <c r="O352" i="4" s="1"/>
  <c r="E352" i="4" a="1"/>
  <c r="E352" i="4" s="1"/>
  <c r="G352" i="4" s="1"/>
  <c r="F352" i="4" a="1"/>
  <c r="F352" i="4" s="1"/>
  <c r="H352" i="4" s="1"/>
  <c r="M364" i="4" a="1"/>
  <c r="M364" i="4" s="1"/>
  <c r="O364" i="4" s="1"/>
  <c r="L364" i="4" a="1"/>
  <c r="L364" i="4" s="1"/>
  <c r="N364" i="4" s="1"/>
  <c r="F364" i="4" a="1"/>
  <c r="F364" i="4" s="1"/>
  <c r="H364" i="4" s="1"/>
  <c r="E364" i="4" a="1"/>
  <c r="E364" i="4" s="1"/>
  <c r="G364" i="4" s="1"/>
  <c r="M376" i="4" a="1"/>
  <c r="M376" i="4" s="1"/>
  <c r="O376" i="4" s="1"/>
  <c r="L376" i="4" a="1"/>
  <c r="L376" i="4" s="1"/>
  <c r="N376" i="4" s="1"/>
  <c r="F376" i="4" a="1"/>
  <c r="F376" i="4" s="1"/>
  <c r="H376" i="4" s="1"/>
  <c r="E376" i="4" a="1"/>
  <c r="E376" i="4" s="1"/>
  <c r="G376" i="4" s="1"/>
  <c r="M388" i="4" a="1"/>
  <c r="M388" i="4" s="1"/>
  <c r="O388" i="4" s="1"/>
  <c r="L388" i="4" a="1"/>
  <c r="L388" i="4" s="1"/>
  <c r="N388" i="4" s="1"/>
  <c r="F388" i="4" a="1"/>
  <c r="F388" i="4" s="1"/>
  <c r="H388" i="4" s="1"/>
  <c r="E388" i="4" a="1"/>
  <c r="E388" i="4" s="1"/>
  <c r="G388" i="4" s="1"/>
  <c r="L400" i="4" a="1"/>
  <c r="L400" i="4" s="1"/>
  <c r="N400" i="4" s="1"/>
  <c r="M400" i="4" a="1"/>
  <c r="M400" i="4" s="1"/>
  <c r="O400" i="4" s="1"/>
  <c r="F400" i="4" a="1"/>
  <c r="F400" i="4" s="1"/>
  <c r="H400" i="4" s="1"/>
  <c r="E400" i="4" a="1"/>
  <c r="E400" i="4" s="1"/>
  <c r="G400" i="4" s="1"/>
  <c r="L412" i="4" a="1"/>
  <c r="L412" i="4" s="1"/>
  <c r="N412" i="4" s="1"/>
  <c r="M412" i="4" a="1"/>
  <c r="M412" i="4" s="1"/>
  <c r="O412" i="4" s="1"/>
  <c r="F412" i="4" a="1"/>
  <c r="F412" i="4" s="1"/>
  <c r="H412" i="4" s="1"/>
  <c r="E412" i="4" a="1"/>
  <c r="E412" i="4" s="1"/>
  <c r="G412" i="4" s="1"/>
  <c r="L424" i="4" a="1"/>
  <c r="L424" i="4" s="1"/>
  <c r="N424" i="4" s="1"/>
  <c r="M424" i="4" a="1"/>
  <c r="M424" i="4" s="1"/>
  <c r="O424" i="4" s="1"/>
  <c r="F424" i="4" a="1"/>
  <c r="F424" i="4" s="1"/>
  <c r="H424" i="4" s="1"/>
  <c r="E424" i="4" a="1"/>
  <c r="E424" i="4" s="1"/>
  <c r="G424" i="4" s="1"/>
  <c r="L436" i="4" a="1"/>
  <c r="L436" i="4" s="1"/>
  <c r="N436" i="4" s="1"/>
  <c r="M436" i="4" a="1"/>
  <c r="M436" i="4" s="1"/>
  <c r="O436" i="4" s="1"/>
  <c r="F436" i="4" a="1"/>
  <c r="F436" i="4" s="1"/>
  <c r="H436" i="4" s="1"/>
  <c r="E436" i="4" a="1"/>
  <c r="E436" i="4" s="1"/>
  <c r="G436" i="4" s="1"/>
  <c r="L448" i="4" a="1"/>
  <c r="L448" i="4" s="1"/>
  <c r="N448" i="4" s="1"/>
  <c r="M448" i="4" a="1"/>
  <c r="M448" i="4" s="1"/>
  <c r="O448" i="4" s="1"/>
  <c r="E448" i="4" a="1"/>
  <c r="E448" i="4" s="1"/>
  <c r="G448" i="4" s="1"/>
  <c r="M460" i="4" a="1"/>
  <c r="M460" i="4" s="1"/>
  <c r="O460" i="4" s="1"/>
  <c r="L460" i="4" a="1"/>
  <c r="L460" i="4" s="1"/>
  <c r="N460" i="4" s="1"/>
  <c r="F460" i="4" a="1"/>
  <c r="F460" i="4" s="1"/>
  <c r="H460" i="4" s="1"/>
  <c r="L472" i="4" a="1"/>
  <c r="L472" i="4" s="1"/>
  <c r="N472" i="4" s="1"/>
  <c r="M472" i="4" a="1"/>
  <c r="M472" i="4" s="1"/>
  <c r="O472" i="4" s="1"/>
  <c r="F472" i="4" a="1"/>
  <c r="F472" i="4" s="1"/>
  <c r="H472" i="4" s="1"/>
  <c r="E472" i="4" a="1"/>
  <c r="E472" i="4" s="1"/>
  <c r="G472" i="4" s="1"/>
  <c r="L484" i="4" a="1"/>
  <c r="L484" i="4" s="1"/>
  <c r="N484" i="4" s="1"/>
  <c r="M484" i="4" a="1"/>
  <c r="M484" i="4" s="1"/>
  <c r="O484" i="4" s="1"/>
  <c r="F484" i="4" a="1"/>
  <c r="F484" i="4" s="1"/>
  <c r="H484" i="4" s="1"/>
  <c r="E484" i="4" a="1"/>
  <c r="E484" i="4" s="1"/>
  <c r="G484" i="4" s="1"/>
  <c r="L496" i="4" a="1"/>
  <c r="L496" i="4" s="1"/>
  <c r="N496" i="4" s="1"/>
  <c r="M496" i="4" a="1"/>
  <c r="M496" i="4" s="1"/>
  <c r="O496" i="4" s="1"/>
  <c r="F496" i="4" a="1"/>
  <c r="F496" i="4" s="1"/>
  <c r="H496" i="4" s="1"/>
  <c r="E496" i="4" a="1"/>
  <c r="E496" i="4" s="1"/>
  <c r="G496" i="4" s="1"/>
  <c r="L508" i="4" a="1"/>
  <c r="L508" i="4" s="1"/>
  <c r="N508" i="4" s="1"/>
  <c r="M508" i="4" a="1"/>
  <c r="M508" i="4" s="1"/>
  <c r="O508" i="4" s="1"/>
  <c r="F508" i="4" a="1"/>
  <c r="F508" i="4" s="1"/>
  <c r="H508" i="4" s="1"/>
  <c r="E508" i="4" a="1"/>
  <c r="E508" i="4" s="1"/>
  <c r="G508" i="4" s="1"/>
  <c r="L520" i="4" a="1"/>
  <c r="L520" i="4" s="1"/>
  <c r="N520" i="4" s="1"/>
  <c r="M520" i="4" a="1"/>
  <c r="M520" i="4" s="1"/>
  <c r="O520" i="4" s="1"/>
  <c r="F520" i="4" a="1"/>
  <c r="F520" i="4" s="1"/>
  <c r="H520" i="4" s="1"/>
  <c r="E520" i="4" a="1"/>
  <c r="E520" i="4" s="1"/>
  <c r="G520" i="4" s="1"/>
  <c r="L532" i="4" a="1"/>
  <c r="L532" i="4" s="1"/>
  <c r="N532" i="4" s="1"/>
  <c r="M532" i="4" a="1"/>
  <c r="M532" i="4" s="1"/>
  <c r="O532" i="4" s="1"/>
  <c r="F532" i="4" a="1"/>
  <c r="F532" i="4" s="1"/>
  <c r="H532" i="4" s="1"/>
  <c r="E532" i="4" a="1"/>
  <c r="E532" i="4" s="1"/>
  <c r="G532" i="4" s="1"/>
  <c r="M544" i="4" a="1"/>
  <c r="M544" i="4" s="1"/>
  <c r="O544" i="4" s="1"/>
  <c r="L544" i="4" a="1"/>
  <c r="L544" i="4" s="1"/>
  <c r="N544" i="4" s="1"/>
  <c r="F544" i="4" a="1"/>
  <c r="F544" i="4" s="1"/>
  <c r="H544" i="4" s="1"/>
  <c r="E544" i="4" a="1"/>
  <c r="E544" i="4" s="1"/>
  <c r="G544" i="4" s="1"/>
  <c r="L556" i="4" a="1"/>
  <c r="L556" i="4" s="1"/>
  <c r="N556" i="4" s="1"/>
  <c r="M556" i="4" a="1"/>
  <c r="M556" i="4" s="1"/>
  <c r="O556" i="4" s="1"/>
  <c r="F556" i="4" a="1"/>
  <c r="F556" i="4" s="1"/>
  <c r="H556" i="4" s="1"/>
  <c r="E556" i="4" a="1"/>
  <c r="E556" i="4" s="1"/>
  <c r="G556" i="4" s="1"/>
  <c r="L568" i="4" a="1"/>
  <c r="L568" i="4" s="1"/>
  <c r="N568" i="4" s="1"/>
  <c r="M568" i="4" a="1"/>
  <c r="M568" i="4" s="1"/>
  <c r="O568" i="4" s="1"/>
  <c r="E568" i="4" a="1"/>
  <c r="E568" i="4" s="1"/>
  <c r="G568" i="4" s="1"/>
  <c r="F568" i="4" a="1"/>
  <c r="F568" i="4" s="1"/>
  <c r="H568" i="4" s="1"/>
  <c r="L580" i="4" a="1"/>
  <c r="L580" i="4" s="1"/>
  <c r="N580" i="4" s="1"/>
  <c r="M580" i="4" a="1"/>
  <c r="M580" i="4" s="1"/>
  <c r="O580" i="4" s="1"/>
  <c r="F580" i="4" a="1"/>
  <c r="F580" i="4" s="1"/>
  <c r="H580" i="4" s="1"/>
  <c r="E580" i="4" a="1"/>
  <c r="E580" i="4" s="1"/>
  <c r="G580" i="4" s="1"/>
  <c r="L592" i="4" a="1"/>
  <c r="L592" i="4" s="1"/>
  <c r="N592" i="4" s="1"/>
  <c r="M592" i="4" a="1"/>
  <c r="M592" i="4" s="1"/>
  <c r="O592" i="4" s="1"/>
  <c r="F592" i="4" a="1"/>
  <c r="F592" i="4" s="1"/>
  <c r="H592" i="4" s="1"/>
  <c r="E592" i="4" a="1"/>
  <c r="E592" i="4" s="1"/>
  <c r="G592" i="4" s="1"/>
  <c r="L604" i="4" a="1"/>
  <c r="L604" i="4" s="1"/>
  <c r="N604" i="4" s="1"/>
  <c r="M604" i="4" a="1"/>
  <c r="M604" i="4" s="1"/>
  <c r="O604" i="4" s="1"/>
  <c r="F604" i="4" a="1"/>
  <c r="F604" i="4" s="1"/>
  <c r="H604" i="4" s="1"/>
  <c r="E604" i="4" a="1"/>
  <c r="E604" i="4" s="1"/>
  <c r="G604" i="4" s="1"/>
  <c r="L616" i="4" a="1"/>
  <c r="L616" i="4" s="1"/>
  <c r="N616" i="4" s="1"/>
  <c r="M616" i="4" a="1"/>
  <c r="M616" i="4" s="1"/>
  <c r="O616" i="4" s="1"/>
  <c r="F616" i="4" a="1"/>
  <c r="F616" i="4" s="1"/>
  <c r="H616" i="4" s="1"/>
  <c r="E616" i="4" a="1"/>
  <c r="E616" i="4" s="1"/>
  <c r="G616" i="4" s="1"/>
  <c r="L628" i="4" a="1"/>
  <c r="L628" i="4" s="1"/>
  <c r="N628" i="4" s="1"/>
  <c r="M628" i="4" a="1"/>
  <c r="M628" i="4" s="1"/>
  <c r="O628" i="4" s="1"/>
  <c r="F628" i="4" a="1"/>
  <c r="F628" i="4" s="1"/>
  <c r="H628" i="4" s="1"/>
  <c r="E628" i="4" a="1"/>
  <c r="E628" i="4" s="1"/>
  <c r="G628" i="4" s="1"/>
  <c r="L640" i="4" a="1"/>
  <c r="L640" i="4" s="1"/>
  <c r="N640" i="4" s="1"/>
  <c r="M640" i="4" a="1"/>
  <c r="M640" i="4" s="1"/>
  <c r="O640" i="4" s="1"/>
  <c r="F640" i="4" a="1"/>
  <c r="F640" i="4" s="1"/>
  <c r="H640" i="4" s="1"/>
  <c r="E640" i="4" a="1"/>
  <c r="E640" i="4" s="1"/>
  <c r="G640" i="4" s="1"/>
  <c r="M652" i="4" a="1"/>
  <c r="M652" i="4" s="1"/>
  <c r="O652" i="4" s="1"/>
  <c r="L652" i="4" a="1"/>
  <c r="L652" i="4" s="1"/>
  <c r="N652" i="4" s="1"/>
  <c r="F652" i="4" a="1"/>
  <c r="F652" i="4" s="1"/>
  <c r="H652" i="4" s="1"/>
  <c r="E652" i="4" a="1"/>
  <c r="E652" i="4" s="1"/>
  <c r="G652" i="4" s="1"/>
  <c r="M664" i="4" a="1"/>
  <c r="M664" i="4" s="1"/>
  <c r="O664" i="4" s="1"/>
  <c r="L664" i="4" a="1"/>
  <c r="L664" i="4" s="1"/>
  <c r="N664" i="4" s="1"/>
  <c r="E664" i="4" a="1"/>
  <c r="E664" i="4" s="1"/>
  <c r="G664" i="4" s="1"/>
  <c r="F664" i="4" a="1"/>
  <c r="F664" i="4" s="1"/>
  <c r="H664" i="4" s="1"/>
  <c r="M676" i="4" a="1"/>
  <c r="M676" i="4" s="1"/>
  <c r="O676" i="4" s="1"/>
  <c r="L676" i="4" a="1"/>
  <c r="L676" i="4" s="1"/>
  <c r="N676" i="4" s="1"/>
  <c r="F676" i="4" a="1"/>
  <c r="F676" i="4" s="1"/>
  <c r="H676" i="4" s="1"/>
  <c r="E676" i="4" a="1"/>
  <c r="E676" i="4" s="1"/>
  <c r="G676" i="4" s="1"/>
  <c r="M688" i="4" a="1"/>
  <c r="M688" i="4" s="1"/>
  <c r="O688" i="4" s="1"/>
  <c r="L688" i="4" a="1"/>
  <c r="L688" i="4" s="1"/>
  <c r="N688" i="4" s="1"/>
  <c r="F688" i="4" a="1"/>
  <c r="F688" i="4" s="1"/>
  <c r="H688" i="4" s="1"/>
  <c r="E688" i="4" a="1"/>
  <c r="E688" i="4" s="1"/>
  <c r="G688" i="4" s="1"/>
  <c r="M700" i="4" a="1"/>
  <c r="M700" i="4" s="1"/>
  <c r="O700" i="4" s="1"/>
  <c r="L700" i="4" a="1"/>
  <c r="L700" i="4" s="1"/>
  <c r="N700" i="4" s="1"/>
  <c r="F700" i="4" a="1"/>
  <c r="F700" i="4" s="1"/>
  <c r="H700" i="4" s="1"/>
  <c r="E700" i="4" a="1"/>
  <c r="E700" i="4" s="1"/>
  <c r="G700" i="4" s="1"/>
  <c r="L712" i="4" a="1"/>
  <c r="L712" i="4" s="1"/>
  <c r="N712" i="4" s="1"/>
  <c r="M712" i="4" a="1"/>
  <c r="M712" i="4" s="1"/>
  <c r="O712" i="4" s="1"/>
  <c r="F712" i="4" a="1"/>
  <c r="F712" i="4" s="1"/>
  <c r="H712" i="4" s="1"/>
  <c r="E712" i="4" a="1"/>
  <c r="E712" i="4" s="1"/>
  <c r="G712" i="4" s="1"/>
  <c r="M724" i="4" a="1"/>
  <c r="M724" i="4" s="1"/>
  <c r="O724" i="4" s="1"/>
  <c r="L724" i="4" a="1"/>
  <c r="L724" i="4" s="1"/>
  <c r="N724" i="4" s="1"/>
  <c r="F724" i="4" a="1"/>
  <c r="F724" i="4" s="1"/>
  <c r="H724" i="4" s="1"/>
  <c r="E724" i="4" a="1"/>
  <c r="E724" i="4" s="1"/>
  <c r="G724" i="4" s="1"/>
  <c r="L736" i="4" a="1"/>
  <c r="L736" i="4" s="1"/>
  <c r="N736" i="4" s="1"/>
  <c r="M736" i="4" a="1"/>
  <c r="M736" i="4" s="1"/>
  <c r="O736" i="4" s="1"/>
  <c r="F736" i="4" a="1"/>
  <c r="F736" i="4" s="1"/>
  <c r="H736" i="4" s="1"/>
  <c r="E736" i="4" a="1"/>
  <c r="E736" i="4" s="1"/>
  <c r="G736" i="4" s="1"/>
  <c r="M748" i="4" a="1"/>
  <c r="M748" i="4" s="1"/>
  <c r="O748" i="4" s="1"/>
  <c r="L748" i="4" a="1"/>
  <c r="L748" i="4" s="1"/>
  <c r="N748" i="4" s="1"/>
  <c r="F748" i="4" a="1"/>
  <c r="F748" i="4" s="1"/>
  <c r="H748" i="4" s="1"/>
  <c r="E748" i="4" a="1"/>
  <c r="E748" i="4" s="1"/>
  <c r="G748" i="4" s="1"/>
  <c r="M760" i="4" a="1"/>
  <c r="M760" i="4" s="1"/>
  <c r="O760" i="4" s="1"/>
  <c r="L760" i="4" a="1"/>
  <c r="L760" i="4" s="1"/>
  <c r="N760" i="4" s="1"/>
  <c r="F760" i="4" a="1"/>
  <c r="F760" i="4" s="1"/>
  <c r="H760" i="4" s="1"/>
  <c r="E760" i="4" a="1"/>
  <c r="E760" i="4" s="1"/>
  <c r="G760" i="4" s="1"/>
  <c r="M772" i="4" a="1"/>
  <c r="M772" i="4" s="1"/>
  <c r="O772" i="4" s="1"/>
  <c r="L772" i="4" a="1"/>
  <c r="L772" i="4" s="1"/>
  <c r="N772" i="4" s="1"/>
  <c r="F772" i="4" a="1"/>
  <c r="F772" i="4" s="1"/>
  <c r="H772" i="4" s="1"/>
  <c r="E772" i="4" a="1"/>
  <c r="E772" i="4" s="1"/>
  <c r="G772" i="4" s="1"/>
  <c r="M784" i="4" a="1"/>
  <c r="M784" i="4" s="1"/>
  <c r="O784" i="4" s="1"/>
  <c r="L784" i="4" a="1"/>
  <c r="L784" i="4" s="1"/>
  <c r="N784" i="4" s="1"/>
  <c r="F784" i="4" a="1"/>
  <c r="F784" i="4" s="1"/>
  <c r="H784" i="4" s="1"/>
  <c r="E784" i="4" a="1"/>
  <c r="E784" i="4" s="1"/>
  <c r="G784" i="4" s="1"/>
  <c r="L796" i="4" a="1"/>
  <c r="L796" i="4" s="1"/>
  <c r="N796" i="4" s="1"/>
  <c r="M796" i="4" a="1"/>
  <c r="M796" i="4" s="1"/>
  <c r="O796" i="4" s="1"/>
  <c r="F796" i="4" a="1"/>
  <c r="F796" i="4" s="1"/>
  <c r="H796" i="4" s="1"/>
  <c r="E796" i="4" a="1"/>
  <c r="E796" i="4" s="1"/>
  <c r="G796" i="4" s="1"/>
  <c r="L808" i="4" a="1"/>
  <c r="L808" i="4" s="1"/>
  <c r="N808" i="4" s="1"/>
  <c r="M808" i="4" a="1"/>
  <c r="M808" i="4" s="1"/>
  <c r="O808" i="4" s="1"/>
  <c r="F808" i="4" a="1"/>
  <c r="F808" i="4" s="1"/>
  <c r="H808" i="4" s="1"/>
  <c r="E808" i="4" a="1"/>
  <c r="E808" i="4" s="1"/>
  <c r="G808" i="4" s="1"/>
  <c r="L820" i="4" a="1"/>
  <c r="L820" i="4" s="1"/>
  <c r="N820" i="4" s="1"/>
  <c r="M820" i="4" a="1"/>
  <c r="M820" i="4" s="1"/>
  <c r="O820" i="4" s="1"/>
  <c r="F820" i="4" a="1"/>
  <c r="F820" i="4" s="1"/>
  <c r="H820" i="4" s="1"/>
  <c r="E820" i="4" a="1"/>
  <c r="E820" i="4" s="1"/>
  <c r="G820" i="4" s="1"/>
  <c r="L832" i="4" a="1"/>
  <c r="L832" i="4" s="1"/>
  <c r="N832" i="4" s="1"/>
  <c r="M832" i="4" a="1"/>
  <c r="M832" i="4" s="1"/>
  <c r="O832" i="4" s="1"/>
  <c r="F832" i="4" a="1"/>
  <c r="F832" i="4" s="1"/>
  <c r="H832" i="4" s="1"/>
  <c r="E832" i="4" a="1"/>
  <c r="E832" i="4" s="1"/>
  <c r="G832" i="4" s="1"/>
  <c r="L844" i="4" a="1"/>
  <c r="L844" i="4" s="1"/>
  <c r="N844" i="4" s="1"/>
  <c r="M844" i="4" a="1"/>
  <c r="M844" i="4" s="1"/>
  <c r="O844" i="4" s="1"/>
  <c r="F844" i="4" a="1"/>
  <c r="F844" i="4" s="1"/>
  <c r="H844" i="4" s="1"/>
  <c r="E844" i="4" a="1"/>
  <c r="E844" i="4" s="1"/>
  <c r="G844" i="4" s="1"/>
  <c r="M856" i="4" a="1"/>
  <c r="M856" i="4" s="1"/>
  <c r="O856" i="4" s="1"/>
  <c r="L856" i="4" a="1"/>
  <c r="L856" i="4" s="1"/>
  <c r="N856" i="4" s="1"/>
  <c r="F856" i="4" a="1"/>
  <c r="F856" i="4" s="1"/>
  <c r="H856" i="4" s="1"/>
  <c r="E856" i="4" a="1"/>
  <c r="E856" i="4" s="1"/>
  <c r="G856" i="4" s="1"/>
  <c r="M868" i="4" a="1"/>
  <c r="M868" i="4" s="1"/>
  <c r="O868" i="4" s="1"/>
  <c r="L868" i="4" a="1"/>
  <c r="L868" i="4" s="1"/>
  <c r="N868" i="4" s="1"/>
  <c r="F868" i="4" a="1"/>
  <c r="F868" i="4" s="1"/>
  <c r="H868" i="4" s="1"/>
  <c r="E868" i="4" a="1"/>
  <c r="E868" i="4" s="1"/>
  <c r="G868" i="4" s="1"/>
  <c r="E82" i="4" a="1"/>
  <c r="E82" i="4" s="1"/>
  <c r="G82" i="4" s="1"/>
  <c r="E139" i="4" a="1"/>
  <c r="E139" i="4" s="1"/>
  <c r="G139" i="4" s="1"/>
  <c r="E194" i="4" a="1"/>
  <c r="E194" i="4" s="1"/>
  <c r="G194" i="4" s="1"/>
  <c r="F208" i="4" a="1"/>
  <c r="F208" i="4" s="1"/>
  <c r="H208" i="4" s="1"/>
  <c r="E834" i="4" a="1"/>
  <c r="E834" i="4" s="1"/>
  <c r="G834" i="4" s="1"/>
  <c r="E858" i="4" a="1"/>
  <c r="E858" i="4" s="1"/>
  <c r="G858" i="4" s="1"/>
  <c r="E870" i="4" a="1"/>
  <c r="E870" i="4" s="1"/>
  <c r="G870" i="4" s="1"/>
  <c r="F236" i="4" a="1"/>
  <c r="F236" i="4" s="1"/>
  <c r="H236" i="4" s="1"/>
  <c r="E861" i="4" a="1"/>
  <c r="E861" i="4" s="1"/>
  <c r="G861" i="4" s="1"/>
  <c r="E873" i="4" a="1"/>
  <c r="E873" i="4" s="1"/>
  <c r="G873" i="4" s="1"/>
  <c r="E39" i="4" a="1"/>
  <c r="E39" i="4" s="1"/>
  <c r="G39" i="4" s="1"/>
  <c r="E460" i="4" a="1"/>
  <c r="E460" i="4" s="1"/>
  <c r="G460" i="4" s="1"/>
  <c r="E591" i="4" a="1"/>
  <c r="E591" i="4" s="1"/>
  <c r="G591" i="4" s="1"/>
  <c r="E471" i="4" a="1"/>
  <c r="E471" i="4" s="1"/>
  <c r="G471" i="4" s="1"/>
  <c r="E603" i="4" a="1"/>
  <c r="E603" i="4" s="1"/>
  <c r="G603" i="4" s="1"/>
  <c r="E735" i="4" a="1"/>
  <c r="E735" i="4" s="1"/>
  <c r="G735" i="4" s="1"/>
  <c r="M35" i="4" a="1"/>
  <c r="M35" i="4" s="1"/>
  <c r="O35" i="4" s="1"/>
  <c r="L35" i="4" a="1"/>
  <c r="L35" i="4" s="1"/>
  <c r="N35" i="4" s="1"/>
  <c r="E35" i="4" a="1"/>
  <c r="E35" i="4" s="1"/>
  <c r="G35" i="4" s="1"/>
  <c r="F35" i="4" a="1"/>
  <c r="F35" i="4" s="1"/>
  <c r="H35" i="4" s="1"/>
  <c r="M47" i="4" a="1"/>
  <c r="M47" i="4" s="1"/>
  <c r="O47" i="4" s="1"/>
  <c r="L47" i="4" a="1"/>
  <c r="L47" i="4" s="1"/>
  <c r="N47" i="4" s="1"/>
  <c r="F47" i="4" a="1"/>
  <c r="F47" i="4" s="1"/>
  <c r="H47" i="4" s="1"/>
  <c r="E47" i="4" a="1"/>
  <c r="E47" i="4" s="1"/>
  <c r="G47" i="4" s="1"/>
  <c r="L59" i="4" a="1"/>
  <c r="L59" i="4" s="1"/>
  <c r="N59" i="4" s="1"/>
  <c r="M59" i="4" a="1"/>
  <c r="M59" i="4" s="1"/>
  <c r="O59" i="4" s="1"/>
  <c r="F59" i="4" a="1"/>
  <c r="F59" i="4" s="1"/>
  <c r="H59" i="4" s="1"/>
  <c r="E59" i="4" a="1"/>
  <c r="E59" i="4" s="1"/>
  <c r="G59" i="4" s="1"/>
  <c r="L71" i="4" a="1"/>
  <c r="L71" i="4" s="1"/>
  <c r="N71" i="4" s="1"/>
  <c r="M71" i="4" a="1"/>
  <c r="M71" i="4" s="1"/>
  <c r="O71" i="4" s="1"/>
  <c r="F71" i="4" a="1"/>
  <c r="F71" i="4" s="1"/>
  <c r="H71" i="4" s="1"/>
  <c r="E71" i="4" a="1"/>
  <c r="E71" i="4" s="1"/>
  <c r="G71" i="4" s="1"/>
  <c r="M83" i="4" a="1"/>
  <c r="M83" i="4" s="1"/>
  <c r="O83" i="4" s="1"/>
  <c r="L83" i="4" a="1"/>
  <c r="L83" i="4" s="1"/>
  <c r="N83" i="4" s="1"/>
  <c r="F83" i="4" a="1"/>
  <c r="F83" i="4" s="1"/>
  <c r="H83" i="4" s="1"/>
  <c r="E83" i="4" a="1"/>
  <c r="E83" i="4" s="1"/>
  <c r="G83" i="4" s="1"/>
  <c r="M95" i="4" a="1"/>
  <c r="M95" i="4" s="1"/>
  <c r="O95" i="4" s="1"/>
  <c r="L95" i="4" a="1"/>
  <c r="L95" i="4" s="1"/>
  <c r="N95" i="4" s="1"/>
  <c r="F95" i="4" a="1"/>
  <c r="F95" i="4" s="1"/>
  <c r="H95" i="4" s="1"/>
  <c r="E95" i="4" a="1"/>
  <c r="E95" i="4" s="1"/>
  <c r="G95" i="4" s="1"/>
  <c r="M107" i="4" a="1"/>
  <c r="M107" i="4" s="1"/>
  <c r="O107" i="4" s="1"/>
  <c r="L107" i="4" a="1"/>
  <c r="L107" i="4" s="1"/>
  <c r="N107" i="4" s="1"/>
  <c r="F107" i="4" a="1"/>
  <c r="F107" i="4" s="1"/>
  <c r="H107" i="4" s="1"/>
  <c r="E107" i="4" a="1"/>
  <c r="E107" i="4" s="1"/>
  <c r="G107" i="4" s="1"/>
  <c r="M119" i="4" a="1"/>
  <c r="M119" i="4" s="1"/>
  <c r="O119" i="4" s="1"/>
  <c r="L119" i="4" a="1"/>
  <c r="L119" i="4" s="1"/>
  <c r="N119" i="4" s="1"/>
  <c r="F119" i="4" a="1"/>
  <c r="F119" i="4" s="1"/>
  <c r="H119" i="4" s="1"/>
  <c r="E119" i="4" a="1"/>
  <c r="E119" i="4" s="1"/>
  <c r="G119" i="4" s="1"/>
  <c r="M131" i="4" a="1"/>
  <c r="M131" i="4" s="1"/>
  <c r="O131" i="4" s="1"/>
  <c r="L131" i="4" a="1"/>
  <c r="L131" i="4" s="1"/>
  <c r="N131" i="4" s="1"/>
  <c r="M143" i="4" a="1"/>
  <c r="M143" i="4" s="1"/>
  <c r="O143" i="4" s="1"/>
  <c r="L143" i="4" a="1"/>
  <c r="L143" i="4" s="1"/>
  <c r="N143" i="4" s="1"/>
  <c r="E143" i="4" a="1"/>
  <c r="E143" i="4" s="1"/>
  <c r="G143" i="4" s="1"/>
  <c r="E141" i="4" a="1"/>
  <c r="E141" i="4" s="1"/>
  <c r="G141" i="4" s="1"/>
  <c r="F143" i="4" a="1"/>
  <c r="F143" i="4" s="1"/>
  <c r="H143" i="4" s="1"/>
  <c r="M155" i="4" a="1"/>
  <c r="M155" i="4" s="1"/>
  <c r="O155" i="4" s="1"/>
  <c r="L155" i="4" a="1"/>
  <c r="L155" i="4" s="1"/>
  <c r="N155" i="4" s="1"/>
  <c r="E155" i="4" a="1"/>
  <c r="E155" i="4" s="1"/>
  <c r="G155" i="4" s="1"/>
  <c r="E154" i="4" a="1"/>
  <c r="E154" i="4" s="1"/>
  <c r="G154" i="4" s="1"/>
  <c r="F155" i="4" a="1"/>
  <c r="F155" i="4" s="1"/>
  <c r="H155" i="4" s="1"/>
  <c r="M167" i="4" a="1"/>
  <c r="M167" i="4" s="1"/>
  <c r="O167" i="4" s="1"/>
  <c r="L167" i="4" a="1"/>
  <c r="L167" i="4" s="1"/>
  <c r="N167" i="4" s="1"/>
  <c r="F167" i="4" a="1"/>
  <c r="F167" i="4" s="1"/>
  <c r="H167" i="4" s="1"/>
  <c r="E167" i="4" a="1"/>
  <c r="E167" i="4" s="1"/>
  <c r="G167" i="4" s="1"/>
  <c r="M179" i="4" a="1"/>
  <c r="M179" i="4" s="1"/>
  <c r="O179" i="4" s="1"/>
  <c r="L179" i="4" a="1"/>
  <c r="L179" i="4" s="1"/>
  <c r="N179" i="4" s="1"/>
  <c r="F179" i="4" a="1"/>
  <c r="F179" i="4" s="1"/>
  <c r="H179" i="4" s="1"/>
  <c r="E177" i="4" a="1"/>
  <c r="E177" i="4" s="1"/>
  <c r="G177" i="4" s="1"/>
  <c r="M191" i="4" a="1"/>
  <c r="M191" i="4" s="1"/>
  <c r="O191" i="4" s="1"/>
  <c r="L191" i="4" a="1"/>
  <c r="L191" i="4" s="1"/>
  <c r="N191" i="4" s="1"/>
  <c r="E191" i="4" a="1"/>
  <c r="E191" i="4" s="1"/>
  <c r="G191" i="4" s="1"/>
  <c r="E190" i="4" a="1"/>
  <c r="E190" i="4" s="1"/>
  <c r="G190" i="4" s="1"/>
  <c r="F191" i="4" a="1"/>
  <c r="F191" i="4" s="1"/>
  <c r="H191" i="4" s="1"/>
  <c r="M203" i="4" a="1"/>
  <c r="M203" i="4" s="1"/>
  <c r="O203" i="4" s="1"/>
  <c r="L203" i="4" a="1"/>
  <c r="L203" i="4" s="1"/>
  <c r="N203" i="4" s="1"/>
  <c r="F203" i="4" a="1"/>
  <c r="F203" i="4" s="1"/>
  <c r="H203" i="4" s="1"/>
  <c r="E203" i="4" a="1"/>
  <c r="E203" i="4" s="1"/>
  <c r="G203" i="4" s="1"/>
  <c r="M215" i="4" a="1"/>
  <c r="M215" i="4" s="1"/>
  <c r="O215" i="4" s="1"/>
  <c r="L215" i="4" a="1"/>
  <c r="L215" i="4" s="1"/>
  <c r="N215" i="4" s="1"/>
  <c r="F215" i="4" a="1"/>
  <c r="F215" i="4" s="1"/>
  <c r="H215" i="4" s="1"/>
  <c r="E215" i="4" a="1"/>
  <c r="E215" i="4" s="1"/>
  <c r="G215" i="4" s="1"/>
  <c r="E212" i="4" a="1"/>
  <c r="E212" i="4" s="1"/>
  <c r="G212" i="4" s="1"/>
  <c r="M227" i="4" a="1"/>
  <c r="M227" i="4" s="1"/>
  <c r="O227" i="4" s="1"/>
  <c r="L227" i="4" a="1"/>
  <c r="L227" i="4" s="1"/>
  <c r="N227" i="4" s="1"/>
  <c r="E227" i="4" a="1"/>
  <c r="E227" i="4" s="1"/>
  <c r="G227" i="4" s="1"/>
  <c r="E223" i="4" a="1"/>
  <c r="E223" i="4" s="1"/>
  <c r="G223" i="4" s="1"/>
  <c r="F227" i="4" a="1"/>
  <c r="F227" i="4" s="1"/>
  <c r="H227" i="4" s="1"/>
  <c r="M239" i="4" a="1"/>
  <c r="M239" i="4" s="1"/>
  <c r="O239" i="4" s="1"/>
  <c r="L239" i="4" a="1"/>
  <c r="L239" i="4" s="1"/>
  <c r="N239" i="4" s="1"/>
  <c r="F239" i="4" a="1"/>
  <c r="F239" i="4" s="1"/>
  <c r="H239" i="4" s="1"/>
  <c r="E239" i="4" a="1"/>
  <c r="E239" i="4" s="1"/>
  <c r="G239" i="4" s="1"/>
  <c r="M251" i="4" a="1"/>
  <c r="M251" i="4" s="1"/>
  <c r="O251" i="4" s="1"/>
  <c r="L251" i="4" a="1"/>
  <c r="L251" i="4" s="1"/>
  <c r="N251" i="4" s="1"/>
  <c r="F251" i="4" a="1"/>
  <c r="F251" i="4" s="1"/>
  <c r="H251" i="4" s="1"/>
  <c r="E251" i="4" a="1"/>
  <c r="E251" i="4" s="1"/>
  <c r="G251" i="4" s="1"/>
  <c r="E250" i="4" a="1"/>
  <c r="E250" i="4" s="1"/>
  <c r="G250" i="4" s="1"/>
  <c r="M263" i="4" a="1"/>
  <c r="M263" i="4" s="1"/>
  <c r="O263" i="4" s="1"/>
  <c r="L263" i="4" a="1"/>
  <c r="L263" i="4" s="1"/>
  <c r="N263" i="4" s="1"/>
  <c r="E263" i="4" a="1"/>
  <c r="E263" i="4" s="1"/>
  <c r="G263" i="4" s="1"/>
  <c r="F263" i="4" a="1"/>
  <c r="F263" i="4" s="1"/>
  <c r="H263" i="4" s="1"/>
  <c r="L275" i="4" a="1"/>
  <c r="L275" i="4" s="1"/>
  <c r="N275" i="4" s="1"/>
  <c r="M275" i="4" a="1"/>
  <c r="M275" i="4" s="1"/>
  <c r="O275" i="4" s="1"/>
  <c r="F275" i="4" a="1"/>
  <c r="F275" i="4" s="1"/>
  <c r="H275" i="4" s="1"/>
  <c r="E275" i="4" a="1"/>
  <c r="E275" i="4" s="1"/>
  <c r="G275" i="4" s="1"/>
  <c r="M287" i="4" a="1"/>
  <c r="M287" i="4" s="1"/>
  <c r="O287" i="4" s="1"/>
  <c r="L287" i="4" a="1"/>
  <c r="L287" i="4" s="1"/>
  <c r="N287" i="4" s="1"/>
  <c r="E287" i="4" a="1"/>
  <c r="E287" i="4" s="1"/>
  <c r="G287" i="4" s="1"/>
  <c r="F287" i="4" a="1"/>
  <c r="F287" i="4" s="1"/>
  <c r="H287" i="4" s="1"/>
  <c r="E285" i="4" a="1"/>
  <c r="E285" i="4" s="1"/>
  <c r="G285" i="4" s="1"/>
  <c r="M299" i="4" a="1"/>
  <c r="M299" i="4" s="1"/>
  <c r="O299" i="4" s="1"/>
  <c r="L299" i="4" a="1"/>
  <c r="L299" i="4" s="1"/>
  <c r="N299" i="4" s="1"/>
  <c r="F299" i="4" a="1"/>
  <c r="F299" i="4" s="1"/>
  <c r="H299" i="4" s="1"/>
  <c r="E299" i="4" a="1"/>
  <c r="E299" i="4" s="1"/>
  <c r="G299" i="4" s="1"/>
  <c r="L311" i="4" a="1"/>
  <c r="L311" i="4" s="1"/>
  <c r="N311" i="4" s="1"/>
  <c r="M311" i="4" a="1"/>
  <c r="M311" i="4" s="1"/>
  <c r="O311" i="4" s="1"/>
  <c r="F311" i="4" a="1"/>
  <c r="F311" i="4" s="1"/>
  <c r="H311" i="4" s="1"/>
  <c r="E311" i="4" a="1"/>
  <c r="E311" i="4" s="1"/>
  <c r="G311" i="4" s="1"/>
  <c r="M323" i="4" a="1"/>
  <c r="M323" i="4" s="1"/>
  <c r="O323" i="4" s="1"/>
  <c r="L323" i="4" a="1"/>
  <c r="L323" i="4" s="1"/>
  <c r="N323" i="4" s="1"/>
  <c r="F323" i="4" a="1"/>
  <c r="F323" i="4" s="1"/>
  <c r="H323" i="4" s="1"/>
  <c r="E323" i="4" a="1"/>
  <c r="E323" i="4" s="1"/>
  <c r="G323" i="4" s="1"/>
  <c r="L335" i="4" a="1"/>
  <c r="L335" i="4" s="1"/>
  <c r="N335" i="4" s="1"/>
  <c r="M335" i="4" a="1"/>
  <c r="M335" i="4" s="1"/>
  <c r="O335" i="4" s="1"/>
  <c r="F335" i="4" a="1"/>
  <c r="F335" i="4" s="1"/>
  <c r="H335" i="4" s="1"/>
  <c r="E335" i="4" a="1"/>
  <c r="E335" i="4" s="1"/>
  <c r="G335" i="4" s="1"/>
  <c r="L347" i="4" a="1"/>
  <c r="L347" i="4" s="1"/>
  <c r="N347" i="4" s="1"/>
  <c r="M347" i="4" a="1"/>
  <c r="M347" i="4" s="1"/>
  <c r="O347" i="4" s="1"/>
  <c r="F347" i="4" a="1"/>
  <c r="F347" i="4" s="1"/>
  <c r="H347" i="4" s="1"/>
  <c r="E347" i="4" a="1"/>
  <c r="E347" i="4" s="1"/>
  <c r="G347" i="4" s="1"/>
  <c r="L359" i="4" a="1"/>
  <c r="L359" i="4" s="1"/>
  <c r="N359" i="4" s="1"/>
  <c r="M359" i="4" a="1"/>
  <c r="M359" i="4" s="1"/>
  <c r="O359" i="4" s="1"/>
  <c r="F359" i="4" a="1"/>
  <c r="F359" i="4" s="1"/>
  <c r="H359" i="4" s="1"/>
  <c r="E359" i="4" a="1"/>
  <c r="E359" i="4" s="1"/>
  <c r="G359" i="4" s="1"/>
  <c r="M371" i="4" a="1"/>
  <c r="M371" i="4" s="1"/>
  <c r="O371" i="4" s="1"/>
  <c r="L371" i="4" a="1"/>
  <c r="L371" i="4" s="1"/>
  <c r="N371" i="4" s="1"/>
  <c r="F371" i="4" a="1"/>
  <c r="F371" i="4" s="1"/>
  <c r="H371" i="4" s="1"/>
  <c r="E371" i="4" a="1"/>
  <c r="E371" i="4" s="1"/>
  <c r="G371" i="4" s="1"/>
  <c r="M383" i="4" a="1"/>
  <c r="M383" i="4" s="1"/>
  <c r="O383" i="4" s="1"/>
  <c r="L383" i="4" a="1"/>
  <c r="L383" i="4" s="1"/>
  <c r="N383" i="4" s="1"/>
  <c r="F383" i="4" a="1"/>
  <c r="F383" i="4" s="1"/>
  <c r="H383" i="4" s="1"/>
  <c r="E383" i="4" a="1"/>
  <c r="E383" i="4" s="1"/>
  <c r="G383" i="4" s="1"/>
  <c r="M395" i="4" a="1"/>
  <c r="M395" i="4" s="1"/>
  <c r="O395" i="4" s="1"/>
  <c r="L395" i="4" a="1"/>
  <c r="L395" i="4" s="1"/>
  <c r="N395" i="4" s="1"/>
  <c r="F395" i="4" a="1"/>
  <c r="F395" i="4" s="1"/>
  <c r="H395" i="4" s="1"/>
  <c r="M407" i="4" a="1"/>
  <c r="M407" i="4" s="1"/>
  <c r="O407" i="4" s="1"/>
  <c r="L407" i="4" a="1"/>
  <c r="L407" i="4" s="1"/>
  <c r="N407" i="4" s="1"/>
  <c r="F407" i="4" a="1"/>
  <c r="F407" i="4" s="1"/>
  <c r="H407" i="4" s="1"/>
  <c r="E407" i="4" a="1"/>
  <c r="E407" i="4" s="1"/>
  <c r="G407" i="4" s="1"/>
  <c r="M419" i="4" a="1"/>
  <c r="M419" i="4" s="1"/>
  <c r="O419" i="4" s="1"/>
  <c r="L419" i="4" a="1"/>
  <c r="L419" i="4" s="1"/>
  <c r="N419" i="4" s="1"/>
  <c r="F419" i="4" a="1"/>
  <c r="F419" i="4" s="1"/>
  <c r="H419" i="4" s="1"/>
  <c r="E419" i="4" a="1"/>
  <c r="E419" i="4" s="1"/>
  <c r="G419" i="4" s="1"/>
  <c r="L431" i="4" a="1"/>
  <c r="L431" i="4" s="1"/>
  <c r="N431" i="4" s="1"/>
  <c r="M431" i="4" a="1"/>
  <c r="M431" i="4" s="1"/>
  <c r="O431" i="4" s="1"/>
  <c r="F431" i="4" a="1"/>
  <c r="F431" i="4" s="1"/>
  <c r="H431" i="4" s="1"/>
  <c r="E431" i="4" a="1"/>
  <c r="E431" i="4" s="1"/>
  <c r="G431" i="4" s="1"/>
  <c r="L443" i="4" a="1"/>
  <c r="L443" i="4" s="1"/>
  <c r="N443" i="4" s="1"/>
  <c r="M443" i="4" a="1"/>
  <c r="M443" i="4" s="1"/>
  <c r="O443" i="4" s="1"/>
  <c r="F443" i="4" a="1"/>
  <c r="F443" i="4" s="1"/>
  <c r="H443" i="4" s="1"/>
  <c r="E443" i="4" a="1"/>
  <c r="E443" i="4" s="1"/>
  <c r="G443" i="4" s="1"/>
  <c r="M455" i="4" a="1"/>
  <c r="M455" i="4" s="1"/>
  <c r="O455" i="4" s="1"/>
  <c r="L455" i="4" a="1"/>
  <c r="L455" i="4" s="1"/>
  <c r="N455" i="4" s="1"/>
  <c r="F455" i="4" a="1"/>
  <c r="F455" i="4" s="1"/>
  <c r="H455" i="4" s="1"/>
  <c r="E455" i="4" a="1"/>
  <c r="E455" i="4" s="1"/>
  <c r="G455" i="4" s="1"/>
  <c r="M467" i="4" a="1"/>
  <c r="M467" i="4" s="1"/>
  <c r="O467" i="4" s="1"/>
  <c r="L467" i="4" a="1"/>
  <c r="L467" i="4" s="1"/>
  <c r="N467" i="4" s="1"/>
  <c r="F467" i="4" a="1"/>
  <c r="F467" i="4" s="1"/>
  <c r="H467" i="4" s="1"/>
  <c r="E467" i="4" a="1"/>
  <c r="E467" i="4" s="1"/>
  <c r="G467" i="4" s="1"/>
  <c r="M479" i="4" a="1"/>
  <c r="M479" i="4" s="1"/>
  <c r="O479" i="4" s="1"/>
  <c r="L479" i="4" a="1"/>
  <c r="L479" i="4" s="1"/>
  <c r="N479" i="4" s="1"/>
  <c r="F479" i="4" a="1"/>
  <c r="F479" i="4" s="1"/>
  <c r="H479" i="4" s="1"/>
  <c r="E479" i="4" a="1"/>
  <c r="E479" i="4" s="1"/>
  <c r="G479" i="4" s="1"/>
  <c r="M491" i="4" a="1"/>
  <c r="M491" i="4" s="1"/>
  <c r="O491" i="4" s="1"/>
  <c r="L491" i="4" a="1"/>
  <c r="L491" i="4" s="1"/>
  <c r="N491" i="4" s="1"/>
  <c r="F491" i="4" a="1"/>
  <c r="F491" i="4" s="1"/>
  <c r="H491" i="4" s="1"/>
  <c r="E491" i="4" a="1"/>
  <c r="E491" i="4" s="1"/>
  <c r="G491" i="4" s="1"/>
  <c r="L503" i="4" a="1"/>
  <c r="L503" i="4" s="1"/>
  <c r="N503" i="4" s="1"/>
  <c r="M503" i="4" a="1"/>
  <c r="M503" i="4" s="1"/>
  <c r="O503" i="4" s="1"/>
  <c r="F503" i="4" a="1"/>
  <c r="F503" i="4" s="1"/>
  <c r="H503" i="4" s="1"/>
  <c r="E503" i="4" a="1"/>
  <c r="E503" i="4" s="1"/>
  <c r="G503" i="4" s="1"/>
  <c r="L515" i="4" a="1"/>
  <c r="L515" i="4" s="1"/>
  <c r="N515" i="4" s="1"/>
  <c r="M515" i="4" a="1"/>
  <c r="M515" i="4" s="1"/>
  <c r="O515" i="4" s="1"/>
  <c r="F515" i="4" a="1"/>
  <c r="F515" i="4" s="1"/>
  <c r="H515" i="4" s="1"/>
  <c r="E515" i="4" a="1"/>
  <c r="E515" i="4" s="1"/>
  <c r="G515" i="4" s="1"/>
  <c r="L527" i="4" a="1"/>
  <c r="L527" i="4" s="1"/>
  <c r="N527" i="4" s="1"/>
  <c r="M527" i="4" a="1"/>
  <c r="M527" i="4" s="1"/>
  <c r="O527" i="4" s="1"/>
  <c r="F527" i="4" a="1"/>
  <c r="F527" i="4" s="1"/>
  <c r="H527" i="4" s="1"/>
  <c r="M539" i="4" a="1"/>
  <c r="M539" i="4" s="1"/>
  <c r="O539" i="4" s="1"/>
  <c r="L539" i="4" a="1"/>
  <c r="L539" i="4" s="1"/>
  <c r="N539" i="4" s="1"/>
  <c r="F539" i="4" a="1"/>
  <c r="F539" i="4" s="1"/>
  <c r="H539" i="4" s="1"/>
  <c r="E539" i="4" a="1"/>
  <c r="E539" i="4" s="1"/>
  <c r="G539" i="4" s="1"/>
  <c r="M551" i="4" a="1"/>
  <c r="M551" i="4" s="1"/>
  <c r="O551" i="4" s="1"/>
  <c r="L551" i="4" a="1"/>
  <c r="L551" i="4" s="1"/>
  <c r="N551" i="4" s="1"/>
  <c r="F551" i="4" a="1"/>
  <c r="F551" i="4" s="1"/>
  <c r="H551" i="4" s="1"/>
  <c r="E551" i="4" a="1"/>
  <c r="E551" i="4" s="1"/>
  <c r="G551" i="4" s="1"/>
  <c r="M563" i="4" a="1"/>
  <c r="M563" i="4" s="1"/>
  <c r="O563" i="4" s="1"/>
  <c r="L563" i="4" a="1"/>
  <c r="L563" i="4" s="1"/>
  <c r="N563" i="4" s="1"/>
  <c r="F563" i="4" a="1"/>
  <c r="F563" i="4" s="1"/>
  <c r="H563" i="4" s="1"/>
  <c r="E563" i="4" a="1"/>
  <c r="E563" i="4" s="1"/>
  <c r="G563" i="4" s="1"/>
  <c r="M575" i="4" a="1"/>
  <c r="M575" i="4" s="1"/>
  <c r="O575" i="4" s="1"/>
  <c r="L575" i="4" a="1"/>
  <c r="L575" i="4" s="1"/>
  <c r="N575" i="4" s="1"/>
  <c r="F575" i="4" a="1"/>
  <c r="F575" i="4" s="1"/>
  <c r="H575" i="4" s="1"/>
  <c r="E575" i="4" a="1"/>
  <c r="E575" i="4" s="1"/>
  <c r="G575" i="4" s="1"/>
  <c r="L587" i="4" a="1"/>
  <c r="L587" i="4" s="1"/>
  <c r="N587" i="4" s="1"/>
  <c r="M587" i="4" a="1"/>
  <c r="M587" i="4" s="1"/>
  <c r="O587" i="4" s="1"/>
  <c r="E587" i="4" a="1"/>
  <c r="E587" i="4" s="1"/>
  <c r="G587" i="4" s="1"/>
  <c r="F587" i="4" a="1"/>
  <c r="F587" i="4" s="1"/>
  <c r="H587" i="4" s="1"/>
  <c r="L599" i="4" a="1"/>
  <c r="L599" i="4" s="1"/>
  <c r="N599" i="4" s="1"/>
  <c r="M599" i="4" a="1"/>
  <c r="M599" i="4" s="1"/>
  <c r="O599" i="4" s="1"/>
  <c r="F599" i="4" a="1"/>
  <c r="F599" i="4" s="1"/>
  <c r="H599" i="4" s="1"/>
  <c r="E599" i="4" a="1"/>
  <c r="E599" i="4" s="1"/>
  <c r="G599" i="4" s="1"/>
  <c r="L611" i="4" a="1"/>
  <c r="L611" i="4" s="1"/>
  <c r="N611" i="4" s="1"/>
  <c r="M611" i="4" a="1"/>
  <c r="M611" i="4" s="1"/>
  <c r="O611" i="4" s="1"/>
  <c r="F611" i="4" a="1"/>
  <c r="F611" i="4" s="1"/>
  <c r="H611" i="4" s="1"/>
  <c r="E611" i="4" a="1"/>
  <c r="E611" i="4" s="1"/>
  <c r="G611" i="4" s="1"/>
  <c r="L623" i="4" a="1"/>
  <c r="L623" i="4" s="1"/>
  <c r="N623" i="4" s="1"/>
  <c r="M623" i="4" a="1"/>
  <c r="M623" i="4" s="1"/>
  <c r="O623" i="4" s="1"/>
  <c r="F623" i="4" a="1"/>
  <c r="F623" i="4" s="1"/>
  <c r="H623" i="4" s="1"/>
  <c r="E623" i="4" a="1"/>
  <c r="E623" i="4" s="1"/>
  <c r="G623" i="4" s="1"/>
  <c r="L635" i="4" a="1"/>
  <c r="L635" i="4" s="1"/>
  <c r="N635" i="4" s="1"/>
  <c r="M635" i="4" a="1"/>
  <c r="M635" i="4" s="1"/>
  <c r="O635" i="4" s="1"/>
  <c r="F635" i="4" a="1"/>
  <c r="F635" i="4" s="1"/>
  <c r="H635" i="4" s="1"/>
  <c r="E635" i="4" a="1"/>
  <c r="E635" i="4" s="1"/>
  <c r="G635" i="4" s="1"/>
  <c r="M647" i="4" a="1"/>
  <c r="M647" i="4" s="1"/>
  <c r="O647" i="4" s="1"/>
  <c r="L647" i="4" a="1"/>
  <c r="L647" i="4" s="1"/>
  <c r="N647" i="4" s="1"/>
  <c r="F647" i="4" a="1"/>
  <c r="F647" i="4" s="1"/>
  <c r="H647" i="4" s="1"/>
  <c r="M659" i="4" a="1"/>
  <c r="M659" i="4" s="1"/>
  <c r="O659" i="4" s="1"/>
  <c r="L659" i="4" a="1"/>
  <c r="L659" i="4" s="1"/>
  <c r="N659" i="4" s="1"/>
  <c r="F659" i="4" a="1"/>
  <c r="F659" i="4" s="1"/>
  <c r="H659" i="4" s="1"/>
  <c r="E659" i="4" a="1"/>
  <c r="E659" i="4" s="1"/>
  <c r="G659" i="4" s="1"/>
  <c r="M671" i="4" a="1"/>
  <c r="M671" i="4" s="1"/>
  <c r="O671" i="4" s="1"/>
  <c r="L671" i="4" a="1"/>
  <c r="L671" i="4" s="1"/>
  <c r="N671" i="4" s="1"/>
  <c r="F671" i="4" a="1"/>
  <c r="F671" i="4" s="1"/>
  <c r="H671" i="4" s="1"/>
  <c r="E671" i="4" a="1"/>
  <c r="E671" i="4" s="1"/>
  <c r="G671" i="4" s="1"/>
  <c r="M683" i="4" a="1"/>
  <c r="M683" i="4" s="1"/>
  <c r="O683" i="4" s="1"/>
  <c r="L683" i="4" a="1"/>
  <c r="L683" i="4" s="1"/>
  <c r="N683" i="4" s="1"/>
  <c r="F683" i="4" a="1"/>
  <c r="F683" i="4" s="1"/>
  <c r="H683" i="4" s="1"/>
  <c r="E683" i="4" a="1"/>
  <c r="E683" i="4" s="1"/>
  <c r="G683" i="4" s="1"/>
  <c r="M695" i="4" a="1"/>
  <c r="M695" i="4" s="1"/>
  <c r="O695" i="4" s="1"/>
  <c r="L695" i="4" a="1"/>
  <c r="L695" i="4" s="1"/>
  <c r="N695" i="4" s="1"/>
  <c r="F695" i="4" a="1"/>
  <c r="F695" i="4" s="1"/>
  <c r="H695" i="4" s="1"/>
  <c r="E695" i="4" a="1"/>
  <c r="E695" i="4" s="1"/>
  <c r="G695" i="4" s="1"/>
  <c r="M707" i="4" a="1"/>
  <c r="M707" i="4" s="1"/>
  <c r="O707" i="4" s="1"/>
  <c r="L707" i="4" a="1"/>
  <c r="L707" i="4" s="1"/>
  <c r="N707" i="4" s="1"/>
  <c r="F707" i="4" a="1"/>
  <c r="F707" i="4" s="1"/>
  <c r="H707" i="4" s="1"/>
  <c r="E707" i="4" a="1"/>
  <c r="E707" i="4" s="1"/>
  <c r="G707" i="4" s="1"/>
  <c r="M719" i="4" a="1"/>
  <c r="M719" i="4" s="1"/>
  <c r="O719" i="4" s="1"/>
  <c r="L719" i="4" a="1"/>
  <c r="L719" i="4" s="1"/>
  <c r="N719" i="4" s="1"/>
  <c r="F719" i="4" a="1"/>
  <c r="F719" i="4" s="1"/>
  <c r="H719" i="4" s="1"/>
  <c r="E719" i="4" a="1"/>
  <c r="E719" i="4" s="1"/>
  <c r="G719" i="4" s="1"/>
  <c r="M731" i="4" a="1"/>
  <c r="M731" i="4" s="1"/>
  <c r="O731" i="4" s="1"/>
  <c r="L731" i="4" a="1"/>
  <c r="L731" i="4" s="1"/>
  <c r="N731" i="4" s="1"/>
  <c r="F731" i="4" a="1"/>
  <c r="F731" i="4" s="1"/>
  <c r="H731" i="4" s="1"/>
  <c r="E731" i="4" a="1"/>
  <c r="E731" i="4" s="1"/>
  <c r="G731" i="4" s="1"/>
  <c r="M743" i="4" a="1"/>
  <c r="M743" i="4" s="1"/>
  <c r="O743" i="4" s="1"/>
  <c r="L743" i="4" a="1"/>
  <c r="L743" i="4" s="1"/>
  <c r="N743" i="4" s="1"/>
  <c r="F743" i="4" a="1"/>
  <c r="F743" i="4" s="1"/>
  <c r="H743" i="4" s="1"/>
  <c r="E743" i="4" a="1"/>
  <c r="E743" i="4" s="1"/>
  <c r="G743" i="4" s="1"/>
  <c r="M755" i="4" a="1"/>
  <c r="M755" i="4" s="1"/>
  <c r="O755" i="4" s="1"/>
  <c r="L755" i="4" a="1"/>
  <c r="L755" i="4" s="1"/>
  <c r="N755" i="4" s="1"/>
  <c r="F755" i="4" a="1"/>
  <c r="F755" i="4" s="1"/>
  <c r="H755" i="4" s="1"/>
  <c r="E755" i="4" a="1"/>
  <c r="E755" i="4" s="1"/>
  <c r="G755" i="4" s="1"/>
  <c r="M767" i="4" a="1"/>
  <c r="M767" i="4" s="1"/>
  <c r="O767" i="4" s="1"/>
  <c r="L767" i="4" a="1"/>
  <c r="L767" i="4" s="1"/>
  <c r="N767" i="4" s="1"/>
  <c r="F767" i="4" a="1"/>
  <c r="F767" i="4" s="1"/>
  <c r="H767" i="4" s="1"/>
  <c r="E767" i="4" a="1"/>
  <c r="E767" i="4" s="1"/>
  <c r="G767" i="4" s="1"/>
  <c r="M779" i="4" a="1"/>
  <c r="M779" i="4" s="1"/>
  <c r="O779" i="4" s="1"/>
  <c r="L779" i="4" a="1"/>
  <c r="L779" i="4" s="1"/>
  <c r="N779" i="4" s="1"/>
  <c r="F779" i="4" a="1"/>
  <c r="F779" i="4" s="1"/>
  <c r="H779" i="4" s="1"/>
  <c r="E779" i="4" a="1"/>
  <c r="E779" i="4" s="1"/>
  <c r="G779" i="4" s="1"/>
  <c r="M791" i="4" a="1"/>
  <c r="M791" i="4" s="1"/>
  <c r="O791" i="4" s="1"/>
  <c r="L791" i="4" a="1"/>
  <c r="L791" i="4" s="1"/>
  <c r="N791" i="4" s="1"/>
  <c r="F791" i="4" a="1"/>
  <c r="F791" i="4" s="1"/>
  <c r="H791" i="4" s="1"/>
  <c r="M803" i="4" a="1"/>
  <c r="M803" i="4" s="1"/>
  <c r="O803" i="4" s="1"/>
  <c r="L803" i="4" a="1"/>
  <c r="L803" i="4" s="1"/>
  <c r="N803" i="4" s="1"/>
  <c r="F803" i="4" a="1"/>
  <c r="F803" i="4" s="1"/>
  <c r="H803" i="4" s="1"/>
  <c r="E803" i="4" a="1"/>
  <c r="E803" i="4" s="1"/>
  <c r="G803" i="4" s="1"/>
  <c r="L815" i="4" a="1"/>
  <c r="L815" i="4" s="1"/>
  <c r="N815" i="4" s="1"/>
  <c r="M815" i="4" a="1"/>
  <c r="M815" i="4" s="1"/>
  <c r="O815" i="4" s="1"/>
  <c r="F815" i="4" a="1"/>
  <c r="F815" i="4" s="1"/>
  <c r="H815" i="4" s="1"/>
  <c r="E815" i="4" a="1"/>
  <c r="E815" i="4" s="1"/>
  <c r="G815" i="4" s="1"/>
  <c r="L827" i="4" a="1"/>
  <c r="L827" i="4" s="1"/>
  <c r="N827" i="4" s="1"/>
  <c r="M827" i="4" a="1"/>
  <c r="M827" i="4" s="1"/>
  <c r="O827" i="4" s="1"/>
  <c r="F827" i="4" a="1"/>
  <c r="F827" i="4" s="1"/>
  <c r="H827" i="4" s="1"/>
  <c r="E827" i="4" a="1"/>
  <c r="E827" i="4" s="1"/>
  <c r="G827" i="4" s="1"/>
  <c r="L839" i="4" a="1"/>
  <c r="L839" i="4" s="1"/>
  <c r="N839" i="4" s="1"/>
  <c r="M839" i="4" a="1"/>
  <c r="M839" i="4" s="1"/>
  <c r="O839" i="4" s="1"/>
  <c r="F839" i="4" a="1"/>
  <c r="F839" i="4" s="1"/>
  <c r="H839" i="4" s="1"/>
  <c r="E839" i="4" a="1"/>
  <c r="E839" i="4" s="1"/>
  <c r="G839" i="4" s="1"/>
  <c r="L851" i="4" a="1"/>
  <c r="L851" i="4" s="1"/>
  <c r="N851" i="4" s="1"/>
  <c r="M851" i="4" a="1"/>
  <c r="M851" i="4" s="1"/>
  <c r="O851" i="4" s="1"/>
  <c r="F851" i="4" a="1"/>
  <c r="F851" i="4" s="1"/>
  <c r="H851" i="4" s="1"/>
  <c r="E851" i="4" a="1"/>
  <c r="E851" i="4" s="1"/>
  <c r="G851" i="4" s="1"/>
  <c r="L863" i="4" a="1"/>
  <c r="L863" i="4" s="1"/>
  <c r="N863" i="4" s="1"/>
  <c r="M863" i="4" a="1"/>
  <c r="M863" i="4" s="1"/>
  <c r="O863" i="4" s="1"/>
  <c r="F863" i="4" a="1"/>
  <c r="F863" i="4" s="1"/>
  <c r="H863" i="4" s="1"/>
  <c r="E863" i="4" a="1"/>
  <c r="E863" i="4" s="1"/>
  <c r="G863" i="4" s="1"/>
  <c r="E51" i="4" a="1"/>
  <c r="E51" i="4" s="1"/>
  <c r="G51" i="4" s="1"/>
  <c r="E117" i="4" a="1"/>
  <c r="E117" i="4" s="1"/>
  <c r="G117" i="4" s="1"/>
  <c r="E171" i="4" a="1"/>
  <c r="E171" i="4" s="1"/>
  <c r="G171" i="4" s="1"/>
  <c r="E256" i="4" a="1"/>
  <c r="E256" i="4" s="1"/>
  <c r="G256" i="4" s="1"/>
  <c r="E357" i="4" a="1"/>
  <c r="E357" i="4" s="1"/>
  <c r="G357" i="4" s="1"/>
  <c r="E747" i="4" a="1"/>
  <c r="E747" i="4" s="1"/>
  <c r="G747" i="4" s="1"/>
  <c r="F153" i="4" a="1"/>
  <c r="F153" i="4" s="1"/>
  <c r="H153" i="4" s="1"/>
  <c r="F120" i="4" a="1"/>
  <c r="F120" i="4" s="1"/>
  <c r="H120" i="4" s="1"/>
  <c r="E264" i="4" a="1"/>
  <c r="E264" i="4" s="1"/>
  <c r="G264" i="4" s="1"/>
  <c r="F372" i="4" a="1"/>
  <c r="F372" i="4" s="1"/>
  <c r="H372" i="4" s="1"/>
  <c r="F444" i="4" a="1"/>
  <c r="F444" i="4" s="1"/>
  <c r="H444" i="4" s="1"/>
  <c r="E624" i="4" a="1"/>
  <c r="E624" i="4" s="1"/>
  <c r="G624" i="4" s="1"/>
  <c r="F74" i="4" a="1"/>
  <c r="F74" i="4" s="1"/>
  <c r="H74" i="4" s="1"/>
  <c r="F122" i="4" a="1"/>
  <c r="F122" i="4" s="1"/>
  <c r="H122" i="4" s="1"/>
  <c r="E158" i="4" a="1"/>
  <c r="E158" i="4" s="1"/>
  <c r="G158" i="4" s="1"/>
  <c r="E266" i="4" a="1"/>
  <c r="E266" i="4" s="1"/>
  <c r="G266" i="4" s="1"/>
  <c r="F278" i="4" a="1"/>
  <c r="F278" i="4" s="1"/>
  <c r="H278" i="4" s="1"/>
  <c r="E350" i="4" a="1"/>
  <c r="E350" i="4" s="1"/>
  <c r="G350" i="4" s="1"/>
  <c r="E374" i="4" a="1"/>
  <c r="E374" i="4" s="1"/>
  <c r="G374" i="4" s="1"/>
  <c r="E386" i="4" a="1"/>
  <c r="E386" i="4" s="1"/>
  <c r="G386" i="4" s="1"/>
  <c r="E482" i="4" a="1"/>
  <c r="E482" i="4" s="1"/>
  <c r="G482" i="4" s="1"/>
  <c r="E518" i="4" a="1"/>
  <c r="E518" i="4" s="1"/>
  <c r="G518" i="4" s="1"/>
  <c r="E590" i="4" a="1"/>
  <c r="E590" i="4" s="1"/>
  <c r="G590" i="4" s="1"/>
  <c r="E602" i="4" a="1"/>
  <c r="E602" i="4" s="1"/>
  <c r="G602" i="4" s="1"/>
  <c r="E614" i="4" a="1"/>
  <c r="E614" i="4" s="1"/>
  <c r="G614" i="4" s="1"/>
  <c r="E626" i="4" a="1"/>
  <c r="E626" i="4" s="1"/>
  <c r="G626" i="4" s="1"/>
  <c r="E746" i="4" a="1"/>
  <c r="E746" i="4" s="1"/>
  <c r="G746" i="4" s="1"/>
  <c r="E758" i="4" a="1"/>
  <c r="E758" i="4" s="1"/>
  <c r="G758" i="4" s="1"/>
  <c r="F770" i="4" a="1"/>
  <c r="F770" i="4" s="1"/>
  <c r="H770" i="4" s="1"/>
  <c r="E70" i="4" a="1"/>
  <c r="E70" i="4" s="1"/>
  <c r="G70" i="4" s="1"/>
  <c r="E131" i="4" a="1"/>
  <c r="E131" i="4" s="1"/>
  <c r="G131" i="4" s="1"/>
  <c r="E647" i="4" a="1"/>
  <c r="E647" i="4" s="1"/>
  <c r="G647" i="4" s="1"/>
  <c r="E780" i="4" a="1"/>
  <c r="E780" i="4" s="1"/>
  <c r="G780" i="4" s="1"/>
  <c r="F64" i="4" a="1"/>
  <c r="F64" i="4" s="1"/>
  <c r="H64" i="4" s="1"/>
  <c r="F448" i="4" a="1"/>
  <c r="F448" i="4" s="1"/>
  <c r="H448" i="4" s="1"/>
  <c r="F63" i="4" a="1"/>
  <c r="F63" i="4" s="1"/>
  <c r="H63" i="4" s="1"/>
  <c r="F75" i="4" a="1"/>
  <c r="F75" i="4" s="1"/>
  <c r="H75" i="4" s="1"/>
  <c r="F111" i="4" a="1"/>
  <c r="F111" i="4" s="1"/>
  <c r="H111" i="4" s="1"/>
  <c r="F123" i="4" a="1"/>
  <c r="F123" i="4" s="1"/>
  <c r="H123" i="4" s="1"/>
  <c r="E159" i="4" a="1"/>
  <c r="E159" i="4" s="1"/>
  <c r="G159" i="4" s="1"/>
  <c r="F195" i="4" a="1"/>
  <c r="F195" i="4" s="1"/>
  <c r="H195" i="4" s="1"/>
  <c r="F207" i="4" a="1"/>
  <c r="F207" i="4" s="1"/>
  <c r="H207" i="4" s="1"/>
  <c r="F219" i="4" a="1"/>
  <c r="F219" i="4" s="1"/>
  <c r="H219" i="4" s="1"/>
  <c r="E255" i="4" a="1"/>
  <c r="E255" i="4" s="1"/>
  <c r="G255" i="4" s="1"/>
  <c r="E267" i="4" a="1"/>
  <c r="E267" i="4" s="1"/>
  <c r="G267" i="4" s="1"/>
  <c r="E291" i="4" a="1"/>
  <c r="E291" i="4" s="1"/>
  <c r="G291" i="4" s="1"/>
  <c r="E315" i="4" a="1"/>
  <c r="E315" i="4" s="1"/>
  <c r="G315" i="4" s="1"/>
  <c r="E351" i="4" a="1"/>
  <c r="E351" i="4" s="1"/>
  <c r="G351" i="4" s="1"/>
  <c r="E375" i="4" a="1"/>
  <c r="E375" i="4" s="1"/>
  <c r="G375" i="4" s="1"/>
  <c r="E387" i="4" a="1"/>
  <c r="E387" i="4" s="1"/>
  <c r="G387" i="4" s="1"/>
  <c r="E459" i="4" a="1"/>
  <c r="E459" i="4" s="1"/>
  <c r="G459" i="4" s="1"/>
  <c r="E483" i="4" a="1"/>
  <c r="E483" i="4" s="1"/>
  <c r="G483" i="4" s="1"/>
  <c r="E495" i="4" a="1"/>
  <c r="E495" i="4" s="1"/>
  <c r="G495" i="4" s="1"/>
  <c r="E507" i="4" a="1"/>
  <c r="E507" i="4" s="1"/>
  <c r="G507" i="4" s="1"/>
  <c r="F519" i="4" a="1"/>
  <c r="F519" i="4" s="1"/>
  <c r="H519" i="4" s="1"/>
  <c r="E615" i="4" a="1"/>
  <c r="E615" i="4" s="1"/>
  <c r="G615" i="4" s="1"/>
  <c r="E627" i="4" a="1"/>
  <c r="E627" i="4" s="1"/>
  <c r="G627" i="4" s="1"/>
  <c r="E759" i="4" a="1"/>
  <c r="E759" i="4" s="1"/>
  <c r="G759" i="4" s="1"/>
  <c r="E771" i="4" a="1"/>
  <c r="E771" i="4" s="1"/>
  <c r="G771" i="4" s="1"/>
  <c r="E75" i="4" a="1"/>
  <c r="E75" i="4" s="1"/>
  <c r="G75" i="4" s="1"/>
  <c r="E135" i="4" a="1"/>
  <c r="E135" i="4" s="1"/>
  <c r="G135" i="4" s="1"/>
  <c r="E188" i="4" a="1"/>
  <c r="E188" i="4" s="1"/>
  <c r="G188" i="4" s="1"/>
  <c r="E290" i="4" a="1"/>
  <c r="E290" i="4" s="1"/>
  <c r="G290" i="4" s="1"/>
  <c r="E395" i="4" a="1"/>
  <c r="E395" i="4" s="1"/>
  <c r="G395" i="4" s="1"/>
  <c r="E527" i="4" a="1"/>
  <c r="E527" i="4" s="1"/>
  <c r="G527" i="4" s="1"/>
  <c r="E658" i="4" a="1"/>
  <c r="E658" i="4" s="1"/>
  <c r="G658" i="4" s="1"/>
  <c r="E791" i="4" a="1"/>
  <c r="E791" i="4" s="1"/>
  <c r="G791" i="4" s="1"/>
  <c r="F196" i="4" a="1"/>
  <c r="F196" i="4" s="1"/>
  <c r="H196" i="4" s="1"/>
  <c r="M34" i="4" a="1"/>
  <c r="M34" i="4" s="1"/>
  <c r="O34" i="4" s="1"/>
  <c r="L34" i="4" a="1"/>
  <c r="L34" i="4" s="1"/>
  <c r="N34" i="4" s="1"/>
  <c r="M46" i="4" a="1"/>
  <c r="M46" i="4" s="1"/>
  <c r="O46" i="4" s="1"/>
  <c r="L46" i="4" a="1"/>
  <c r="L46" i="4" s="1"/>
  <c r="N46" i="4" s="1"/>
  <c r="M58" i="4" a="1"/>
  <c r="M58" i="4" s="1"/>
  <c r="O58" i="4" s="1"/>
  <c r="L58" i="4" a="1"/>
  <c r="L58" i="4" s="1"/>
  <c r="N58" i="4" s="1"/>
  <c r="M70" i="4" a="1"/>
  <c r="M70" i="4" s="1"/>
  <c r="O70" i="4" s="1"/>
  <c r="L70" i="4" a="1"/>
  <c r="L70" i="4" s="1"/>
  <c r="N70" i="4" s="1"/>
  <c r="M82" i="4" a="1"/>
  <c r="M82" i="4" s="1"/>
  <c r="O82" i="4" s="1"/>
  <c r="L82" i="4" a="1"/>
  <c r="L82" i="4" s="1"/>
  <c r="N82" i="4" s="1"/>
  <c r="M94" i="4" a="1"/>
  <c r="M94" i="4" s="1"/>
  <c r="O94" i="4" s="1"/>
  <c r="L94" i="4" a="1"/>
  <c r="L94" i="4" s="1"/>
  <c r="N94" i="4" s="1"/>
  <c r="M106" i="4" a="1"/>
  <c r="M106" i="4" s="1"/>
  <c r="O106" i="4" s="1"/>
  <c r="L106" i="4" a="1"/>
  <c r="L106" i="4" s="1"/>
  <c r="N106" i="4" s="1"/>
  <c r="M118" i="4" a="1"/>
  <c r="M118" i="4" s="1"/>
  <c r="O118" i="4" s="1"/>
  <c r="L118" i="4" a="1"/>
  <c r="L118" i="4" s="1"/>
  <c r="N118" i="4" s="1"/>
  <c r="M130" i="4" a="1"/>
  <c r="M130" i="4" s="1"/>
  <c r="O130" i="4" s="1"/>
  <c r="L130" i="4" a="1"/>
  <c r="L130" i="4" s="1"/>
  <c r="N130" i="4" s="1"/>
  <c r="M142" i="4" a="1"/>
  <c r="M142" i="4" s="1"/>
  <c r="O142" i="4" s="1"/>
  <c r="L142" i="4" a="1"/>
  <c r="L142" i="4" s="1"/>
  <c r="N142" i="4" s="1"/>
  <c r="M154" i="4" a="1"/>
  <c r="M154" i="4" s="1"/>
  <c r="O154" i="4" s="1"/>
  <c r="L154" i="4" a="1"/>
  <c r="L154" i="4" s="1"/>
  <c r="N154" i="4" s="1"/>
  <c r="M166" i="4" a="1"/>
  <c r="M166" i="4" s="1"/>
  <c r="O166" i="4" s="1"/>
  <c r="L166" i="4" a="1"/>
  <c r="L166" i="4" s="1"/>
  <c r="N166" i="4" s="1"/>
  <c r="M178" i="4" a="1"/>
  <c r="M178" i="4" s="1"/>
  <c r="O178" i="4" s="1"/>
  <c r="L178" i="4" a="1"/>
  <c r="L178" i="4" s="1"/>
  <c r="N178" i="4" s="1"/>
  <c r="M190" i="4" a="1"/>
  <c r="M190" i="4" s="1"/>
  <c r="O190" i="4" s="1"/>
  <c r="L190" i="4" a="1"/>
  <c r="L190" i="4" s="1"/>
  <c r="N190" i="4" s="1"/>
  <c r="M202" i="4" a="1"/>
  <c r="M202" i="4" s="1"/>
  <c r="O202" i="4" s="1"/>
  <c r="L202" i="4" a="1"/>
  <c r="L202" i="4" s="1"/>
  <c r="N202" i="4" s="1"/>
  <c r="M214" i="4" a="1"/>
  <c r="M214" i="4" s="1"/>
  <c r="O214" i="4" s="1"/>
  <c r="L214" i="4" a="1"/>
  <c r="L214" i="4" s="1"/>
  <c r="N214" i="4" s="1"/>
  <c r="F214" i="4" a="1"/>
  <c r="F214" i="4" s="1"/>
  <c r="H214" i="4" s="1"/>
  <c r="M226" i="4" a="1"/>
  <c r="M226" i="4" s="1"/>
  <c r="O226" i="4" s="1"/>
  <c r="L226" i="4" a="1"/>
  <c r="L226" i="4" s="1"/>
  <c r="N226" i="4" s="1"/>
  <c r="M238" i="4" a="1"/>
  <c r="M238" i="4" s="1"/>
  <c r="O238" i="4" s="1"/>
  <c r="L238" i="4" a="1"/>
  <c r="L238" i="4" s="1"/>
  <c r="N238" i="4" s="1"/>
  <c r="L250" i="4" a="1"/>
  <c r="L250" i="4" s="1"/>
  <c r="N250" i="4" s="1"/>
  <c r="F250" i="4" a="1"/>
  <c r="F250" i="4" s="1"/>
  <c r="H250" i="4" s="1"/>
  <c r="M250" i="4" a="1"/>
  <c r="M250" i="4" s="1"/>
  <c r="O250" i="4" s="1"/>
  <c r="M262" i="4" a="1"/>
  <c r="M262" i="4" s="1"/>
  <c r="O262" i="4" s="1"/>
  <c r="F262" i="4" a="1"/>
  <c r="F262" i="4" s="1"/>
  <c r="H262" i="4" s="1"/>
  <c r="M274" i="4" a="1"/>
  <c r="M274" i="4" s="1"/>
  <c r="O274" i="4" s="1"/>
  <c r="L274" i="4" a="1"/>
  <c r="L274" i="4" s="1"/>
  <c r="N274" i="4" s="1"/>
  <c r="M286" i="4" a="1"/>
  <c r="M286" i="4" s="1"/>
  <c r="O286" i="4" s="1"/>
  <c r="L286" i="4" a="1"/>
  <c r="L286" i="4" s="1"/>
  <c r="N286" i="4" s="1"/>
  <c r="F286" i="4" a="1"/>
  <c r="F286" i="4" s="1"/>
  <c r="H286" i="4" s="1"/>
  <c r="M298" i="4" a="1"/>
  <c r="M298" i="4" s="1"/>
  <c r="O298" i="4" s="1"/>
  <c r="L298" i="4" a="1"/>
  <c r="L298" i="4" s="1"/>
  <c r="N298" i="4" s="1"/>
  <c r="L310" i="4" a="1"/>
  <c r="L310" i="4" s="1"/>
  <c r="N310" i="4" s="1"/>
  <c r="M310" i="4" a="1"/>
  <c r="M310" i="4" s="1"/>
  <c r="O310" i="4" s="1"/>
  <c r="M322" i="4" a="1"/>
  <c r="M322" i="4" s="1"/>
  <c r="O322" i="4" s="1"/>
  <c r="L322" i="4" a="1"/>
  <c r="L322" i="4" s="1"/>
  <c r="N322" i="4" s="1"/>
  <c r="F322" i="4" a="1"/>
  <c r="F322" i="4" s="1"/>
  <c r="H322" i="4" s="1"/>
  <c r="M334" i="4" a="1"/>
  <c r="M334" i="4" s="1"/>
  <c r="O334" i="4" s="1"/>
  <c r="L334" i="4" a="1"/>
  <c r="L334" i="4" s="1"/>
  <c r="N334" i="4" s="1"/>
  <c r="L346" i="4" a="1"/>
  <c r="L346" i="4" s="1"/>
  <c r="N346" i="4" s="1"/>
  <c r="M346" i="4" a="1"/>
  <c r="M346" i="4" s="1"/>
  <c r="O346" i="4" s="1"/>
  <c r="F346" i="4" a="1"/>
  <c r="F346" i="4" s="1"/>
  <c r="H346" i="4" s="1"/>
  <c r="M358" i="4" a="1"/>
  <c r="M358" i="4" s="1"/>
  <c r="O358" i="4" s="1"/>
  <c r="L358" i="4" a="1"/>
  <c r="L358" i="4" s="1"/>
  <c r="N358" i="4" s="1"/>
  <c r="F358" i="4" a="1"/>
  <c r="F358" i="4" s="1"/>
  <c r="H358" i="4" s="1"/>
  <c r="L370" i="4" a="1"/>
  <c r="L370" i="4" s="1"/>
  <c r="N370" i="4" s="1"/>
  <c r="M370" i="4" a="1"/>
  <c r="M370" i="4" s="1"/>
  <c r="O370" i="4" s="1"/>
  <c r="F370" i="4" a="1"/>
  <c r="F370" i="4" s="1"/>
  <c r="H370" i="4" s="1"/>
  <c r="M382" i="4" a="1"/>
  <c r="M382" i="4" s="1"/>
  <c r="O382" i="4" s="1"/>
  <c r="L382" i="4" a="1"/>
  <c r="L382" i="4" s="1"/>
  <c r="N382" i="4" s="1"/>
  <c r="F382" i="4" a="1"/>
  <c r="F382" i="4" s="1"/>
  <c r="H382" i="4" s="1"/>
  <c r="M394" i="4" a="1"/>
  <c r="M394" i="4" s="1"/>
  <c r="O394" i="4" s="1"/>
  <c r="L394" i="4" a="1"/>
  <c r="L394" i="4" s="1"/>
  <c r="N394" i="4" s="1"/>
  <c r="F394" i="4" a="1"/>
  <c r="F394" i="4" s="1"/>
  <c r="H394" i="4" s="1"/>
  <c r="M406" i="4" a="1"/>
  <c r="M406" i="4" s="1"/>
  <c r="O406" i="4" s="1"/>
  <c r="L406" i="4" a="1"/>
  <c r="L406" i="4" s="1"/>
  <c r="N406" i="4" s="1"/>
  <c r="F406" i="4" a="1"/>
  <c r="F406" i="4" s="1"/>
  <c r="H406" i="4" s="1"/>
  <c r="M418" i="4" a="1"/>
  <c r="M418" i="4" s="1"/>
  <c r="O418" i="4" s="1"/>
  <c r="L418" i="4" a="1"/>
  <c r="L418" i="4" s="1"/>
  <c r="N418" i="4" s="1"/>
  <c r="M430" i="4" a="1"/>
  <c r="M430" i="4" s="1"/>
  <c r="O430" i="4" s="1"/>
  <c r="L430" i="4" a="1"/>
  <c r="L430" i="4" s="1"/>
  <c r="N430" i="4" s="1"/>
  <c r="F430" i="4" a="1"/>
  <c r="F430" i="4" s="1"/>
  <c r="H430" i="4" s="1"/>
  <c r="L442" i="4" a="1"/>
  <c r="L442" i="4" s="1"/>
  <c r="N442" i="4" s="1"/>
  <c r="M442" i="4" a="1"/>
  <c r="M442" i="4" s="1"/>
  <c r="O442" i="4" s="1"/>
  <c r="L454" i="4" a="1"/>
  <c r="L454" i="4" s="1"/>
  <c r="N454" i="4" s="1"/>
  <c r="M454" i="4" a="1"/>
  <c r="M454" i="4" s="1"/>
  <c r="O454" i="4" s="1"/>
  <c r="F454" i="4" a="1"/>
  <c r="F454" i="4" s="1"/>
  <c r="H454" i="4" s="1"/>
  <c r="M466" i="4" a="1"/>
  <c r="M466" i="4" s="1"/>
  <c r="O466" i="4" s="1"/>
  <c r="L466" i="4" a="1"/>
  <c r="L466" i="4" s="1"/>
  <c r="N466" i="4" s="1"/>
  <c r="F466" i="4" a="1"/>
  <c r="F466" i="4" s="1"/>
  <c r="H466" i="4" s="1"/>
  <c r="M478" i="4" a="1"/>
  <c r="M478" i="4" s="1"/>
  <c r="O478" i="4" s="1"/>
  <c r="L478" i="4" a="1"/>
  <c r="L478" i="4" s="1"/>
  <c r="N478" i="4" s="1"/>
  <c r="F478" i="4" a="1"/>
  <c r="F478" i="4" s="1"/>
  <c r="H478" i="4" s="1"/>
  <c r="M490" i="4" a="1"/>
  <c r="M490" i="4" s="1"/>
  <c r="O490" i="4" s="1"/>
  <c r="L490" i="4" a="1"/>
  <c r="L490" i="4" s="1"/>
  <c r="N490" i="4" s="1"/>
  <c r="M502" i="4" a="1"/>
  <c r="M502" i="4" s="1"/>
  <c r="O502" i="4" s="1"/>
  <c r="L502" i="4" a="1"/>
  <c r="L502" i="4" s="1"/>
  <c r="N502" i="4" s="1"/>
  <c r="F502" i="4" a="1"/>
  <c r="F502" i="4" s="1"/>
  <c r="H502" i="4" s="1"/>
  <c r="L514" i="4" a="1"/>
  <c r="L514" i="4" s="1"/>
  <c r="N514" i="4" s="1"/>
  <c r="M514" i="4" a="1"/>
  <c r="M514" i="4" s="1"/>
  <c r="O514" i="4" s="1"/>
  <c r="F514" i="4" a="1"/>
  <c r="F514" i="4" s="1"/>
  <c r="H514" i="4" s="1"/>
  <c r="L526" i="4" a="1"/>
  <c r="L526" i="4" s="1"/>
  <c r="N526" i="4" s="1"/>
  <c r="M526" i="4" a="1"/>
  <c r="M526" i="4" s="1"/>
  <c r="O526" i="4" s="1"/>
  <c r="F526" i="4" a="1"/>
  <c r="F526" i="4" s="1"/>
  <c r="H526" i="4" s="1"/>
  <c r="L538" i="4" a="1"/>
  <c r="L538" i="4" s="1"/>
  <c r="N538" i="4" s="1"/>
  <c r="M538" i="4" a="1"/>
  <c r="M538" i="4" s="1"/>
  <c r="O538" i="4" s="1"/>
  <c r="F538" i="4" a="1"/>
  <c r="F538" i="4" s="1"/>
  <c r="H538" i="4" s="1"/>
  <c r="M550" i="4" a="1"/>
  <c r="M550" i="4" s="1"/>
  <c r="O550" i="4" s="1"/>
  <c r="L550" i="4" a="1"/>
  <c r="L550" i="4" s="1"/>
  <c r="N550" i="4" s="1"/>
  <c r="F550" i="4" a="1"/>
  <c r="F550" i="4" s="1"/>
  <c r="H550" i="4" s="1"/>
  <c r="M562" i="4" a="1"/>
  <c r="M562" i="4" s="1"/>
  <c r="O562" i="4" s="1"/>
  <c r="L562" i="4" a="1"/>
  <c r="L562" i="4" s="1"/>
  <c r="N562" i="4" s="1"/>
  <c r="F562" i="4" a="1"/>
  <c r="F562" i="4" s="1"/>
  <c r="H562" i="4" s="1"/>
  <c r="M574" i="4" a="1"/>
  <c r="M574" i="4" s="1"/>
  <c r="O574" i="4" s="1"/>
  <c r="L574" i="4" a="1"/>
  <c r="L574" i="4" s="1"/>
  <c r="N574" i="4" s="1"/>
  <c r="F574" i="4" a="1"/>
  <c r="F574" i="4" s="1"/>
  <c r="H574" i="4" s="1"/>
  <c r="M586" i="4" a="1"/>
  <c r="M586" i="4" s="1"/>
  <c r="O586" i="4" s="1"/>
  <c r="L586" i="4" a="1"/>
  <c r="L586" i="4" s="1"/>
  <c r="N586" i="4" s="1"/>
  <c r="F586" i="4" a="1"/>
  <c r="F586" i="4" s="1"/>
  <c r="H586" i="4" s="1"/>
  <c r="L598" i="4" a="1"/>
  <c r="L598" i="4" s="1"/>
  <c r="N598" i="4" s="1"/>
  <c r="M598" i="4" a="1"/>
  <c r="M598" i="4" s="1"/>
  <c r="O598" i="4" s="1"/>
  <c r="F598" i="4" a="1"/>
  <c r="F598" i="4" s="1"/>
  <c r="H598" i="4" s="1"/>
  <c r="L610" i="4" a="1"/>
  <c r="L610" i="4" s="1"/>
  <c r="N610" i="4" s="1"/>
  <c r="M610" i="4" a="1"/>
  <c r="M610" i="4" s="1"/>
  <c r="O610" i="4" s="1"/>
  <c r="F610" i="4" a="1"/>
  <c r="F610" i="4" s="1"/>
  <c r="H610" i="4" s="1"/>
  <c r="L622" i="4" a="1"/>
  <c r="L622" i="4" s="1"/>
  <c r="N622" i="4" s="1"/>
  <c r="M622" i="4" a="1"/>
  <c r="M622" i="4" s="1"/>
  <c r="O622" i="4" s="1"/>
  <c r="F622" i="4" a="1"/>
  <c r="F622" i="4" s="1"/>
  <c r="H622" i="4" s="1"/>
  <c r="L634" i="4" a="1"/>
  <c r="L634" i="4" s="1"/>
  <c r="N634" i="4" s="1"/>
  <c r="M634" i="4" a="1"/>
  <c r="M634" i="4" s="1"/>
  <c r="O634" i="4" s="1"/>
  <c r="F634" i="4" a="1"/>
  <c r="F634" i="4" s="1"/>
  <c r="H634" i="4" s="1"/>
  <c r="M646" i="4" a="1"/>
  <c r="M646" i="4" s="1"/>
  <c r="O646" i="4" s="1"/>
  <c r="L646" i="4" a="1"/>
  <c r="L646" i="4" s="1"/>
  <c r="N646" i="4" s="1"/>
  <c r="F646" i="4" a="1"/>
  <c r="F646" i="4" s="1"/>
  <c r="H646" i="4" s="1"/>
  <c r="M658" i="4" a="1"/>
  <c r="M658" i="4" s="1"/>
  <c r="O658" i="4" s="1"/>
  <c r="L658" i="4" a="1"/>
  <c r="L658" i="4" s="1"/>
  <c r="N658" i="4" s="1"/>
  <c r="F658" i="4" a="1"/>
  <c r="F658" i="4" s="1"/>
  <c r="H658" i="4" s="1"/>
  <c r="M670" i="4" a="1"/>
  <c r="M670" i="4" s="1"/>
  <c r="O670" i="4" s="1"/>
  <c r="L670" i="4" a="1"/>
  <c r="L670" i="4" s="1"/>
  <c r="N670" i="4" s="1"/>
  <c r="F670" i="4" a="1"/>
  <c r="F670" i="4" s="1"/>
  <c r="H670" i="4" s="1"/>
  <c r="M682" i="4" a="1"/>
  <c r="M682" i="4" s="1"/>
  <c r="O682" i="4" s="1"/>
  <c r="L682" i="4" a="1"/>
  <c r="L682" i="4" s="1"/>
  <c r="N682" i="4" s="1"/>
  <c r="F682" i="4" a="1"/>
  <c r="F682" i="4" s="1"/>
  <c r="H682" i="4" s="1"/>
  <c r="M694" i="4" a="1"/>
  <c r="M694" i="4" s="1"/>
  <c r="O694" i="4" s="1"/>
  <c r="L694" i="4" a="1"/>
  <c r="L694" i="4" s="1"/>
  <c r="N694" i="4" s="1"/>
  <c r="F694" i="4" a="1"/>
  <c r="F694" i="4" s="1"/>
  <c r="H694" i="4" s="1"/>
  <c r="M706" i="4" a="1"/>
  <c r="M706" i="4" s="1"/>
  <c r="O706" i="4" s="1"/>
  <c r="L706" i="4" a="1"/>
  <c r="L706" i="4" s="1"/>
  <c r="N706" i="4" s="1"/>
  <c r="F706" i="4" a="1"/>
  <c r="F706" i="4" s="1"/>
  <c r="H706" i="4" s="1"/>
  <c r="M718" i="4" a="1"/>
  <c r="M718" i="4" s="1"/>
  <c r="O718" i="4" s="1"/>
  <c r="L718" i="4" a="1"/>
  <c r="L718" i="4" s="1"/>
  <c r="N718" i="4" s="1"/>
  <c r="F718" i="4" a="1"/>
  <c r="F718" i="4" s="1"/>
  <c r="H718" i="4" s="1"/>
  <c r="M730" i="4" a="1"/>
  <c r="M730" i="4" s="1"/>
  <c r="O730" i="4" s="1"/>
  <c r="L730" i="4" a="1"/>
  <c r="L730" i="4" s="1"/>
  <c r="N730" i="4" s="1"/>
  <c r="F730" i="4" a="1"/>
  <c r="F730" i="4" s="1"/>
  <c r="H730" i="4" s="1"/>
  <c r="M742" i="4" a="1"/>
  <c r="M742" i="4" s="1"/>
  <c r="O742" i="4" s="1"/>
  <c r="L742" i="4" a="1"/>
  <c r="L742" i="4" s="1"/>
  <c r="N742" i="4" s="1"/>
  <c r="F742" i="4" a="1"/>
  <c r="F742" i="4" s="1"/>
  <c r="H742" i="4" s="1"/>
  <c r="M754" i="4" a="1"/>
  <c r="M754" i="4" s="1"/>
  <c r="O754" i="4" s="1"/>
  <c r="L754" i="4" a="1"/>
  <c r="L754" i="4" s="1"/>
  <c r="N754" i="4" s="1"/>
  <c r="F754" i="4" a="1"/>
  <c r="F754" i="4" s="1"/>
  <c r="H754" i="4" s="1"/>
  <c r="M766" i="4" a="1"/>
  <c r="M766" i="4" s="1"/>
  <c r="O766" i="4" s="1"/>
  <c r="L766" i="4" a="1"/>
  <c r="L766" i="4" s="1"/>
  <c r="N766" i="4" s="1"/>
  <c r="F766" i="4" a="1"/>
  <c r="F766" i="4" s="1"/>
  <c r="H766" i="4" s="1"/>
  <c r="L778" i="4" a="1"/>
  <c r="L778" i="4" s="1"/>
  <c r="N778" i="4" s="1"/>
  <c r="M778" i="4" a="1"/>
  <c r="M778" i="4" s="1"/>
  <c r="O778" i="4" s="1"/>
  <c r="F778" i="4" a="1"/>
  <c r="F778" i="4" s="1"/>
  <c r="H778" i="4" s="1"/>
  <c r="L790" i="4" a="1"/>
  <c r="L790" i="4" s="1"/>
  <c r="N790" i="4" s="1"/>
  <c r="M790" i="4" a="1"/>
  <c r="M790" i="4" s="1"/>
  <c r="O790" i="4" s="1"/>
  <c r="M802" i="4" a="1"/>
  <c r="M802" i="4" s="1"/>
  <c r="O802" i="4" s="1"/>
  <c r="L802" i="4" a="1"/>
  <c r="L802" i="4" s="1"/>
  <c r="N802" i="4" s="1"/>
  <c r="F802" i="4" a="1"/>
  <c r="F802" i="4" s="1"/>
  <c r="H802" i="4" s="1"/>
  <c r="M814" i="4" a="1"/>
  <c r="M814" i="4" s="1"/>
  <c r="O814" i="4" s="1"/>
  <c r="L814" i="4" a="1"/>
  <c r="L814" i="4" s="1"/>
  <c r="N814" i="4" s="1"/>
  <c r="F814" i="4" a="1"/>
  <c r="F814" i="4" s="1"/>
  <c r="H814" i="4" s="1"/>
  <c r="M826" i="4" a="1"/>
  <c r="M826" i="4" s="1"/>
  <c r="O826" i="4" s="1"/>
  <c r="L826" i="4" a="1"/>
  <c r="L826" i="4" s="1"/>
  <c r="N826" i="4" s="1"/>
  <c r="F826" i="4" a="1"/>
  <c r="F826" i="4" s="1"/>
  <c r="H826" i="4" s="1"/>
  <c r="L838" i="4" a="1"/>
  <c r="L838" i="4" s="1"/>
  <c r="N838" i="4" s="1"/>
  <c r="M838" i="4" a="1"/>
  <c r="M838" i="4" s="1"/>
  <c r="O838" i="4" s="1"/>
  <c r="F838" i="4" a="1"/>
  <c r="F838" i="4" s="1"/>
  <c r="H838" i="4" s="1"/>
  <c r="L850" i="4" a="1"/>
  <c r="L850" i="4" s="1"/>
  <c r="N850" i="4" s="1"/>
  <c r="M850" i="4" a="1"/>
  <c r="M850" i="4" s="1"/>
  <c r="O850" i="4" s="1"/>
  <c r="F850" i="4" a="1"/>
  <c r="F850" i="4" s="1"/>
  <c r="H850" i="4" s="1"/>
  <c r="L862" i="4" a="1"/>
  <c r="L862" i="4" s="1"/>
  <c r="N862" i="4" s="1"/>
  <c r="M862" i="4" a="1"/>
  <c r="M862" i="4" s="1"/>
  <c r="O862" i="4" s="1"/>
  <c r="F862" i="4" a="1"/>
  <c r="F862" i="4" s="1"/>
  <c r="H862" i="4" s="1"/>
  <c r="E33" i="4" a="1"/>
  <c r="E33" i="4" s="1"/>
  <c r="G33" i="4" s="1"/>
  <c r="E45" i="4" a="1"/>
  <c r="E45" i="4" s="1"/>
  <c r="G45" i="4" s="1"/>
  <c r="E57" i="4" a="1"/>
  <c r="E57" i="4" s="1"/>
  <c r="G57" i="4" s="1"/>
  <c r="E69" i="4" a="1"/>
  <c r="E69" i="4" s="1"/>
  <c r="G69" i="4" s="1"/>
  <c r="E81" i="4" a="1"/>
  <c r="E81" i="4" s="1"/>
  <c r="G81" i="4" s="1"/>
  <c r="E93" i="4" a="1"/>
  <c r="E93" i="4" s="1"/>
  <c r="G93" i="4" s="1"/>
  <c r="E103" i="4" a="1"/>
  <c r="E103" i="4" s="1"/>
  <c r="G103" i="4" s="1"/>
  <c r="E122" i="4" a="1"/>
  <c r="E122" i="4" s="1"/>
  <c r="G122" i="4" s="1"/>
  <c r="E130" i="4" a="1"/>
  <c r="E130" i="4" s="1"/>
  <c r="G130" i="4" s="1"/>
  <c r="E165" i="4" a="1"/>
  <c r="E165" i="4" s="1"/>
  <c r="G165" i="4" s="1"/>
  <c r="E219" i="4" a="1"/>
  <c r="E219" i="4" s="1"/>
  <c r="G219" i="4" s="1"/>
  <c r="E298" i="4" a="1"/>
  <c r="E298" i="4" s="1"/>
  <c r="G298" i="4" s="1"/>
  <c r="E394" i="4" a="1"/>
  <c r="E394" i="4" s="1"/>
  <c r="G394" i="4" s="1"/>
  <c r="E526" i="4" a="1"/>
  <c r="E526" i="4" s="1"/>
  <c r="G526" i="4" s="1"/>
  <c r="E646" i="4" a="1"/>
  <c r="E646" i="4" s="1"/>
  <c r="G646" i="4" s="1"/>
  <c r="E790" i="4" a="1"/>
  <c r="E790" i="4" s="1"/>
  <c r="G790" i="4" s="1"/>
  <c r="F130" i="4" a="1"/>
  <c r="F130" i="4" s="1"/>
  <c r="H130" i="4" s="1"/>
  <c r="F274" i="4" a="1"/>
  <c r="F274" i="4" s="1"/>
  <c r="H274" i="4" s="1"/>
  <c r="F751" i="4" a="1"/>
  <c r="F751" i="4" s="1"/>
  <c r="H751" i="4" s="1"/>
  <c r="M36" i="4" a="1"/>
  <c r="M36" i="4" s="1"/>
  <c r="O36" i="4" s="1"/>
  <c r="L36" i="4" a="1"/>
  <c r="L36" i="4" s="1"/>
  <c r="N36" i="4" s="1"/>
  <c r="M48" i="4" a="1"/>
  <c r="M48" i="4" s="1"/>
  <c r="O48" i="4" s="1"/>
  <c r="L48" i="4" a="1"/>
  <c r="L48" i="4" s="1"/>
  <c r="N48" i="4" s="1"/>
  <c r="M60" i="4" a="1"/>
  <c r="M60" i="4" s="1"/>
  <c r="O60" i="4" s="1"/>
  <c r="L60" i="4" a="1"/>
  <c r="L60" i="4" s="1"/>
  <c r="N60" i="4" s="1"/>
  <c r="M72" i="4" a="1"/>
  <c r="M72" i="4" s="1"/>
  <c r="O72" i="4" s="1"/>
  <c r="L72" i="4" a="1"/>
  <c r="L72" i="4" s="1"/>
  <c r="N72" i="4" s="1"/>
  <c r="M84" i="4" a="1"/>
  <c r="M84" i="4" s="1"/>
  <c r="O84" i="4" s="1"/>
  <c r="L84" i="4" a="1"/>
  <c r="L84" i="4" s="1"/>
  <c r="N84" i="4" s="1"/>
  <c r="L96" i="4" a="1"/>
  <c r="L96" i="4" s="1"/>
  <c r="N96" i="4" s="1"/>
  <c r="M96" i="4" a="1"/>
  <c r="M96" i="4" s="1"/>
  <c r="O96" i="4" s="1"/>
  <c r="M108" i="4" a="1"/>
  <c r="M108" i="4" s="1"/>
  <c r="O108" i="4" s="1"/>
  <c r="L108" i="4" a="1"/>
  <c r="L108" i="4" s="1"/>
  <c r="N108" i="4" s="1"/>
  <c r="M120" i="4" a="1"/>
  <c r="M120" i="4" s="1"/>
  <c r="O120" i="4" s="1"/>
  <c r="L120" i="4" a="1"/>
  <c r="L120" i="4" s="1"/>
  <c r="N120" i="4" s="1"/>
  <c r="M132" i="4" a="1"/>
  <c r="M132" i="4" s="1"/>
  <c r="O132" i="4" s="1"/>
  <c r="L132" i="4" a="1"/>
  <c r="L132" i="4" s="1"/>
  <c r="N132" i="4" s="1"/>
  <c r="M144" i="4" a="1"/>
  <c r="M144" i="4" s="1"/>
  <c r="O144" i="4" s="1"/>
  <c r="L144" i="4" a="1"/>
  <c r="L144" i="4" s="1"/>
  <c r="N144" i="4" s="1"/>
  <c r="L156" i="4" a="1"/>
  <c r="L156" i="4" s="1"/>
  <c r="N156" i="4" s="1"/>
  <c r="M156" i="4" a="1"/>
  <c r="M156" i="4" s="1"/>
  <c r="O156" i="4" s="1"/>
  <c r="M168" i="4" a="1"/>
  <c r="M168" i="4" s="1"/>
  <c r="O168" i="4" s="1"/>
  <c r="L168" i="4" a="1"/>
  <c r="L168" i="4" s="1"/>
  <c r="N168" i="4" s="1"/>
  <c r="M180" i="4" a="1"/>
  <c r="M180" i="4" s="1"/>
  <c r="O180" i="4" s="1"/>
  <c r="L180" i="4" a="1"/>
  <c r="L180" i="4" s="1"/>
  <c r="N180" i="4" s="1"/>
  <c r="M192" i="4" a="1"/>
  <c r="M192" i="4" s="1"/>
  <c r="O192" i="4" s="1"/>
  <c r="L192" i="4" a="1"/>
  <c r="L192" i="4" s="1"/>
  <c r="N192" i="4" s="1"/>
  <c r="M204" i="4" a="1"/>
  <c r="M204" i="4" s="1"/>
  <c r="O204" i="4" s="1"/>
  <c r="L204" i="4" a="1"/>
  <c r="L204" i="4" s="1"/>
  <c r="N204" i="4" s="1"/>
  <c r="M216" i="4" a="1"/>
  <c r="M216" i="4" s="1"/>
  <c r="O216" i="4" s="1"/>
  <c r="L216" i="4" a="1"/>
  <c r="L216" i="4" s="1"/>
  <c r="N216" i="4" s="1"/>
  <c r="M228" i="4" a="1"/>
  <c r="M228" i="4" s="1"/>
  <c r="O228" i="4" s="1"/>
  <c r="L228" i="4" a="1"/>
  <c r="L228" i="4" s="1"/>
  <c r="N228" i="4" s="1"/>
  <c r="M240" i="4" a="1"/>
  <c r="M240" i="4" s="1"/>
  <c r="O240" i="4" s="1"/>
  <c r="L240" i="4" a="1"/>
  <c r="L240" i="4" s="1"/>
  <c r="N240" i="4" s="1"/>
  <c r="F240" i="4" a="1"/>
  <c r="F240" i="4" s="1"/>
  <c r="H240" i="4" s="1"/>
  <c r="M252" i="4" a="1"/>
  <c r="M252" i="4" s="1"/>
  <c r="O252" i="4" s="1"/>
  <c r="L252" i="4" a="1"/>
  <c r="L252" i="4" s="1"/>
  <c r="N252" i="4" s="1"/>
  <c r="M264" i="4" a="1"/>
  <c r="M264" i="4" s="1"/>
  <c r="O264" i="4" s="1"/>
  <c r="L264" i="4" a="1"/>
  <c r="L264" i="4" s="1"/>
  <c r="N264" i="4" s="1"/>
  <c r="M276" i="4" a="1"/>
  <c r="M276" i="4" s="1"/>
  <c r="O276" i="4" s="1"/>
  <c r="L276" i="4" a="1"/>
  <c r="L276" i="4" s="1"/>
  <c r="N276" i="4" s="1"/>
  <c r="M288" i="4" a="1"/>
  <c r="M288" i="4" s="1"/>
  <c r="O288" i="4" s="1"/>
  <c r="L288" i="4" a="1"/>
  <c r="L288" i="4" s="1"/>
  <c r="N288" i="4" s="1"/>
  <c r="F288" i="4" a="1"/>
  <c r="F288" i="4" s="1"/>
  <c r="H288" i="4" s="1"/>
  <c r="L300" i="4" a="1"/>
  <c r="L300" i="4" s="1"/>
  <c r="N300" i="4" s="1"/>
  <c r="M300" i="4" a="1"/>
  <c r="M300" i="4" s="1"/>
  <c r="O300" i="4" s="1"/>
  <c r="M312" i="4" a="1"/>
  <c r="M312" i="4" s="1"/>
  <c r="O312" i="4" s="1"/>
  <c r="L312" i="4" a="1"/>
  <c r="L312" i="4" s="1"/>
  <c r="N312" i="4" s="1"/>
  <c r="M324" i="4" a="1"/>
  <c r="M324" i="4" s="1"/>
  <c r="O324" i="4" s="1"/>
  <c r="L324" i="4" a="1"/>
  <c r="L324" i="4" s="1"/>
  <c r="N324" i="4" s="1"/>
  <c r="M336" i="4" a="1"/>
  <c r="M336" i="4" s="1"/>
  <c r="O336" i="4" s="1"/>
  <c r="L336" i="4" a="1"/>
  <c r="L336" i="4" s="1"/>
  <c r="N336" i="4" s="1"/>
  <c r="F336" i="4" a="1"/>
  <c r="F336" i="4" s="1"/>
  <c r="H336" i="4" s="1"/>
  <c r="L348" i="4" a="1"/>
  <c r="L348" i="4" s="1"/>
  <c r="N348" i="4" s="1"/>
  <c r="M348" i="4" a="1"/>
  <c r="M348" i="4" s="1"/>
  <c r="O348" i="4" s="1"/>
  <c r="F348" i="4" a="1"/>
  <c r="F348" i="4" s="1"/>
  <c r="H348" i="4" s="1"/>
  <c r="L360" i="4" a="1"/>
  <c r="L360" i="4" s="1"/>
  <c r="N360" i="4" s="1"/>
  <c r="M360" i="4" a="1"/>
  <c r="M360" i="4" s="1"/>
  <c r="O360" i="4" s="1"/>
  <c r="M372" i="4" a="1"/>
  <c r="M372" i="4" s="1"/>
  <c r="O372" i="4" s="1"/>
  <c r="L372" i="4" a="1"/>
  <c r="L372" i="4" s="1"/>
  <c r="N372" i="4" s="1"/>
  <c r="M384" i="4" a="1"/>
  <c r="M384" i="4" s="1"/>
  <c r="O384" i="4" s="1"/>
  <c r="L384" i="4" a="1"/>
  <c r="L384" i="4" s="1"/>
  <c r="N384" i="4" s="1"/>
  <c r="F384" i="4" a="1"/>
  <c r="F384" i="4" s="1"/>
  <c r="H384" i="4" s="1"/>
  <c r="M396" i="4" a="1"/>
  <c r="M396" i="4" s="1"/>
  <c r="O396" i="4" s="1"/>
  <c r="L396" i="4" a="1"/>
  <c r="L396" i="4" s="1"/>
  <c r="N396" i="4" s="1"/>
  <c r="F396" i="4" a="1"/>
  <c r="F396" i="4" s="1"/>
  <c r="H396" i="4" s="1"/>
  <c r="M408" i="4" a="1"/>
  <c r="M408" i="4" s="1"/>
  <c r="O408" i="4" s="1"/>
  <c r="L408" i="4" a="1"/>
  <c r="L408" i="4" s="1"/>
  <c r="N408" i="4" s="1"/>
  <c r="F408" i="4" a="1"/>
  <c r="F408" i="4" s="1"/>
  <c r="H408" i="4" s="1"/>
  <c r="M420" i="4" a="1"/>
  <c r="M420" i="4" s="1"/>
  <c r="O420" i="4" s="1"/>
  <c r="L420" i="4" a="1"/>
  <c r="L420" i="4" s="1"/>
  <c r="N420" i="4" s="1"/>
  <c r="F420" i="4" a="1"/>
  <c r="F420" i="4" s="1"/>
  <c r="H420" i="4" s="1"/>
  <c r="L432" i="4" a="1"/>
  <c r="L432" i="4" s="1"/>
  <c r="N432" i="4" s="1"/>
  <c r="M432" i="4" a="1"/>
  <c r="M432" i="4" s="1"/>
  <c r="O432" i="4" s="1"/>
  <c r="F432" i="4" a="1"/>
  <c r="F432" i="4" s="1"/>
  <c r="H432" i="4" s="1"/>
  <c r="M444" i="4" a="1"/>
  <c r="M444" i="4" s="1"/>
  <c r="O444" i="4" s="1"/>
  <c r="L444" i="4" a="1"/>
  <c r="L444" i="4" s="1"/>
  <c r="N444" i="4" s="1"/>
  <c r="M456" i="4" a="1"/>
  <c r="M456" i="4" s="1"/>
  <c r="O456" i="4" s="1"/>
  <c r="L456" i="4" a="1"/>
  <c r="L456" i="4" s="1"/>
  <c r="N456" i="4" s="1"/>
  <c r="F456" i="4" a="1"/>
  <c r="F456" i="4" s="1"/>
  <c r="H456" i="4" s="1"/>
  <c r="M468" i="4" a="1"/>
  <c r="M468" i="4" s="1"/>
  <c r="O468" i="4" s="1"/>
  <c r="L468" i="4" a="1"/>
  <c r="L468" i="4" s="1"/>
  <c r="N468" i="4" s="1"/>
  <c r="M480" i="4" a="1"/>
  <c r="M480" i="4" s="1"/>
  <c r="O480" i="4" s="1"/>
  <c r="L480" i="4" a="1"/>
  <c r="L480" i="4" s="1"/>
  <c r="N480" i="4" s="1"/>
  <c r="F480" i="4" a="1"/>
  <c r="F480" i="4" s="1"/>
  <c r="H480" i="4" s="1"/>
  <c r="M492" i="4" a="1"/>
  <c r="M492" i="4" s="1"/>
  <c r="O492" i="4" s="1"/>
  <c r="L492" i="4" a="1"/>
  <c r="L492" i="4" s="1"/>
  <c r="N492" i="4" s="1"/>
  <c r="F492" i="4" a="1"/>
  <c r="F492" i="4" s="1"/>
  <c r="H492" i="4" s="1"/>
  <c r="M504" i="4" a="1"/>
  <c r="M504" i="4" s="1"/>
  <c r="O504" i="4" s="1"/>
  <c r="L504" i="4" a="1"/>
  <c r="L504" i="4" s="1"/>
  <c r="N504" i="4" s="1"/>
  <c r="F504" i="4" a="1"/>
  <c r="F504" i="4" s="1"/>
  <c r="H504" i="4" s="1"/>
  <c r="M516" i="4" a="1"/>
  <c r="M516" i="4" s="1"/>
  <c r="O516" i="4" s="1"/>
  <c r="L516" i="4" a="1"/>
  <c r="L516" i="4" s="1"/>
  <c r="N516" i="4" s="1"/>
  <c r="F516" i="4" a="1"/>
  <c r="F516" i="4" s="1"/>
  <c r="H516" i="4" s="1"/>
  <c r="M528" i="4" a="1"/>
  <c r="M528" i="4" s="1"/>
  <c r="O528" i="4" s="1"/>
  <c r="L528" i="4" a="1"/>
  <c r="L528" i="4" s="1"/>
  <c r="N528" i="4" s="1"/>
  <c r="F528" i="4" a="1"/>
  <c r="F528" i="4" s="1"/>
  <c r="H528" i="4" s="1"/>
  <c r="M540" i="4" a="1"/>
  <c r="M540" i="4" s="1"/>
  <c r="O540" i="4" s="1"/>
  <c r="L540" i="4" a="1"/>
  <c r="L540" i="4" s="1"/>
  <c r="N540" i="4" s="1"/>
  <c r="F540" i="4" a="1"/>
  <c r="F540" i="4" s="1"/>
  <c r="H540" i="4" s="1"/>
  <c r="M552" i="4" a="1"/>
  <c r="M552" i="4" s="1"/>
  <c r="O552" i="4" s="1"/>
  <c r="L552" i="4" a="1"/>
  <c r="L552" i="4" s="1"/>
  <c r="N552" i="4" s="1"/>
  <c r="F552" i="4" a="1"/>
  <c r="F552" i="4" s="1"/>
  <c r="H552" i="4" s="1"/>
  <c r="M564" i="4" a="1"/>
  <c r="M564" i="4" s="1"/>
  <c r="O564" i="4" s="1"/>
  <c r="L564" i="4" a="1"/>
  <c r="L564" i="4" s="1"/>
  <c r="N564" i="4" s="1"/>
  <c r="F564" i="4" a="1"/>
  <c r="F564" i="4" s="1"/>
  <c r="H564" i="4" s="1"/>
  <c r="M576" i="4" a="1"/>
  <c r="M576" i="4" s="1"/>
  <c r="O576" i="4" s="1"/>
  <c r="L576" i="4" a="1"/>
  <c r="L576" i="4" s="1"/>
  <c r="N576" i="4" s="1"/>
  <c r="F576" i="4" a="1"/>
  <c r="F576" i="4" s="1"/>
  <c r="H576" i="4" s="1"/>
  <c r="L588" i="4" a="1"/>
  <c r="L588" i="4" s="1"/>
  <c r="N588" i="4" s="1"/>
  <c r="M588" i="4" a="1"/>
  <c r="M588" i="4" s="1"/>
  <c r="O588" i="4" s="1"/>
  <c r="F588" i="4" a="1"/>
  <c r="F588" i="4" s="1"/>
  <c r="H588" i="4" s="1"/>
  <c r="L600" i="4" a="1"/>
  <c r="L600" i="4" s="1"/>
  <c r="N600" i="4" s="1"/>
  <c r="M600" i="4" a="1"/>
  <c r="M600" i="4" s="1"/>
  <c r="O600" i="4" s="1"/>
  <c r="F600" i="4" a="1"/>
  <c r="F600" i="4" s="1"/>
  <c r="H600" i="4" s="1"/>
  <c r="L612" i="4" a="1"/>
  <c r="L612" i="4" s="1"/>
  <c r="N612" i="4" s="1"/>
  <c r="M612" i="4" a="1"/>
  <c r="M612" i="4" s="1"/>
  <c r="O612" i="4" s="1"/>
  <c r="F612" i="4" a="1"/>
  <c r="F612" i="4" s="1"/>
  <c r="H612" i="4" s="1"/>
  <c r="L624" i="4" a="1"/>
  <c r="L624" i="4" s="1"/>
  <c r="N624" i="4" s="1"/>
  <c r="M624" i="4" a="1"/>
  <c r="M624" i="4" s="1"/>
  <c r="O624" i="4" s="1"/>
  <c r="F624" i="4" a="1"/>
  <c r="F624" i="4" s="1"/>
  <c r="H624" i="4" s="1"/>
  <c r="L636" i="4" a="1"/>
  <c r="L636" i="4" s="1"/>
  <c r="N636" i="4" s="1"/>
  <c r="M636" i="4" a="1"/>
  <c r="M636" i="4" s="1"/>
  <c r="O636" i="4" s="1"/>
  <c r="F636" i="4" a="1"/>
  <c r="F636" i="4" s="1"/>
  <c r="H636" i="4" s="1"/>
  <c r="M648" i="4" a="1"/>
  <c r="M648" i="4" s="1"/>
  <c r="O648" i="4" s="1"/>
  <c r="L648" i="4" a="1"/>
  <c r="L648" i="4" s="1"/>
  <c r="N648" i="4" s="1"/>
  <c r="F648" i="4" a="1"/>
  <c r="F648" i="4" s="1"/>
  <c r="H648" i="4" s="1"/>
  <c r="M660" i="4" a="1"/>
  <c r="M660" i="4" s="1"/>
  <c r="O660" i="4" s="1"/>
  <c r="L660" i="4" a="1"/>
  <c r="L660" i="4" s="1"/>
  <c r="N660" i="4" s="1"/>
  <c r="F660" i="4" a="1"/>
  <c r="F660" i="4" s="1"/>
  <c r="H660" i="4" s="1"/>
  <c r="M672" i="4" a="1"/>
  <c r="M672" i="4" s="1"/>
  <c r="O672" i="4" s="1"/>
  <c r="L672" i="4" a="1"/>
  <c r="L672" i="4" s="1"/>
  <c r="N672" i="4" s="1"/>
  <c r="F672" i="4" a="1"/>
  <c r="F672" i="4" s="1"/>
  <c r="H672" i="4" s="1"/>
  <c r="M684" i="4" a="1"/>
  <c r="M684" i="4" s="1"/>
  <c r="O684" i="4" s="1"/>
  <c r="L684" i="4" a="1"/>
  <c r="L684" i="4" s="1"/>
  <c r="N684" i="4" s="1"/>
  <c r="M696" i="4" a="1"/>
  <c r="M696" i="4" s="1"/>
  <c r="O696" i="4" s="1"/>
  <c r="L696" i="4" a="1"/>
  <c r="L696" i="4" s="1"/>
  <c r="N696" i="4" s="1"/>
  <c r="F696" i="4" a="1"/>
  <c r="F696" i="4" s="1"/>
  <c r="H696" i="4" s="1"/>
  <c r="M708" i="4" a="1"/>
  <c r="M708" i="4" s="1"/>
  <c r="O708" i="4" s="1"/>
  <c r="L708" i="4" a="1"/>
  <c r="L708" i="4" s="1"/>
  <c r="N708" i="4" s="1"/>
  <c r="F708" i="4" a="1"/>
  <c r="F708" i="4" s="1"/>
  <c r="H708" i="4" s="1"/>
  <c r="M720" i="4" a="1"/>
  <c r="M720" i="4" s="1"/>
  <c r="O720" i="4" s="1"/>
  <c r="L720" i="4" a="1"/>
  <c r="L720" i="4" s="1"/>
  <c r="N720" i="4" s="1"/>
  <c r="F720" i="4" a="1"/>
  <c r="F720" i="4" s="1"/>
  <c r="H720" i="4" s="1"/>
  <c r="M732" i="4" a="1"/>
  <c r="M732" i="4" s="1"/>
  <c r="O732" i="4" s="1"/>
  <c r="L732" i="4" a="1"/>
  <c r="L732" i="4" s="1"/>
  <c r="N732" i="4" s="1"/>
  <c r="M744" i="4" a="1"/>
  <c r="M744" i="4" s="1"/>
  <c r="O744" i="4" s="1"/>
  <c r="L744" i="4" a="1"/>
  <c r="L744" i="4" s="1"/>
  <c r="N744" i="4" s="1"/>
  <c r="F744" i="4" a="1"/>
  <c r="F744" i="4" s="1"/>
  <c r="H744" i="4" s="1"/>
  <c r="M756" i="4" a="1"/>
  <c r="M756" i="4" s="1"/>
  <c r="O756" i="4" s="1"/>
  <c r="L756" i="4" a="1"/>
  <c r="L756" i="4" s="1"/>
  <c r="N756" i="4" s="1"/>
  <c r="F756" i="4" a="1"/>
  <c r="F756" i="4" s="1"/>
  <c r="H756" i="4" s="1"/>
  <c r="M768" i="4" a="1"/>
  <c r="M768" i="4" s="1"/>
  <c r="O768" i="4" s="1"/>
  <c r="L768" i="4" a="1"/>
  <c r="L768" i="4" s="1"/>
  <c r="N768" i="4" s="1"/>
  <c r="F768" i="4" a="1"/>
  <c r="F768" i="4" s="1"/>
  <c r="H768" i="4" s="1"/>
  <c r="M780" i="4" a="1"/>
  <c r="M780" i="4" s="1"/>
  <c r="O780" i="4" s="1"/>
  <c r="L780" i="4" a="1"/>
  <c r="L780" i="4" s="1"/>
  <c r="N780" i="4" s="1"/>
  <c r="M792" i="4" a="1"/>
  <c r="M792" i="4" s="1"/>
  <c r="O792" i="4" s="1"/>
  <c r="L792" i="4" a="1"/>
  <c r="L792" i="4" s="1"/>
  <c r="N792" i="4" s="1"/>
  <c r="F792" i="4" a="1"/>
  <c r="F792" i="4" s="1"/>
  <c r="H792" i="4" s="1"/>
  <c r="L804" i="4" a="1"/>
  <c r="L804" i="4" s="1"/>
  <c r="N804" i="4" s="1"/>
  <c r="M804" i="4" a="1"/>
  <c r="M804" i="4" s="1"/>
  <c r="O804" i="4" s="1"/>
  <c r="F804" i="4" a="1"/>
  <c r="F804" i="4" s="1"/>
  <c r="H804" i="4" s="1"/>
  <c r="L816" i="4" a="1"/>
  <c r="L816" i="4" s="1"/>
  <c r="N816" i="4" s="1"/>
  <c r="M816" i="4" a="1"/>
  <c r="M816" i="4" s="1"/>
  <c r="O816" i="4" s="1"/>
  <c r="F816" i="4" a="1"/>
  <c r="F816" i="4" s="1"/>
  <c r="H816" i="4" s="1"/>
  <c r="L828" i="4" a="1"/>
  <c r="L828" i="4" s="1"/>
  <c r="N828" i="4" s="1"/>
  <c r="M828" i="4" a="1"/>
  <c r="M828" i="4" s="1"/>
  <c r="O828" i="4" s="1"/>
  <c r="F828" i="4" a="1"/>
  <c r="F828" i="4" s="1"/>
  <c r="H828" i="4" s="1"/>
  <c r="L840" i="4" a="1"/>
  <c r="L840" i="4" s="1"/>
  <c r="N840" i="4" s="1"/>
  <c r="M840" i="4" a="1"/>
  <c r="M840" i="4" s="1"/>
  <c r="O840" i="4" s="1"/>
  <c r="F840" i="4" a="1"/>
  <c r="F840" i="4" s="1"/>
  <c r="H840" i="4" s="1"/>
  <c r="L852" i="4" a="1"/>
  <c r="L852" i="4" s="1"/>
  <c r="N852" i="4" s="1"/>
  <c r="M852" i="4" a="1"/>
  <c r="M852" i="4" s="1"/>
  <c r="O852" i="4" s="1"/>
  <c r="F852" i="4" a="1"/>
  <c r="F852" i="4" s="1"/>
  <c r="H852" i="4" s="1"/>
  <c r="L864" i="4" a="1"/>
  <c r="L864" i="4" s="1"/>
  <c r="N864" i="4" s="1"/>
  <c r="M864" i="4" a="1"/>
  <c r="M864" i="4" s="1"/>
  <c r="O864" i="4" s="1"/>
  <c r="F864" i="4" a="1"/>
  <c r="F864" i="4" s="1"/>
  <c r="H864" i="4" s="1"/>
  <c r="E94" i="4" a="1"/>
  <c r="E94" i="4" s="1"/>
  <c r="G94" i="4" s="1"/>
  <c r="E105" i="4" a="1"/>
  <c r="E105" i="4" s="1"/>
  <c r="G105" i="4" s="1"/>
  <c r="E123" i="4" a="1"/>
  <c r="E123" i="4" s="1"/>
  <c r="G123" i="4" s="1"/>
  <c r="E176" i="4" a="1"/>
  <c r="E176" i="4" s="1"/>
  <c r="G176" i="4" s="1"/>
  <c r="E211" i="4" a="1"/>
  <c r="E211" i="4" s="1"/>
  <c r="G211" i="4" s="1"/>
  <c r="E238" i="4" a="1"/>
  <c r="E238" i="4" s="1"/>
  <c r="G238" i="4" s="1"/>
  <c r="E396" i="4" a="1"/>
  <c r="E396" i="4" s="1"/>
  <c r="G396" i="4" s="1"/>
  <c r="E406" i="4" a="1"/>
  <c r="E406" i="4" s="1"/>
  <c r="G406" i="4" s="1"/>
  <c r="E528" i="4" a="1"/>
  <c r="E528" i="4" s="1"/>
  <c r="G528" i="4" s="1"/>
  <c r="E648" i="4" a="1"/>
  <c r="E648" i="4" s="1"/>
  <c r="G648" i="4" s="1"/>
  <c r="E670" i="4" a="1"/>
  <c r="E670" i="4" s="1"/>
  <c r="G670" i="4" s="1"/>
  <c r="E770" i="4" a="1"/>
  <c r="E770" i="4" s="1"/>
  <c r="G770" i="4" s="1"/>
  <c r="E792" i="4" a="1"/>
  <c r="E792" i="4" s="1"/>
  <c r="G792" i="4" s="1"/>
  <c r="E814" i="4" a="1"/>
  <c r="E814" i="4" s="1"/>
  <c r="G814" i="4" s="1"/>
  <c r="F132" i="4" a="1"/>
  <c r="F132" i="4" s="1"/>
  <c r="H132" i="4" s="1"/>
  <c r="F154" i="4" a="1"/>
  <c r="F154" i="4" s="1"/>
  <c r="H154" i="4" s="1"/>
  <c r="F300" i="4" a="1"/>
  <c r="F300" i="4" s="1"/>
  <c r="H300" i="4" s="1"/>
  <c r="F321" i="4" a="1"/>
  <c r="F321" i="4" s="1"/>
  <c r="H321" i="4" s="1"/>
  <c r="F344" i="4" a="1"/>
  <c r="F344" i="4" s="1"/>
  <c r="H344" i="4" s="1"/>
  <c r="F375" i="4" a="1"/>
  <c r="F375" i="4" s="1"/>
  <c r="H375" i="4" s="1"/>
  <c r="F451" i="4" a="1"/>
  <c r="F451" i="4" s="1"/>
  <c r="H451" i="4" s="1"/>
  <c r="L113" i="4" a="1"/>
  <c r="L113" i="4" s="1"/>
  <c r="N113" i="4" s="1"/>
  <c r="M733" i="4" a="1"/>
  <c r="M733" i="4" s="1"/>
  <c r="O733" i="4" s="1"/>
  <c r="L733" i="4" a="1"/>
  <c r="L733" i="4" s="1"/>
  <c r="N733" i="4" s="1"/>
  <c r="F733" i="4" a="1"/>
  <c r="F733" i="4" s="1"/>
  <c r="H733" i="4" s="1"/>
  <c r="M745" i="4" a="1"/>
  <c r="M745" i="4" s="1"/>
  <c r="O745" i="4" s="1"/>
  <c r="L745" i="4" a="1"/>
  <c r="L745" i="4" s="1"/>
  <c r="N745" i="4" s="1"/>
  <c r="F745" i="4" a="1"/>
  <c r="F745" i="4" s="1"/>
  <c r="H745" i="4" s="1"/>
  <c r="L757" i="4" a="1"/>
  <c r="L757" i="4" s="1"/>
  <c r="N757" i="4" s="1"/>
  <c r="M757" i="4" a="1"/>
  <c r="M757" i="4" s="1"/>
  <c r="O757" i="4" s="1"/>
  <c r="F757" i="4" a="1"/>
  <c r="F757" i="4" s="1"/>
  <c r="H757" i="4" s="1"/>
  <c r="M769" i="4" a="1"/>
  <c r="M769" i="4" s="1"/>
  <c r="O769" i="4" s="1"/>
  <c r="L769" i="4" a="1"/>
  <c r="L769" i="4" s="1"/>
  <c r="N769" i="4" s="1"/>
  <c r="F769" i="4" a="1"/>
  <c r="F769" i="4" s="1"/>
  <c r="H769" i="4" s="1"/>
  <c r="M781" i="4" a="1"/>
  <c r="M781" i="4" s="1"/>
  <c r="O781" i="4" s="1"/>
  <c r="L781" i="4" a="1"/>
  <c r="L781" i="4" s="1"/>
  <c r="N781" i="4" s="1"/>
  <c r="F781" i="4" a="1"/>
  <c r="F781" i="4" s="1"/>
  <c r="H781" i="4" s="1"/>
  <c r="L793" i="4" a="1"/>
  <c r="L793" i="4" s="1"/>
  <c r="N793" i="4" s="1"/>
  <c r="M793" i="4" a="1"/>
  <c r="M793" i="4" s="1"/>
  <c r="O793" i="4" s="1"/>
  <c r="F793" i="4" a="1"/>
  <c r="F793" i="4" s="1"/>
  <c r="H793" i="4" s="1"/>
  <c r="L805" i="4" a="1"/>
  <c r="L805" i="4" s="1"/>
  <c r="N805" i="4" s="1"/>
  <c r="F805" i="4" a="1"/>
  <c r="F805" i="4" s="1"/>
  <c r="H805" i="4" s="1"/>
  <c r="M805" i="4" a="1"/>
  <c r="M805" i="4" s="1"/>
  <c r="O805" i="4" s="1"/>
  <c r="L817" i="4" a="1"/>
  <c r="L817" i="4" s="1"/>
  <c r="N817" i="4" s="1"/>
  <c r="M817" i="4" a="1"/>
  <c r="M817" i="4" s="1"/>
  <c r="O817" i="4" s="1"/>
  <c r="F817" i="4" a="1"/>
  <c r="F817" i="4" s="1"/>
  <c r="H817" i="4" s="1"/>
  <c r="L829" i="4" a="1"/>
  <c r="L829" i="4" s="1"/>
  <c r="N829" i="4" s="1"/>
  <c r="M829" i="4" a="1"/>
  <c r="M829" i="4" s="1"/>
  <c r="O829" i="4" s="1"/>
  <c r="F829" i="4" a="1"/>
  <c r="F829" i="4" s="1"/>
  <c r="H829" i="4" s="1"/>
  <c r="L841" i="4" a="1"/>
  <c r="L841" i="4" s="1"/>
  <c r="N841" i="4" s="1"/>
  <c r="M841" i="4" a="1"/>
  <c r="M841" i="4" s="1"/>
  <c r="O841" i="4" s="1"/>
  <c r="F841" i="4" a="1"/>
  <c r="F841" i="4" s="1"/>
  <c r="H841" i="4" s="1"/>
  <c r="L853" i="4" a="1"/>
  <c r="L853" i="4" s="1"/>
  <c r="N853" i="4" s="1"/>
  <c r="M853" i="4" a="1"/>
  <c r="M853" i="4" s="1"/>
  <c r="O853" i="4" s="1"/>
  <c r="F853" i="4" a="1"/>
  <c r="F853" i="4" s="1"/>
  <c r="H853" i="4" s="1"/>
  <c r="L865" i="4" a="1"/>
  <c r="L865" i="4" s="1"/>
  <c r="N865" i="4" s="1"/>
  <c r="M865" i="4" a="1"/>
  <c r="M865" i="4" s="1"/>
  <c r="O865" i="4" s="1"/>
  <c r="F865" i="4" a="1"/>
  <c r="F865" i="4" s="1"/>
  <c r="H865" i="4" s="1"/>
  <c r="E274" i="4" a="1"/>
  <c r="E274" i="4" s="1"/>
  <c r="G274" i="4" s="1"/>
  <c r="E300" i="4" a="1"/>
  <c r="E300" i="4" s="1"/>
  <c r="G300" i="4" s="1"/>
  <c r="E308" i="4" a="1"/>
  <c r="E308" i="4" s="1"/>
  <c r="G308" i="4" s="1"/>
  <c r="E334" i="4" a="1"/>
  <c r="E334" i="4" s="1"/>
  <c r="G334" i="4" s="1"/>
  <c r="E358" i="4" a="1"/>
  <c r="E358" i="4" s="1"/>
  <c r="G358" i="4" s="1"/>
  <c r="E418" i="4" a="1"/>
  <c r="E418" i="4" s="1"/>
  <c r="G418" i="4" s="1"/>
  <c r="E540" i="4" a="1"/>
  <c r="E540" i="4" s="1"/>
  <c r="G540" i="4" s="1"/>
  <c r="E552" i="4" a="1"/>
  <c r="E552" i="4" s="1"/>
  <c r="G552" i="4" s="1"/>
  <c r="E562" i="4" a="1"/>
  <c r="E562" i="4" s="1"/>
  <c r="G562" i="4" s="1"/>
  <c r="E660" i="4" a="1"/>
  <c r="E660" i="4" s="1"/>
  <c r="G660" i="4" s="1"/>
  <c r="E682" i="4" a="1"/>
  <c r="E682" i="4" s="1"/>
  <c r="G682" i="4" s="1"/>
  <c r="E693" i="4" a="1"/>
  <c r="E693" i="4" s="1"/>
  <c r="G693" i="4" s="1"/>
  <c r="E793" i="4" a="1"/>
  <c r="E793" i="4" s="1"/>
  <c r="G793" i="4" s="1"/>
  <c r="E804" i="4" a="1"/>
  <c r="E804" i="4" s="1"/>
  <c r="G804" i="4" s="1"/>
  <c r="E826" i="4" a="1"/>
  <c r="E826" i="4" s="1"/>
  <c r="G826" i="4" s="1"/>
  <c r="F46" i="4" a="1"/>
  <c r="F46" i="4" s="1"/>
  <c r="H46" i="4" s="1"/>
  <c r="F144" i="4" a="1"/>
  <c r="F144" i="4" s="1"/>
  <c r="H144" i="4" s="1"/>
  <c r="F187" i="4" a="1"/>
  <c r="F187" i="4" s="1"/>
  <c r="H187" i="4" s="1"/>
  <c r="F224" i="4" a="1"/>
  <c r="F224" i="4" s="1"/>
  <c r="H224" i="4" s="1"/>
  <c r="F238" i="4" a="1"/>
  <c r="F238" i="4" s="1"/>
  <c r="H238" i="4" s="1"/>
  <c r="F453" i="4" a="1"/>
  <c r="F453" i="4" s="1"/>
  <c r="H453" i="4" s="1"/>
  <c r="F780" i="4" a="1"/>
  <c r="F780" i="4" s="1"/>
  <c r="H780" i="4" s="1"/>
  <c r="L161" i="4" a="1"/>
  <c r="L161" i="4" s="1"/>
  <c r="N161" i="4" s="1"/>
  <c r="M38" i="4" a="1"/>
  <c r="M38" i="4" s="1"/>
  <c r="O38" i="4" s="1"/>
  <c r="L38" i="4" a="1"/>
  <c r="L38" i="4" s="1"/>
  <c r="N38" i="4" s="1"/>
  <c r="M50" i="4" a="1"/>
  <c r="M50" i="4" s="1"/>
  <c r="O50" i="4" s="1"/>
  <c r="L50" i="4" a="1"/>
  <c r="L50" i="4" s="1"/>
  <c r="N50" i="4" s="1"/>
  <c r="M62" i="4" a="1"/>
  <c r="M62" i="4" s="1"/>
  <c r="O62" i="4" s="1"/>
  <c r="L62" i="4" a="1"/>
  <c r="L62" i="4" s="1"/>
  <c r="N62" i="4" s="1"/>
  <c r="M74" i="4" a="1"/>
  <c r="M74" i="4" s="1"/>
  <c r="O74" i="4" s="1"/>
  <c r="L74" i="4" a="1"/>
  <c r="L74" i="4" s="1"/>
  <c r="N74" i="4" s="1"/>
  <c r="M86" i="4" a="1"/>
  <c r="M86" i="4" s="1"/>
  <c r="O86" i="4" s="1"/>
  <c r="L86" i="4" a="1"/>
  <c r="L86" i="4" s="1"/>
  <c r="N86" i="4" s="1"/>
  <c r="M98" i="4" a="1"/>
  <c r="M98" i="4" s="1"/>
  <c r="O98" i="4" s="1"/>
  <c r="L98" i="4" a="1"/>
  <c r="L98" i="4" s="1"/>
  <c r="N98" i="4" s="1"/>
  <c r="M110" i="4" a="1"/>
  <c r="M110" i="4" s="1"/>
  <c r="O110" i="4" s="1"/>
  <c r="L110" i="4" a="1"/>
  <c r="L110" i="4" s="1"/>
  <c r="N110" i="4" s="1"/>
  <c r="M122" i="4" a="1"/>
  <c r="M122" i="4" s="1"/>
  <c r="O122" i="4" s="1"/>
  <c r="L122" i="4" a="1"/>
  <c r="L122" i="4" s="1"/>
  <c r="N122" i="4" s="1"/>
  <c r="M134" i="4" a="1"/>
  <c r="M134" i="4" s="1"/>
  <c r="O134" i="4" s="1"/>
  <c r="L134" i="4" a="1"/>
  <c r="L134" i="4" s="1"/>
  <c r="N134" i="4" s="1"/>
  <c r="M146" i="4" a="1"/>
  <c r="M146" i="4" s="1"/>
  <c r="O146" i="4" s="1"/>
  <c r="L146" i="4" a="1"/>
  <c r="L146" i="4" s="1"/>
  <c r="N146" i="4" s="1"/>
  <c r="M158" i="4" a="1"/>
  <c r="M158" i="4" s="1"/>
  <c r="O158" i="4" s="1"/>
  <c r="L158" i="4" a="1"/>
  <c r="L158" i="4" s="1"/>
  <c r="N158" i="4" s="1"/>
  <c r="M170" i="4" a="1"/>
  <c r="M170" i="4" s="1"/>
  <c r="O170" i="4" s="1"/>
  <c r="L170" i="4" a="1"/>
  <c r="L170" i="4" s="1"/>
  <c r="N170" i="4" s="1"/>
  <c r="M182" i="4" a="1"/>
  <c r="M182" i="4" s="1"/>
  <c r="O182" i="4" s="1"/>
  <c r="L182" i="4" a="1"/>
  <c r="L182" i="4" s="1"/>
  <c r="N182" i="4" s="1"/>
  <c r="M194" i="4" a="1"/>
  <c r="M194" i="4" s="1"/>
  <c r="O194" i="4" s="1"/>
  <c r="L194" i="4" a="1"/>
  <c r="L194" i="4" s="1"/>
  <c r="N194" i="4" s="1"/>
  <c r="M206" i="4" a="1"/>
  <c r="M206" i="4" s="1"/>
  <c r="O206" i="4" s="1"/>
  <c r="L206" i="4" a="1"/>
  <c r="L206" i="4" s="1"/>
  <c r="N206" i="4" s="1"/>
  <c r="M218" i="4" a="1"/>
  <c r="M218" i="4" s="1"/>
  <c r="O218" i="4" s="1"/>
  <c r="L218" i="4" a="1"/>
  <c r="L218" i="4" s="1"/>
  <c r="N218" i="4" s="1"/>
  <c r="M230" i="4" a="1"/>
  <c r="M230" i="4" s="1"/>
  <c r="O230" i="4" s="1"/>
  <c r="L230" i="4" a="1"/>
  <c r="L230" i="4" s="1"/>
  <c r="N230" i="4" s="1"/>
  <c r="M242" i="4" a="1"/>
  <c r="M242" i="4" s="1"/>
  <c r="O242" i="4" s="1"/>
  <c r="L242" i="4" a="1"/>
  <c r="L242" i="4" s="1"/>
  <c r="N242" i="4" s="1"/>
  <c r="M254" i="4" a="1"/>
  <c r="M254" i="4" s="1"/>
  <c r="O254" i="4" s="1"/>
  <c r="L254" i="4" a="1"/>
  <c r="L254" i="4" s="1"/>
  <c r="N254" i="4" s="1"/>
  <c r="M266" i="4" a="1"/>
  <c r="M266" i="4" s="1"/>
  <c r="O266" i="4" s="1"/>
  <c r="L266" i="4" a="1"/>
  <c r="L266" i="4" s="1"/>
  <c r="N266" i="4" s="1"/>
  <c r="F266" i="4" a="1"/>
  <c r="F266" i="4" s="1"/>
  <c r="H266" i="4" s="1"/>
  <c r="M278" i="4" a="1"/>
  <c r="M278" i="4" s="1"/>
  <c r="O278" i="4" s="1"/>
  <c r="L278" i="4" a="1"/>
  <c r="L278" i="4" s="1"/>
  <c r="N278" i="4" s="1"/>
  <c r="M290" i="4" a="1"/>
  <c r="M290" i="4" s="1"/>
  <c r="O290" i="4" s="1"/>
  <c r="L290" i="4" a="1"/>
  <c r="L290" i="4" s="1"/>
  <c r="N290" i="4" s="1"/>
  <c r="M302" i="4" a="1"/>
  <c r="M302" i="4" s="1"/>
  <c r="O302" i="4" s="1"/>
  <c r="L302" i="4" a="1"/>
  <c r="L302" i="4" s="1"/>
  <c r="N302" i="4" s="1"/>
  <c r="M314" i="4" a="1"/>
  <c r="M314" i="4" s="1"/>
  <c r="O314" i="4" s="1"/>
  <c r="L314" i="4" a="1"/>
  <c r="L314" i="4" s="1"/>
  <c r="N314" i="4" s="1"/>
  <c r="F314" i="4" a="1"/>
  <c r="F314" i="4" s="1"/>
  <c r="H314" i="4" s="1"/>
  <c r="M326" i="4" a="1"/>
  <c r="M326" i="4" s="1"/>
  <c r="O326" i="4" s="1"/>
  <c r="L326" i="4" a="1"/>
  <c r="L326" i="4" s="1"/>
  <c r="N326" i="4" s="1"/>
  <c r="F326" i="4" a="1"/>
  <c r="F326" i="4" s="1"/>
  <c r="H326" i="4" s="1"/>
  <c r="L338" i="4" a="1"/>
  <c r="L338" i="4" s="1"/>
  <c r="N338" i="4" s="1"/>
  <c r="M338" i="4" a="1"/>
  <c r="M338" i="4" s="1"/>
  <c r="O338" i="4" s="1"/>
  <c r="M350" i="4" a="1"/>
  <c r="M350" i="4" s="1"/>
  <c r="O350" i="4" s="1"/>
  <c r="L350" i="4" a="1"/>
  <c r="L350" i="4" s="1"/>
  <c r="N350" i="4" s="1"/>
  <c r="F350" i="4" a="1"/>
  <c r="F350" i="4" s="1"/>
  <c r="H350" i="4" s="1"/>
  <c r="M362" i="4" a="1"/>
  <c r="M362" i="4" s="1"/>
  <c r="O362" i="4" s="1"/>
  <c r="L362" i="4" a="1"/>
  <c r="L362" i="4" s="1"/>
  <c r="N362" i="4" s="1"/>
  <c r="M374" i="4" a="1"/>
  <c r="M374" i="4" s="1"/>
  <c r="O374" i="4" s="1"/>
  <c r="L374" i="4" a="1"/>
  <c r="L374" i="4" s="1"/>
  <c r="N374" i="4" s="1"/>
  <c r="F374" i="4" a="1"/>
  <c r="F374" i="4" s="1"/>
  <c r="H374" i="4" s="1"/>
  <c r="M386" i="4" a="1"/>
  <c r="M386" i="4" s="1"/>
  <c r="O386" i="4" s="1"/>
  <c r="L386" i="4" a="1"/>
  <c r="L386" i="4" s="1"/>
  <c r="N386" i="4" s="1"/>
  <c r="F386" i="4" a="1"/>
  <c r="F386" i="4" s="1"/>
  <c r="H386" i="4" s="1"/>
  <c r="M398" i="4" a="1"/>
  <c r="M398" i="4" s="1"/>
  <c r="O398" i="4" s="1"/>
  <c r="L398" i="4" a="1"/>
  <c r="L398" i="4" s="1"/>
  <c r="N398" i="4" s="1"/>
  <c r="F398" i="4" a="1"/>
  <c r="F398" i="4" s="1"/>
  <c r="H398" i="4" s="1"/>
  <c r="M410" i="4" a="1"/>
  <c r="M410" i="4" s="1"/>
  <c r="O410" i="4" s="1"/>
  <c r="L410" i="4" a="1"/>
  <c r="L410" i="4" s="1"/>
  <c r="N410" i="4" s="1"/>
  <c r="F410" i="4" a="1"/>
  <c r="F410" i="4" s="1"/>
  <c r="H410" i="4" s="1"/>
  <c r="L422" i="4" a="1"/>
  <c r="L422" i="4" s="1"/>
  <c r="N422" i="4" s="1"/>
  <c r="M422" i="4" a="1"/>
  <c r="M422" i="4" s="1"/>
  <c r="O422" i="4" s="1"/>
  <c r="F422" i="4" a="1"/>
  <c r="F422" i="4" s="1"/>
  <c r="H422" i="4" s="1"/>
  <c r="L434" i="4" a="1"/>
  <c r="L434" i="4" s="1"/>
  <c r="N434" i="4" s="1"/>
  <c r="M434" i="4" a="1"/>
  <c r="M434" i="4" s="1"/>
  <c r="O434" i="4" s="1"/>
  <c r="F434" i="4" a="1"/>
  <c r="F434" i="4" s="1"/>
  <c r="H434" i="4" s="1"/>
  <c r="L446" i="4" a="1"/>
  <c r="L446" i="4" s="1"/>
  <c r="N446" i="4" s="1"/>
  <c r="M446" i="4" a="1"/>
  <c r="M446" i="4" s="1"/>
  <c r="O446" i="4" s="1"/>
  <c r="F446" i="4" a="1"/>
  <c r="F446" i="4" s="1"/>
  <c r="H446" i="4" s="1"/>
  <c r="M458" i="4" a="1"/>
  <c r="M458" i="4" s="1"/>
  <c r="O458" i="4" s="1"/>
  <c r="L458" i="4" a="1"/>
  <c r="L458" i="4" s="1"/>
  <c r="N458" i="4" s="1"/>
  <c r="F458" i="4" a="1"/>
  <c r="F458" i="4" s="1"/>
  <c r="H458" i="4" s="1"/>
  <c r="M470" i="4" a="1"/>
  <c r="M470" i="4" s="1"/>
  <c r="O470" i="4" s="1"/>
  <c r="L470" i="4" a="1"/>
  <c r="L470" i="4" s="1"/>
  <c r="N470" i="4" s="1"/>
  <c r="F470" i="4" a="1"/>
  <c r="F470" i="4" s="1"/>
  <c r="H470" i="4" s="1"/>
  <c r="M482" i="4" a="1"/>
  <c r="M482" i="4" s="1"/>
  <c r="O482" i="4" s="1"/>
  <c r="L482" i="4" a="1"/>
  <c r="L482" i="4" s="1"/>
  <c r="N482" i="4" s="1"/>
  <c r="F482" i="4" a="1"/>
  <c r="F482" i="4" s="1"/>
  <c r="H482" i="4" s="1"/>
  <c r="L494" i="4" a="1"/>
  <c r="L494" i="4" s="1"/>
  <c r="N494" i="4" s="1"/>
  <c r="M494" i="4" a="1"/>
  <c r="M494" i="4" s="1"/>
  <c r="O494" i="4" s="1"/>
  <c r="F494" i="4" a="1"/>
  <c r="F494" i="4" s="1"/>
  <c r="H494" i="4" s="1"/>
  <c r="L506" i="4" a="1"/>
  <c r="L506" i="4" s="1"/>
  <c r="N506" i="4" s="1"/>
  <c r="M506" i="4" a="1"/>
  <c r="M506" i="4" s="1"/>
  <c r="O506" i="4" s="1"/>
  <c r="F506" i="4" a="1"/>
  <c r="F506" i="4" s="1"/>
  <c r="H506" i="4" s="1"/>
  <c r="L518" i="4" a="1"/>
  <c r="L518" i="4" s="1"/>
  <c r="N518" i="4" s="1"/>
  <c r="M518" i="4" a="1"/>
  <c r="M518" i="4" s="1"/>
  <c r="O518" i="4" s="1"/>
  <c r="F518" i="4" a="1"/>
  <c r="F518" i="4" s="1"/>
  <c r="H518" i="4" s="1"/>
  <c r="L530" i="4" a="1"/>
  <c r="L530" i="4" s="1"/>
  <c r="N530" i="4" s="1"/>
  <c r="M530" i="4" a="1"/>
  <c r="M530" i="4" s="1"/>
  <c r="O530" i="4" s="1"/>
  <c r="F530" i="4" a="1"/>
  <c r="F530" i="4" s="1"/>
  <c r="H530" i="4" s="1"/>
  <c r="M542" i="4" a="1"/>
  <c r="M542" i="4" s="1"/>
  <c r="O542" i="4" s="1"/>
  <c r="L542" i="4" a="1"/>
  <c r="L542" i="4" s="1"/>
  <c r="N542" i="4" s="1"/>
  <c r="F542" i="4" a="1"/>
  <c r="F542" i="4" s="1"/>
  <c r="H542" i="4" s="1"/>
  <c r="M554" i="4" a="1"/>
  <c r="M554" i="4" s="1"/>
  <c r="O554" i="4" s="1"/>
  <c r="L554" i="4" a="1"/>
  <c r="L554" i="4" s="1"/>
  <c r="N554" i="4" s="1"/>
  <c r="F554" i="4" a="1"/>
  <c r="F554" i="4" s="1"/>
  <c r="H554" i="4" s="1"/>
  <c r="L566" i="4" a="1"/>
  <c r="L566" i="4" s="1"/>
  <c r="N566" i="4" s="1"/>
  <c r="M566" i="4" a="1"/>
  <c r="M566" i="4" s="1"/>
  <c r="O566" i="4" s="1"/>
  <c r="F566" i="4" a="1"/>
  <c r="F566" i="4" s="1"/>
  <c r="H566" i="4" s="1"/>
  <c r="L578" i="4" a="1"/>
  <c r="L578" i="4" s="1"/>
  <c r="N578" i="4" s="1"/>
  <c r="M578" i="4" a="1"/>
  <c r="M578" i="4" s="1"/>
  <c r="O578" i="4" s="1"/>
  <c r="L590" i="4" a="1"/>
  <c r="L590" i="4" s="1"/>
  <c r="N590" i="4" s="1"/>
  <c r="M590" i="4" a="1"/>
  <c r="M590" i="4" s="1"/>
  <c r="O590" i="4" s="1"/>
  <c r="F590" i="4" a="1"/>
  <c r="F590" i="4" s="1"/>
  <c r="H590" i="4" s="1"/>
  <c r="L602" i="4" a="1"/>
  <c r="L602" i="4" s="1"/>
  <c r="N602" i="4" s="1"/>
  <c r="M602" i="4" a="1"/>
  <c r="M602" i="4" s="1"/>
  <c r="O602" i="4" s="1"/>
  <c r="F602" i="4" a="1"/>
  <c r="F602" i="4" s="1"/>
  <c r="H602" i="4" s="1"/>
  <c r="L614" i="4" a="1"/>
  <c r="L614" i="4" s="1"/>
  <c r="N614" i="4" s="1"/>
  <c r="M614" i="4" a="1"/>
  <c r="M614" i="4" s="1"/>
  <c r="O614" i="4" s="1"/>
  <c r="F614" i="4" a="1"/>
  <c r="F614" i="4" s="1"/>
  <c r="H614" i="4" s="1"/>
  <c r="L626" i="4" a="1"/>
  <c r="L626" i="4" s="1"/>
  <c r="N626" i="4" s="1"/>
  <c r="M626" i="4" a="1"/>
  <c r="M626" i="4" s="1"/>
  <c r="O626" i="4" s="1"/>
  <c r="F626" i="4" a="1"/>
  <c r="F626" i="4" s="1"/>
  <c r="H626" i="4" s="1"/>
  <c r="L638" i="4" a="1"/>
  <c r="L638" i="4" s="1"/>
  <c r="N638" i="4" s="1"/>
  <c r="M638" i="4" a="1"/>
  <c r="M638" i="4" s="1"/>
  <c r="O638" i="4" s="1"/>
  <c r="F638" i="4" a="1"/>
  <c r="F638" i="4" s="1"/>
  <c r="H638" i="4" s="1"/>
  <c r="M650" i="4" a="1"/>
  <c r="M650" i="4" s="1"/>
  <c r="O650" i="4" s="1"/>
  <c r="L650" i="4" a="1"/>
  <c r="L650" i="4" s="1"/>
  <c r="N650" i="4" s="1"/>
  <c r="F650" i="4" a="1"/>
  <c r="F650" i="4" s="1"/>
  <c r="H650" i="4" s="1"/>
  <c r="M662" i="4" a="1"/>
  <c r="M662" i="4" s="1"/>
  <c r="O662" i="4" s="1"/>
  <c r="L662" i="4" a="1"/>
  <c r="L662" i="4" s="1"/>
  <c r="N662" i="4" s="1"/>
  <c r="F662" i="4" a="1"/>
  <c r="F662" i="4" s="1"/>
  <c r="H662" i="4" s="1"/>
  <c r="M674" i="4" a="1"/>
  <c r="M674" i="4" s="1"/>
  <c r="O674" i="4" s="1"/>
  <c r="L674" i="4" a="1"/>
  <c r="L674" i="4" s="1"/>
  <c r="N674" i="4" s="1"/>
  <c r="F674" i="4" a="1"/>
  <c r="F674" i="4" s="1"/>
  <c r="H674" i="4" s="1"/>
  <c r="M686" i="4" a="1"/>
  <c r="M686" i="4" s="1"/>
  <c r="O686" i="4" s="1"/>
  <c r="L686" i="4" a="1"/>
  <c r="L686" i="4" s="1"/>
  <c r="N686" i="4" s="1"/>
  <c r="F686" i="4" a="1"/>
  <c r="F686" i="4" s="1"/>
  <c r="H686" i="4" s="1"/>
  <c r="M698" i="4" a="1"/>
  <c r="M698" i="4" s="1"/>
  <c r="O698" i="4" s="1"/>
  <c r="L698" i="4" a="1"/>
  <c r="L698" i="4" s="1"/>
  <c r="N698" i="4" s="1"/>
  <c r="F698" i="4" a="1"/>
  <c r="F698" i="4" s="1"/>
  <c r="H698" i="4" s="1"/>
  <c r="M710" i="4" a="1"/>
  <c r="M710" i="4" s="1"/>
  <c r="O710" i="4" s="1"/>
  <c r="L710" i="4" a="1"/>
  <c r="L710" i="4" s="1"/>
  <c r="N710" i="4" s="1"/>
  <c r="F710" i="4" a="1"/>
  <c r="F710" i="4" s="1"/>
  <c r="H710" i="4" s="1"/>
  <c r="M722" i="4" a="1"/>
  <c r="M722" i="4" s="1"/>
  <c r="O722" i="4" s="1"/>
  <c r="L722" i="4" a="1"/>
  <c r="L722" i="4" s="1"/>
  <c r="N722" i="4" s="1"/>
  <c r="F722" i="4" a="1"/>
  <c r="F722" i="4" s="1"/>
  <c r="H722" i="4" s="1"/>
  <c r="M734" i="4" a="1"/>
  <c r="M734" i="4" s="1"/>
  <c r="O734" i="4" s="1"/>
  <c r="L734" i="4" a="1"/>
  <c r="L734" i="4" s="1"/>
  <c r="N734" i="4" s="1"/>
  <c r="F734" i="4" a="1"/>
  <c r="F734" i="4" s="1"/>
  <c r="H734" i="4" s="1"/>
  <c r="M746" i="4" a="1"/>
  <c r="M746" i="4" s="1"/>
  <c r="O746" i="4" s="1"/>
  <c r="L746" i="4" a="1"/>
  <c r="L746" i="4" s="1"/>
  <c r="N746" i="4" s="1"/>
  <c r="F746" i="4" a="1"/>
  <c r="F746" i="4" s="1"/>
  <c r="H746" i="4" s="1"/>
  <c r="L758" i="4" a="1"/>
  <c r="L758" i="4" s="1"/>
  <c r="N758" i="4" s="1"/>
  <c r="M758" i="4" a="1"/>
  <c r="M758" i="4" s="1"/>
  <c r="O758" i="4" s="1"/>
  <c r="F758" i="4" a="1"/>
  <c r="F758" i="4" s="1"/>
  <c r="H758" i="4" s="1"/>
  <c r="M770" i="4" a="1"/>
  <c r="M770" i="4" s="1"/>
  <c r="O770" i="4" s="1"/>
  <c r="L770" i="4" a="1"/>
  <c r="L770" i="4" s="1"/>
  <c r="N770" i="4" s="1"/>
  <c r="M782" i="4" a="1"/>
  <c r="M782" i="4" s="1"/>
  <c r="O782" i="4" s="1"/>
  <c r="L782" i="4" a="1"/>
  <c r="L782" i="4" s="1"/>
  <c r="N782" i="4" s="1"/>
  <c r="F782" i="4" a="1"/>
  <c r="F782" i="4" s="1"/>
  <c r="H782" i="4" s="1"/>
  <c r="L794" i="4" a="1"/>
  <c r="L794" i="4" s="1"/>
  <c r="N794" i="4" s="1"/>
  <c r="M794" i="4" a="1"/>
  <c r="M794" i="4" s="1"/>
  <c r="O794" i="4" s="1"/>
  <c r="F794" i="4" a="1"/>
  <c r="F794" i="4" s="1"/>
  <c r="H794" i="4" s="1"/>
  <c r="L806" i="4" a="1"/>
  <c r="L806" i="4" s="1"/>
  <c r="N806" i="4" s="1"/>
  <c r="M806" i="4" a="1"/>
  <c r="M806" i="4" s="1"/>
  <c r="O806" i="4" s="1"/>
  <c r="F806" i="4" a="1"/>
  <c r="F806" i="4" s="1"/>
  <c r="H806" i="4" s="1"/>
  <c r="L818" i="4" a="1"/>
  <c r="L818" i="4" s="1"/>
  <c r="N818" i="4" s="1"/>
  <c r="M818" i="4" a="1"/>
  <c r="M818" i="4" s="1"/>
  <c r="O818" i="4" s="1"/>
  <c r="L830" i="4" a="1"/>
  <c r="L830" i="4" s="1"/>
  <c r="N830" i="4" s="1"/>
  <c r="M830" i="4" a="1"/>
  <c r="M830" i="4" s="1"/>
  <c r="O830" i="4" s="1"/>
  <c r="F830" i="4" a="1"/>
  <c r="F830" i="4" s="1"/>
  <c r="H830" i="4" s="1"/>
  <c r="L842" i="4" a="1"/>
  <c r="L842" i="4" s="1"/>
  <c r="N842" i="4" s="1"/>
  <c r="M842" i="4" a="1"/>
  <c r="M842" i="4" s="1"/>
  <c r="O842" i="4" s="1"/>
  <c r="F842" i="4" a="1"/>
  <c r="F842" i="4" s="1"/>
  <c r="H842" i="4" s="1"/>
  <c r="L854" i="4" a="1"/>
  <c r="L854" i="4" s="1"/>
  <c r="N854" i="4" s="1"/>
  <c r="M854" i="4" a="1"/>
  <c r="M854" i="4" s="1"/>
  <c r="O854" i="4" s="1"/>
  <c r="F854" i="4" a="1"/>
  <c r="F854" i="4" s="1"/>
  <c r="H854" i="4" s="1"/>
  <c r="L866" i="4" a="1"/>
  <c r="L866" i="4" s="1"/>
  <c r="N866" i="4" s="1"/>
  <c r="M866" i="4" a="1"/>
  <c r="M866" i="4" s="1"/>
  <c r="O866" i="4" s="1"/>
  <c r="F866" i="4" a="1"/>
  <c r="F866" i="4" s="1"/>
  <c r="H866" i="4" s="1"/>
  <c r="E96" i="4" a="1"/>
  <c r="E96" i="4" s="1"/>
  <c r="G96" i="4" s="1"/>
  <c r="E106" i="4" a="1"/>
  <c r="E106" i="4" s="1"/>
  <c r="G106" i="4" s="1"/>
  <c r="E115" i="4" a="1"/>
  <c r="E115" i="4" s="1"/>
  <c r="G115" i="4" s="1"/>
  <c r="E142" i="4" a="1"/>
  <c r="E142" i="4" s="1"/>
  <c r="G142" i="4" s="1"/>
  <c r="E204" i="4" a="1"/>
  <c r="E204" i="4" s="1"/>
  <c r="G204" i="4" s="1"/>
  <c r="E213" i="4" a="1"/>
  <c r="E213" i="4" s="1"/>
  <c r="G213" i="4" s="1"/>
  <c r="E240" i="4" a="1"/>
  <c r="E240" i="4" s="1"/>
  <c r="G240" i="4" s="1"/>
  <c r="E326" i="4" a="1"/>
  <c r="E326" i="4" s="1"/>
  <c r="G326" i="4" s="1"/>
  <c r="E398" i="4" a="1"/>
  <c r="E398" i="4" s="1"/>
  <c r="G398" i="4" s="1"/>
  <c r="E408" i="4" a="1"/>
  <c r="E408" i="4" s="1"/>
  <c r="G408" i="4" s="1"/>
  <c r="E429" i="4" a="1"/>
  <c r="E429" i="4" s="1"/>
  <c r="G429" i="4" s="1"/>
  <c r="E530" i="4" a="1"/>
  <c r="E530" i="4" s="1"/>
  <c r="G530" i="4" s="1"/>
  <c r="E638" i="4" a="1"/>
  <c r="E638" i="4" s="1"/>
  <c r="G638" i="4" s="1"/>
  <c r="E650" i="4" a="1"/>
  <c r="E650" i="4" s="1"/>
  <c r="G650" i="4" s="1"/>
  <c r="E672" i="4" a="1"/>
  <c r="E672" i="4" s="1"/>
  <c r="G672" i="4" s="1"/>
  <c r="E694" i="4" a="1"/>
  <c r="E694" i="4" s="1"/>
  <c r="G694" i="4" s="1"/>
  <c r="E782" i="4" a="1"/>
  <c r="E782" i="4" s="1"/>
  <c r="G782" i="4" s="1"/>
  <c r="E794" i="4" a="1"/>
  <c r="E794" i="4" s="1"/>
  <c r="G794" i="4" s="1"/>
  <c r="E805" i="4" a="1"/>
  <c r="E805" i="4" s="1"/>
  <c r="G805" i="4" s="1"/>
  <c r="E816" i="4" a="1"/>
  <c r="E816" i="4" s="1"/>
  <c r="G816" i="4" s="1"/>
  <c r="E838" i="4" a="1"/>
  <c r="E838" i="4" s="1"/>
  <c r="G838" i="4" s="1"/>
  <c r="F38" i="4" a="1"/>
  <c r="F38" i="4" s="1"/>
  <c r="H38" i="4" s="1"/>
  <c r="F84" i="4" a="1"/>
  <c r="F84" i="4" s="1"/>
  <c r="H84" i="4" s="1"/>
  <c r="F94" i="4" a="1"/>
  <c r="F94" i="4" s="1"/>
  <c r="H94" i="4" s="1"/>
  <c r="F134" i="4" a="1"/>
  <c r="F134" i="4" s="1"/>
  <c r="H134" i="4" s="1"/>
  <c r="F156" i="4" a="1"/>
  <c r="F156" i="4" s="1"/>
  <c r="H156" i="4" s="1"/>
  <c r="F166" i="4" a="1"/>
  <c r="F166" i="4" s="1"/>
  <c r="H166" i="4" s="1"/>
  <c r="F226" i="4" a="1"/>
  <c r="F226" i="4" s="1"/>
  <c r="H226" i="4" s="1"/>
  <c r="F259" i="4" a="1"/>
  <c r="F259" i="4" s="1"/>
  <c r="H259" i="4" s="1"/>
  <c r="F302" i="4" a="1"/>
  <c r="F302" i="4" s="1"/>
  <c r="H302" i="4" s="1"/>
  <c r="F324" i="4" a="1"/>
  <c r="F324" i="4" s="1"/>
  <c r="H324" i="4" s="1"/>
  <c r="F381" i="4" a="1"/>
  <c r="F381" i="4" s="1"/>
  <c r="H381" i="4" s="1"/>
  <c r="F418" i="4" a="1"/>
  <c r="F418" i="4" s="1"/>
  <c r="H418" i="4" s="1"/>
  <c r="F790" i="4" a="1"/>
  <c r="F790" i="4" s="1"/>
  <c r="H790" i="4" s="1"/>
  <c r="M39" i="4" a="1"/>
  <c r="M39" i="4" s="1"/>
  <c r="O39" i="4" s="1"/>
  <c r="L39" i="4" a="1"/>
  <c r="L39" i="4" s="1"/>
  <c r="N39" i="4" s="1"/>
  <c r="M51" i="4" a="1"/>
  <c r="M51" i="4" s="1"/>
  <c r="O51" i="4" s="1"/>
  <c r="L51" i="4" a="1"/>
  <c r="L51" i="4" s="1"/>
  <c r="N51" i="4" s="1"/>
  <c r="M63" i="4" a="1"/>
  <c r="M63" i="4" s="1"/>
  <c r="O63" i="4" s="1"/>
  <c r="L63" i="4" a="1"/>
  <c r="L63" i="4" s="1"/>
  <c r="N63" i="4" s="1"/>
  <c r="M75" i="4" a="1"/>
  <c r="M75" i="4" s="1"/>
  <c r="O75" i="4" s="1"/>
  <c r="L75" i="4" a="1"/>
  <c r="L75" i="4" s="1"/>
  <c r="N75" i="4" s="1"/>
  <c r="M87" i="4" a="1"/>
  <c r="M87" i="4" s="1"/>
  <c r="O87" i="4" s="1"/>
  <c r="L87" i="4" a="1"/>
  <c r="L87" i="4" s="1"/>
  <c r="N87" i="4" s="1"/>
  <c r="M99" i="4" a="1"/>
  <c r="M99" i="4" s="1"/>
  <c r="O99" i="4" s="1"/>
  <c r="L99" i="4" a="1"/>
  <c r="L99" i="4" s="1"/>
  <c r="N99" i="4" s="1"/>
  <c r="M111" i="4" a="1"/>
  <c r="M111" i="4" s="1"/>
  <c r="O111" i="4" s="1"/>
  <c r="L111" i="4" a="1"/>
  <c r="L111" i="4" s="1"/>
  <c r="N111" i="4" s="1"/>
  <c r="M123" i="4" a="1"/>
  <c r="M123" i="4" s="1"/>
  <c r="O123" i="4" s="1"/>
  <c r="L123" i="4" a="1"/>
  <c r="L123" i="4" s="1"/>
  <c r="N123" i="4" s="1"/>
  <c r="M135" i="4" a="1"/>
  <c r="M135" i="4" s="1"/>
  <c r="O135" i="4" s="1"/>
  <c r="L135" i="4" a="1"/>
  <c r="L135" i="4" s="1"/>
  <c r="N135" i="4" s="1"/>
  <c r="M147" i="4" a="1"/>
  <c r="M147" i="4" s="1"/>
  <c r="O147" i="4" s="1"/>
  <c r="L147" i="4" a="1"/>
  <c r="L147" i="4" s="1"/>
  <c r="N147" i="4" s="1"/>
  <c r="M159" i="4" a="1"/>
  <c r="M159" i="4" s="1"/>
  <c r="O159" i="4" s="1"/>
  <c r="L159" i="4" a="1"/>
  <c r="L159" i="4" s="1"/>
  <c r="N159" i="4" s="1"/>
  <c r="M171" i="4" a="1"/>
  <c r="M171" i="4" s="1"/>
  <c r="O171" i="4" s="1"/>
  <c r="L171" i="4" a="1"/>
  <c r="L171" i="4" s="1"/>
  <c r="N171" i="4" s="1"/>
  <c r="M183" i="4" a="1"/>
  <c r="M183" i="4" s="1"/>
  <c r="O183" i="4" s="1"/>
  <c r="L183" i="4" a="1"/>
  <c r="L183" i="4" s="1"/>
  <c r="N183" i="4" s="1"/>
  <c r="M195" i="4" a="1"/>
  <c r="M195" i="4" s="1"/>
  <c r="O195" i="4" s="1"/>
  <c r="L195" i="4" a="1"/>
  <c r="L195" i="4" s="1"/>
  <c r="N195" i="4" s="1"/>
  <c r="M207" i="4" a="1"/>
  <c r="M207" i="4" s="1"/>
  <c r="O207" i="4" s="1"/>
  <c r="L207" i="4" a="1"/>
  <c r="L207" i="4" s="1"/>
  <c r="N207" i="4" s="1"/>
  <c r="M219" i="4" a="1"/>
  <c r="M219" i="4" s="1"/>
  <c r="O219" i="4" s="1"/>
  <c r="L219" i="4" a="1"/>
  <c r="L219" i="4" s="1"/>
  <c r="N219" i="4" s="1"/>
  <c r="M231" i="4" a="1"/>
  <c r="M231" i="4" s="1"/>
  <c r="O231" i="4" s="1"/>
  <c r="L231" i="4" a="1"/>
  <c r="L231" i="4" s="1"/>
  <c r="N231" i="4" s="1"/>
  <c r="M243" i="4" a="1"/>
  <c r="M243" i="4" s="1"/>
  <c r="O243" i="4" s="1"/>
  <c r="L243" i="4" a="1"/>
  <c r="L243" i="4" s="1"/>
  <c r="N243" i="4" s="1"/>
  <c r="F243" i="4" a="1"/>
  <c r="F243" i="4" s="1"/>
  <c r="H243" i="4" s="1"/>
  <c r="M255" i="4" a="1"/>
  <c r="M255" i="4" s="1"/>
  <c r="O255" i="4" s="1"/>
  <c r="L255" i="4" a="1"/>
  <c r="L255" i="4" s="1"/>
  <c r="N255" i="4" s="1"/>
  <c r="F255" i="4" a="1"/>
  <c r="F255" i="4" s="1"/>
  <c r="H255" i="4" s="1"/>
  <c r="L267" i="4" a="1"/>
  <c r="L267" i="4" s="1"/>
  <c r="N267" i="4" s="1"/>
  <c r="M267" i="4" a="1"/>
  <c r="M267" i="4" s="1"/>
  <c r="O267" i="4" s="1"/>
  <c r="M279" i="4" a="1"/>
  <c r="M279" i="4" s="1"/>
  <c r="O279" i="4" s="1"/>
  <c r="L279" i="4" a="1"/>
  <c r="L279" i="4" s="1"/>
  <c r="N279" i="4" s="1"/>
  <c r="F279" i="4" a="1"/>
  <c r="F279" i="4" s="1"/>
  <c r="H279" i="4" s="1"/>
  <c r="M291" i="4" a="1"/>
  <c r="M291" i="4" s="1"/>
  <c r="O291" i="4" s="1"/>
  <c r="L291" i="4" a="1"/>
  <c r="L291" i="4" s="1"/>
  <c r="N291" i="4" s="1"/>
  <c r="M303" i="4" a="1"/>
  <c r="M303" i="4" s="1"/>
  <c r="O303" i="4" s="1"/>
  <c r="L303" i="4" a="1"/>
  <c r="L303" i="4" s="1"/>
  <c r="N303" i="4" s="1"/>
  <c r="F303" i="4" a="1"/>
  <c r="F303" i="4" s="1"/>
  <c r="H303" i="4" s="1"/>
  <c r="M315" i="4" a="1"/>
  <c r="M315" i="4" s="1"/>
  <c r="O315" i="4" s="1"/>
  <c r="L315" i="4" a="1"/>
  <c r="L315" i="4" s="1"/>
  <c r="N315" i="4" s="1"/>
  <c r="F315" i="4" a="1"/>
  <c r="F315" i="4" s="1"/>
  <c r="H315" i="4" s="1"/>
  <c r="M327" i="4" a="1"/>
  <c r="M327" i="4" s="1"/>
  <c r="O327" i="4" s="1"/>
  <c r="L327" i="4" a="1"/>
  <c r="L327" i="4" s="1"/>
  <c r="N327" i="4" s="1"/>
  <c r="L339" i="4" a="1"/>
  <c r="L339" i="4" s="1"/>
  <c r="N339" i="4" s="1"/>
  <c r="M339" i="4" a="1"/>
  <c r="M339" i="4" s="1"/>
  <c r="O339" i="4" s="1"/>
  <c r="M351" i="4" a="1"/>
  <c r="M351" i="4" s="1"/>
  <c r="O351" i="4" s="1"/>
  <c r="L351" i="4" a="1"/>
  <c r="L351" i="4" s="1"/>
  <c r="N351" i="4" s="1"/>
  <c r="F351" i="4" a="1"/>
  <c r="F351" i="4" s="1"/>
  <c r="H351" i="4" s="1"/>
  <c r="M363" i="4" a="1"/>
  <c r="M363" i="4" s="1"/>
  <c r="O363" i="4" s="1"/>
  <c r="L363" i="4" a="1"/>
  <c r="L363" i="4" s="1"/>
  <c r="N363" i="4" s="1"/>
  <c r="F363" i="4" a="1"/>
  <c r="F363" i="4" s="1"/>
  <c r="H363" i="4" s="1"/>
  <c r="M375" i="4" a="1"/>
  <c r="M375" i="4" s="1"/>
  <c r="O375" i="4" s="1"/>
  <c r="L375" i="4" a="1"/>
  <c r="L375" i="4" s="1"/>
  <c r="N375" i="4" s="1"/>
  <c r="M387" i="4" a="1"/>
  <c r="M387" i="4" s="1"/>
  <c r="O387" i="4" s="1"/>
  <c r="L387" i="4" a="1"/>
  <c r="L387" i="4" s="1"/>
  <c r="N387" i="4" s="1"/>
  <c r="F387" i="4" a="1"/>
  <c r="F387" i="4" s="1"/>
  <c r="H387" i="4" s="1"/>
  <c r="M399" i="4" a="1"/>
  <c r="M399" i="4" s="1"/>
  <c r="O399" i="4" s="1"/>
  <c r="L399" i="4" a="1"/>
  <c r="L399" i="4" s="1"/>
  <c r="N399" i="4" s="1"/>
  <c r="L411" i="4" a="1"/>
  <c r="L411" i="4" s="1"/>
  <c r="N411" i="4" s="1"/>
  <c r="M411" i="4" a="1"/>
  <c r="M411" i="4" s="1"/>
  <c r="O411" i="4" s="1"/>
  <c r="F411" i="4" a="1"/>
  <c r="F411" i="4" s="1"/>
  <c r="H411" i="4" s="1"/>
  <c r="L423" i="4" a="1"/>
  <c r="L423" i="4" s="1"/>
  <c r="N423" i="4" s="1"/>
  <c r="M423" i="4" a="1"/>
  <c r="M423" i="4" s="1"/>
  <c r="O423" i="4" s="1"/>
  <c r="L435" i="4" a="1"/>
  <c r="L435" i="4" s="1"/>
  <c r="N435" i="4" s="1"/>
  <c r="M435" i="4" a="1"/>
  <c r="M435" i="4" s="1"/>
  <c r="O435" i="4" s="1"/>
  <c r="F435" i="4" a="1"/>
  <c r="F435" i="4" s="1"/>
  <c r="H435" i="4" s="1"/>
  <c r="L447" i="4" a="1"/>
  <c r="L447" i="4" s="1"/>
  <c r="N447" i="4" s="1"/>
  <c r="M447" i="4" a="1"/>
  <c r="M447" i="4" s="1"/>
  <c r="O447" i="4" s="1"/>
  <c r="F447" i="4" a="1"/>
  <c r="F447" i="4" s="1"/>
  <c r="H447" i="4" s="1"/>
  <c r="M459" i="4" a="1"/>
  <c r="M459" i="4" s="1"/>
  <c r="O459" i="4" s="1"/>
  <c r="L459" i="4" a="1"/>
  <c r="L459" i="4" s="1"/>
  <c r="N459" i="4" s="1"/>
  <c r="F459" i="4" a="1"/>
  <c r="F459" i="4" s="1"/>
  <c r="H459" i="4" s="1"/>
  <c r="M471" i="4" a="1"/>
  <c r="M471" i="4" s="1"/>
  <c r="O471" i="4" s="1"/>
  <c r="L471" i="4" a="1"/>
  <c r="L471" i="4" s="1"/>
  <c r="N471" i="4" s="1"/>
  <c r="L483" i="4" a="1"/>
  <c r="L483" i="4" s="1"/>
  <c r="N483" i="4" s="1"/>
  <c r="M483" i="4" a="1"/>
  <c r="M483" i="4" s="1"/>
  <c r="O483" i="4" s="1"/>
  <c r="F483" i="4" a="1"/>
  <c r="F483" i="4" s="1"/>
  <c r="H483" i="4" s="1"/>
  <c r="L495" i="4" a="1"/>
  <c r="L495" i="4" s="1"/>
  <c r="N495" i="4" s="1"/>
  <c r="M495" i="4" a="1"/>
  <c r="M495" i="4" s="1"/>
  <c r="O495" i="4" s="1"/>
  <c r="F495" i="4" a="1"/>
  <c r="F495" i="4" s="1"/>
  <c r="H495" i="4" s="1"/>
  <c r="L507" i="4" a="1"/>
  <c r="L507" i="4" s="1"/>
  <c r="N507" i="4" s="1"/>
  <c r="M507" i="4" a="1"/>
  <c r="M507" i="4" s="1"/>
  <c r="O507" i="4" s="1"/>
  <c r="F507" i="4" a="1"/>
  <c r="F507" i="4" s="1"/>
  <c r="H507" i="4" s="1"/>
  <c r="L519" i="4" a="1"/>
  <c r="L519" i="4" s="1"/>
  <c r="N519" i="4" s="1"/>
  <c r="M519" i="4" a="1"/>
  <c r="M519" i="4" s="1"/>
  <c r="O519" i="4" s="1"/>
  <c r="L531" i="4" a="1"/>
  <c r="L531" i="4" s="1"/>
  <c r="N531" i="4" s="1"/>
  <c r="M531" i="4" a="1"/>
  <c r="M531" i="4" s="1"/>
  <c r="O531" i="4" s="1"/>
  <c r="F531" i="4" a="1"/>
  <c r="F531" i="4" s="1"/>
  <c r="H531" i="4" s="1"/>
  <c r="M543" i="4" a="1"/>
  <c r="M543" i="4" s="1"/>
  <c r="O543" i="4" s="1"/>
  <c r="L543" i="4" a="1"/>
  <c r="L543" i="4" s="1"/>
  <c r="N543" i="4" s="1"/>
  <c r="F543" i="4" a="1"/>
  <c r="F543" i="4" s="1"/>
  <c r="H543" i="4" s="1"/>
  <c r="M555" i="4" a="1"/>
  <c r="M555" i="4" s="1"/>
  <c r="O555" i="4" s="1"/>
  <c r="L555" i="4" a="1"/>
  <c r="L555" i="4" s="1"/>
  <c r="N555" i="4" s="1"/>
  <c r="F555" i="4" a="1"/>
  <c r="F555" i="4" s="1"/>
  <c r="H555" i="4" s="1"/>
  <c r="L567" i="4" a="1"/>
  <c r="L567" i="4" s="1"/>
  <c r="N567" i="4" s="1"/>
  <c r="M567" i="4" a="1"/>
  <c r="M567" i="4" s="1"/>
  <c r="O567" i="4" s="1"/>
  <c r="F567" i="4" a="1"/>
  <c r="F567" i="4" s="1"/>
  <c r="H567" i="4" s="1"/>
  <c r="L579" i="4" a="1"/>
  <c r="L579" i="4" s="1"/>
  <c r="N579" i="4" s="1"/>
  <c r="M579" i="4" a="1"/>
  <c r="M579" i="4" s="1"/>
  <c r="O579" i="4" s="1"/>
  <c r="F579" i="4" a="1"/>
  <c r="F579" i="4" s="1"/>
  <c r="H579" i="4" s="1"/>
  <c r="L591" i="4" a="1"/>
  <c r="L591" i="4" s="1"/>
  <c r="N591" i="4" s="1"/>
  <c r="M591" i="4" a="1"/>
  <c r="M591" i="4" s="1"/>
  <c r="O591" i="4" s="1"/>
  <c r="F591" i="4" a="1"/>
  <c r="F591" i="4" s="1"/>
  <c r="H591" i="4" s="1"/>
  <c r="L603" i="4" a="1"/>
  <c r="L603" i="4" s="1"/>
  <c r="N603" i="4" s="1"/>
  <c r="M603" i="4" a="1"/>
  <c r="M603" i="4" s="1"/>
  <c r="O603" i="4" s="1"/>
  <c r="F603" i="4" a="1"/>
  <c r="F603" i="4" s="1"/>
  <c r="H603" i="4" s="1"/>
  <c r="L615" i="4" a="1"/>
  <c r="L615" i="4" s="1"/>
  <c r="N615" i="4" s="1"/>
  <c r="M615" i="4" a="1"/>
  <c r="M615" i="4" s="1"/>
  <c r="O615" i="4" s="1"/>
  <c r="F615" i="4" a="1"/>
  <c r="F615" i="4" s="1"/>
  <c r="H615" i="4" s="1"/>
  <c r="L627" i="4" a="1"/>
  <c r="L627" i="4" s="1"/>
  <c r="N627" i="4" s="1"/>
  <c r="M627" i="4" a="1"/>
  <c r="M627" i="4" s="1"/>
  <c r="O627" i="4" s="1"/>
  <c r="F627" i="4" a="1"/>
  <c r="F627" i="4" s="1"/>
  <c r="H627" i="4" s="1"/>
  <c r="L639" i="4" a="1"/>
  <c r="L639" i="4" s="1"/>
  <c r="N639" i="4" s="1"/>
  <c r="M639" i="4" a="1"/>
  <c r="M639" i="4" s="1"/>
  <c r="O639" i="4" s="1"/>
  <c r="F639" i="4" a="1"/>
  <c r="F639" i="4" s="1"/>
  <c r="H639" i="4" s="1"/>
  <c r="M651" i="4" a="1"/>
  <c r="M651" i="4" s="1"/>
  <c r="O651" i="4" s="1"/>
  <c r="L651" i="4" a="1"/>
  <c r="L651" i="4" s="1"/>
  <c r="N651" i="4" s="1"/>
  <c r="F651" i="4" a="1"/>
  <c r="F651" i="4" s="1"/>
  <c r="H651" i="4" s="1"/>
  <c r="M663" i="4" a="1"/>
  <c r="M663" i="4" s="1"/>
  <c r="O663" i="4" s="1"/>
  <c r="L663" i="4" a="1"/>
  <c r="L663" i="4" s="1"/>
  <c r="N663" i="4" s="1"/>
  <c r="F663" i="4" a="1"/>
  <c r="F663" i="4" s="1"/>
  <c r="H663" i="4" s="1"/>
  <c r="M675" i="4" a="1"/>
  <c r="M675" i="4" s="1"/>
  <c r="O675" i="4" s="1"/>
  <c r="L675" i="4" a="1"/>
  <c r="L675" i="4" s="1"/>
  <c r="N675" i="4" s="1"/>
  <c r="F675" i="4" a="1"/>
  <c r="F675" i="4" s="1"/>
  <c r="H675" i="4" s="1"/>
  <c r="M687" i="4" a="1"/>
  <c r="M687" i="4" s="1"/>
  <c r="O687" i="4" s="1"/>
  <c r="L687" i="4" a="1"/>
  <c r="L687" i="4" s="1"/>
  <c r="N687" i="4" s="1"/>
  <c r="F687" i="4" a="1"/>
  <c r="F687" i="4" s="1"/>
  <c r="H687" i="4" s="1"/>
  <c r="M699" i="4" a="1"/>
  <c r="M699" i="4" s="1"/>
  <c r="O699" i="4" s="1"/>
  <c r="L699" i="4" a="1"/>
  <c r="L699" i="4" s="1"/>
  <c r="N699" i="4" s="1"/>
  <c r="F699" i="4" a="1"/>
  <c r="F699" i="4" s="1"/>
  <c r="H699" i="4" s="1"/>
  <c r="M711" i="4" a="1"/>
  <c r="M711" i="4" s="1"/>
  <c r="O711" i="4" s="1"/>
  <c r="L711" i="4" a="1"/>
  <c r="L711" i="4" s="1"/>
  <c r="N711" i="4" s="1"/>
  <c r="F711" i="4" a="1"/>
  <c r="F711" i="4" s="1"/>
  <c r="H711" i="4" s="1"/>
  <c r="M723" i="4" a="1"/>
  <c r="M723" i="4" s="1"/>
  <c r="O723" i="4" s="1"/>
  <c r="L723" i="4" a="1"/>
  <c r="L723" i="4" s="1"/>
  <c r="N723" i="4" s="1"/>
  <c r="F723" i="4" a="1"/>
  <c r="F723" i="4" s="1"/>
  <c r="H723" i="4" s="1"/>
  <c r="L735" i="4" a="1"/>
  <c r="L735" i="4" s="1"/>
  <c r="N735" i="4" s="1"/>
  <c r="M735" i="4" a="1"/>
  <c r="M735" i="4" s="1"/>
  <c r="O735" i="4" s="1"/>
  <c r="F735" i="4" a="1"/>
  <c r="F735" i="4" s="1"/>
  <c r="H735" i="4" s="1"/>
  <c r="M747" i="4" a="1"/>
  <c r="M747" i="4" s="1"/>
  <c r="O747" i="4" s="1"/>
  <c r="L747" i="4" a="1"/>
  <c r="L747" i="4" s="1"/>
  <c r="N747" i="4" s="1"/>
  <c r="F747" i="4" a="1"/>
  <c r="F747" i="4" s="1"/>
  <c r="H747" i="4" s="1"/>
  <c r="L759" i="4" a="1"/>
  <c r="L759" i="4" s="1"/>
  <c r="N759" i="4" s="1"/>
  <c r="M759" i="4" a="1"/>
  <c r="M759" i="4" s="1"/>
  <c r="O759" i="4" s="1"/>
  <c r="F759" i="4" a="1"/>
  <c r="F759" i="4" s="1"/>
  <c r="H759" i="4" s="1"/>
  <c r="M771" i="4" a="1"/>
  <c r="M771" i="4" s="1"/>
  <c r="O771" i="4" s="1"/>
  <c r="L771" i="4" a="1"/>
  <c r="L771" i="4" s="1"/>
  <c r="N771" i="4" s="1"/>
  <c r="F771" i="4" a="1"/>
  <c r="F771" i="4" s="1"/>
  <c r="H771" i="4" s="1"/>
  <c r="M783" i="4" a="1"/>
  <c r="M783" i="4" s="1"/>
  <c r="O783" i="4" s="1"/>
  <c r="L783" i="4" a="1"/>
  <c r="L783" i="4" s="1"/>
  <c r="N783" i="4" s="1"/>
  <c r="F783" i="4" a="1"/>
  <c r="F783" i="4" s="1"/>
  <c r="H783" i="4" s="1"/>
  <c r="L795" i="4" a="1"/>
  <c r="L795" i="4" s="1"/>
  <c r="N795" i="4" s="1"/>
  <c r="M795" i="4" a="1"/>
  <c r="M795" i="4" s="1"/>
  <c r="O795" i="4" s="1"/>
  <c r="F795" i="4" a="1"/>
  <c r="F795" i="4" s="1"/>
  <c r="H795" i="4" s="1"/>
  <c r="L807" i="4" a="1"/>
  <c r="L807" i="4" s="1"/>
  <c r="N807" i="4" s="1"/>
  <c r="M807" i="4" a="1"/>
  <c r="M807" i="4" s="1"/>
  <c r="O807" i="4" s="1"/>
  <c r="F807" i="4" a="1"/>
  <c r="F807" i="4" s="1"/>
  <c r="H807" i="4" s="1"/>
  <c r="L819" i="4" a="1"/>
  <c r="L819" i="4" s="1"/>
  <c r="N819" i="4" s="1"/>
  <c r="M819" i="4" a="1"/>
  <c r="M819" i="4" s="1"/>
  <c r="O819" i="4" s="1"/>
  <c r="F819" i="4" a="1"/>
  <c r="F819" i="4" s="1"/>
  <c r="H819" i="4" s="1"/>
  <c r="L831" i="4" a="1"/>
  <c r="L831" i="4" s="1"/>
  <c r="N831" i="4" s="1"/>
  <c r="M831" i="4" a="1"/>
  <c r="M831" i="4" s="1"/>
  <c r="O831" i="4" s="1"/>
  <c r="F831" i="4" a="1"/>
  <c r="F831" i="4" s="1"/>
  <c r="H831" i="4" s="1"/>
  <c r="L843" i="4" a="1"/>
  <c r="L843" i="4" s="1"/>
  <c r="N843" i="4" s="1"/>
  <c r="M843" i="4" a="1"/>
  <c r="M843" i="4" s="1"/>
  <c r="O843" i="4" s="1"/>
  <c r="F843" i="4" a="1"/>
  <c r="F843" i="4" s="1"/>
  <c r="H843" i="4" s="1"/>
  <c r="L855" i="4" a="1"/>
  <c r="L855" i="4" s="1"/>
  <c r="N855" i="4" s="1"/>
  <c r="M855" i="4" a="1"/>
  <c r="M855" i="4" s="1"/>
  <c r="O855" i="4" s="1"/>
  <c r="F855" i="4" a="1"/>
  <c r="F855" i="4" s="1"/>
  <c r="H855" i="4" s="1"/>
  <c r="M867" i="4" a="1"/>
  <c r="M867" i="4" s="1"/>
  <c r="O867" i="4" s="1"/>
  <c r="L867" i="4" a="1"/>
  <c r="L867" i="4" s="1"/>
  <c r="N867" i="4" s="1"/>
  <c r="F867" i="4" a="1"/>
  <c r="F867" i="4" s="1"/>
  <c r="H867" i="4" s="1"/>
  <c r="E38" i="4" a="1"/>
  <c r="E38" i="4" s="1"/>
  <c r="G38" i="4" s="1"/>
  <c r="E50" i="4" a="1"/>
  <c r="E50" i="4" s="1"/>
  <c r="G50" i="4" s="1"/>
  <c r="E62" i="4" a="1"/>
  <c r="E62" i="4" s="1"/>
  <c r="G62" i="4" s="1"/>
  <c r="E74" i="4" a="1"/>
  <c r="E74" i="4" s="1"/>
  <c r="G74" i="4" s="1"/>
  <c r="E86" i="4" a="1"/>
  <c r="E86" i="4" s="1"/>
  <c r="G86" i="4" s="1"/>
  <c r="E116" i="4" a="1"/>
  <c r="E116" i="4" s="1"/>
  <c r="G116" i="4" s="1"/>
  <c r="E125" i="4" a="1"/>
  <c r="E125" i="4" s="1"/>
  <c r="G125" i="4" s="1"/>
  <c r="E134" i="4" a="1"/>
  <c r="E134" i="4" s="1"/>
  <c r="G134" i="4" s="1"/>
  <c r="E170" i="4" a="1"/>
  <c r="E170" i="4" s="1"/>
  <c r="G170" i="4" s="1"/>
  <c r="E178" i="4" a="1"/>
  <c r="E178" i="4" s="1"/>
  <c r="G178" i="4" s="1"/>
  <c r="E214" i="4" a="1"/>
  <c r="E214" i="4" s="1"/>
  <c r="G214" i="4" s="1"/>
  <c r="E284" i="4" a="1"/>
  <c r="E284" i="4" s="1"/>
  <c r="G284" i="4" s="1"/>
  <c r="E302" i="4" a="1"/>
  <c r="E302" i="4" s="1"/>
  <c r="G302" i="4" s="1"/>
  <c r="E360" i="4" a="1"/>
  <c r="E360" i="4" s="1"/>
  <c r="G360" i="4" s="1"/>
  <c r="E420" i="4" a="1"/>
  <c r="E420" i="4" s="1"/>
  <c r="G420" i="4" s="1"/>
  <c r="E430" i="4" a="1"/>
  <c r="E430" i="4" s="1"/>
  <c r="G430" i="4" s="1"/>
  <c r="E519" i="4" a="1"/>
  <c r="E519" i="4" s="1"/>
  <c r="G519" i="4" s="1"/>
  <c r="E542" i="4" a="1"/>
  <c r="E542" i="4" s="1"/>
  <c r="G542" i="4" s="1"/>
  <c r="E554" i="4" a="1"/>
  <c r="E554" i="4" s="1"/>
  <c r="G554" i="4" s="1"/>
  <c r="E564" i="4" a="1"/>
  <c r="E564" i="4" s="1"/>
  <c r="G564" i="4" s="1"/>
  <c r="E574" i="4" a="1"/>
  <c r="E574" i="4" s="1"/>
  <c r="G574" i="4" s="1"/>
  <c r="E595" i="4" a="1"/>
  <c r="E595" i="4" s="1"/>
  <c r="G595" i="4" s="1"/>
  <c r="E639" i="4" a="1"/>
  <c r="E639" i="4" s="1"/>
  <c r="G639" i="4" s="1"/>
  <c r="E651" i="4" a="1"/>
  <c r="E651" i="4" s="1"/>
  <c r="G651" i="4" s="1"/>
  <c r="E684" i="4" a="1"/>
  <c r="E684" i="4" s="1"/>
  <c r="G684" i="4" s="1"/>
  <c r="E706" i="4" a="1"/>
  <c r="E706" i="4" s="1"/>
  <c r="G706" i="4" s="1"/>
  <c r="E783" i="4" a="1"/>
  <c r="E783" i="4" s="1"/>
  <c r="G783" i="4" s="1"/>
  <c r="E795" i="4" a="1"/>
  <c r="E795" i="4" s="1"/>
  <c r="G795" i="4" s="1"/>
  <c r="E817" i="4" a="1"/>
  <c r="E817" i="4" s="1"/>
  <c r="G817" i="4" s="1"/>
  <c r="E828" i="4" a="1"/>
  <c r="E828" i="4" s="1"/>
  <c r="G828" i="4" s="1"/>
  <c r="E850" i="4" a="1"/>
  <c r="E850" i="4" s="1"/>
  <c r="G850" i="4" s="1"/>
  <c r="F39" i="4" a="1"/>
  <c r="F39" i="4" s="1"/>
  <c r="H39" i="4" s="1"/>
  <c r="F135" i="4" a="1"/>
  <c r="F135" i="4" s="1"/>
  <c r="H135" i="4" s="1"/>
  <c r="F178" i="4" a="1"/>
  <c r="F178" i="4" s="1"/>
  <c r="H178" i="4" s="1"/>
  <c r="F189" i="4" a="1"/>
  <c r="F189" i="4" s="1"/>
  <c r="H189" i="4" s="1"/>
  <c r="F327" i="4" a="1"/>
  <c r="F327" i="4" s="1"/>
  <c r="H327" i="4" s="1"/>
  <c r="F423" i="4" a="1"/>
  <c r="F423" i="4" s="1"/>
  <c r="H423" i="4" s="1"/>
  <c r="F684" i="4" a="1"/>
  <c r="F684" i="4" s="1"/>
  <c r="H684" i="4" s="1"/>
  <c r="L262" i="4" a="1"/>
  <c r="L262" i="4" s="1"/>
  <c r="N262" i="4" s="1"/>
  <c r="E242" i="4" a="1"/>
  <c r="E242" i="4" s="1"/>
  <c r="G242" i="4" s="1"/>
  <c r="E310" i="4" a="1"/>
  <c r="E310" i="4" s="1"/>
  <c r="G310" i="4" s="1"/>
  <c r="E327" i="4" a="1"/>
  <c r="E327" i="4" s="1"/>
  <c r="G327" i="4" s="1"/>
  <c r="E336" i="4" a="1"/>
  <c r="E336" i="4" s="1"/>
  <c r="G336" i="4" s="1"/>
  <c r="E399" i="4" a="1"/>
  <c r="E399" i="4" s="1"/>
  <c r="G399" i="4" s="1"/>
  <c r="E410" i="4" a="1"/>
  <c r="E410" i="4" s="1"/>
  <c r="G410" i="4" s="1"/>
  <c r="E442" i="4" a="1"/>
  <c r="E442" i="4" s="1"/>
  <c r="G442" i="4" s="1"/>
  <c r="E454" i="4" a="1"/>
  <c r="E454" i="4" s="1"/>
  <c r="G454" i="4" s="1"/>
  <c r="E531" i="4" a="1"/>
  <c r="E531" i="4" s="1"/>
  <c r="G531" i="4" s="1"/>
  <c r="E543" i="4" a="1"/>
  <c r="E543" i="4" s="1"/>
  <c r="G543" i="4" s="1"/>
  <c r="E596" i="4" a="1"/>
  <c r="E596" i="4" s="1"/>
  <c r="G596" i="4" s="1"/>
  <c r="E662" i="4" a="1"/>
  <c r="E662" i="4" s="1"/>
  <c r="G662" i="4" s="1"/>
  <c r="E674" i="4" a="1"/>
  <c r="E674" i="4" s="1"/>
  <c r="G674" i="4" s="1"/>
  <c r="E696" i="4" a="1"/>
  <c r="E696" i="4" s="1"/>
  <c r="G696" i="4" s="1"/>
  <c r="E718" i="4" a="1"/>
  <c r="E718" i="4" s="1"/>
  <c r="G718" i="4" s="1"/>
  <c r="E806" i="4" a="1"/>
  <c r="E806" i="4" s="1"/>
  <c r="G806" i="4" s="1"/>
  <c r="E818" i="4" a="1"/>
  <c r="E818" i="4" s="1"/>
  <c r="G818" i="4" s="1"/>
  <c r="E829" i="4" a="1"/>
  <c r="E829" i="4" s="1"/>
  <c r="G829" i="4" s="1"/>
  <c r="E840" i="4" a="1"/>
  <c r="E840" i="4" s="1"/>
  <c r="G840" i="4" s="1"/>
  <c r="E862" i="4" a="1"/>
  <c r="E862" i="4" s="1"/>
  <c r="G862" i="4" s="1"/>
  <c r="F48" i="4" a="1"/>
  <c r="F48" i="4" s="1"/>
  <c r="H48" i="4" s="1"/>
  <c r="F58" i="4" a="1"/>
  <c r="F58" i="4" s="1"/>
  <c r="H58" i="4" s="1"/>
  <c r="F146" i="4" a="1"/>
  <c r="F146" i="4" s="1"/>
  <c r="H146" i="4" s="1"/>
  <c r="F168" i="4" a="1"/>
  <c r="F168" i="4" s="1"/>
  <c r="H168" i="4" s="1"/>
  <c r="F190" i="4" a="1"/>
  <c r="F190" i="4" s="1"/>
  <c r="H190" i="4" s="1"/>
  <c r="F228" i="4" a="1"/>
  <c r="F228" i="4" s="1"/>
  <c r="H228" i="4" s="1"/>
  <c r="F242" i="4" a="1"/>
  <c r="F242" i="4" s="1"/>
  <c r="H242" i="4" s="1"/>
  <c r="F264" i="4" a="1"/>
  <c r="F264" i="4" s="1"/>
  <c r="H264" i="4" s="1"/>
  <c r="F468" i="4" a="1"/>
  <c r="F468" i="4" s="1"/>
  <c r="H468" i="4" s="1"/>
  <c r="F578" i="4" a="1"/>
  <c r="F578" i="4" s="1"/>
  <c r="H578" i="4" s="1"/>
  <c r="M41" i="4" a="1"/>
  <c r="M41" i="4" s="1"/>
  <c r="O41" i="4" s="1"/>
  <c r="L41" i="4" a="1"/>
  <c r="L41" i="4" s="1"/>
  <c r="N41" i="4" s="1"/>
  <c r="M53" i="4" a="1"/>
  <c r="M53" i="4" s="1"/>
  <c r="O53" i="4" s="1"/>
  <c r="L53" i="4" a="1"/>
  <c r="L53" i="4" s="1"/>
  <c r="N53" i="4" s="1"/>
  <c r="M65" i="4" a="1"/>
  <c r="M65" i="4" s="1"/>
  <c r="O65" i="4" s="1"/>
  <c r="L65" i="4" a="1"/>
  <c r="L65" i="4" s="1"/>
  <c r="N65" i="4" s="1"/>
  <c r="M77" i="4" a="1"/>
  <c r="M77" i="4" s="1"/>
  <c r="O77" i="4" s="1"/>
  <c r="L77" i="4" a="1"/>
  <c r="L77" i="4" s="1"/>
  <c r="N77" i="4" s="1"/>
  <c r="M89" i="4" a="1"/>
  <c r="M89" i="4" s="1"/>
  <c r="O89" i="4" s="1"/>
  <c r="L89" i="4" a="1"/>
  <c r="L89" i="4" s="1"/>
  <c r="N89" i="4" s="1"/>
  <c r="M101" i="4" a="1"/>
  <c r="M101" i="4" s="1"/>
  <c r="O101" i="4" s="1"/>
  <c r="L101" i="4" a="1"/>
  <c r="L101" i="4" s="1"/>
  <c r="N101" i="4" s="1"/>
  <c r="M113" i="4" a="1"/>
  <c r="M113" i="4" s="1"/>
  <c r="O113" i="4" s="1"/>
  <c r="M125" i="4" a="1"/>
  <c r="M125" i="4" s="1"/>
  <c r="O125" i="4" s="1"/>
  <c r="L125" i="4" a="1"/>
  <c r="L125" i="4" s="1"/>
  <c r="N125" i="4" s="1"/>
  <c r="M137" i="4" a="1"/>
  <c r="M137" i="4" s="1"/>
  <c r="O137" i="4" s="1"/>
  <c r="L137" i="4" a="1"/>
  <c r="L137" i="4" s="1"/>
  <c r="N137" i="4" s="1"/>
  <c r="M149" i="4" a="1"/>
  <c r="M149" i="4" s="1"/>
  <c r="O149" i="4" s="1"/>
  <c r="L149" i="4" a="1"/>
  <c r="L149" i="4" s="1"/>
  <c r="N149" i="4" s="1"/>
  <c r="M161" i="4" a="1"/>
  <c r="M161" i="4" s="1"/>
  <c r="O161" i="4" s="1"/>
  <c r="M173" i="4" a="1"/>
  <c r="M173" i="4" s="1"/>
  <c r="O173" i="4" s="1"/>
  <c r="L173" i="4" a="1"/>
  <c r="L173" i="4" s="1"/>
  <c r="N173" i="4" s="1"/>
  <c r="M185" i="4" a="1"/>
  <c r="M185" i="4" s="1"/>
  <c r="O185" i="4" s="1"/>
  <c r="L185" i="4" a="1"/>
  <c r="L185" i="4" s="1"/>
  <c r="N185" i="4" s="1"/>
  <c r="M197" i="4" a="1"/>
  <c r="M197" i="4" s="1"/>
  <c r="O197" i="4" s="1"/>
  <c r="L197" i="4" a="1"/>
  <c r="L197" i="4" s="1"/>
  <c r="N197" i="4" s="1"/>
  <c r="M209" i="4" a="1"/>
  <c r="M209" i="4" s="1"/>
  <c r="O209" i="4" s="1"/>
  <c r="L209" i="4" a="1"/>
  <c r="L209" i="4" s="1"/>
  <c r="N209" i="4" s="1"/>
  <c r="M221" i="4" a="1"/>
  <c r="M221" i="4" s="1"/>
  <c r="O221" i="4" s="1"/>
  <c r="L221" i="4" a="1"/>
  <c r="L221" i="4" s="1"/>
  <c r="N221" i="4" s="1"/>
  <c r="F221" i="4" a="1"/>
  <c r="F221" i="4" s="1"/>
  <c r="H221" i="4" s="1"/>
  <c r="L233" i="4" a="1"/>
  <c r="L233" i="4" s="1"/>
  <c r="N233" i="4" s="1"/>
  <c r="M233" i="4" a="1"/>
  <c r="M233" i="4" s="1"/>
  <c r="O233" i="4" s="1"/>
  <c r="M245" i="4" a="1"/>
  <c r="M245" i="4" s="1"/>
  <c r="O245" i="4" s="1"/>
  <c r="L245" i="4" a="1"/>
  <c r="L245" i="4" s="1"/>
  <c r="N245" i="4" s="1"/>
  <c r="F245" i="4" a="1"/>
  <c r="F245" i="4" s="1"/>
  <c r="H245" i="4" s="1"/>
  <c r="M257" i="4" a="1"/>
  <c r="M257" i="4" s="1"/>
  <c r="O257" i="4" s="1"/>
  <c r="L257" i="4" a="1"/>
  <c r="L257" i="4" s="1"/>
  <c r="N257" i="4" s="1"/>
  <c r="F257" i="4" a="1"/>
  <c r="F257" i="4" s="1"/>
  <c r="H257" i="4" s="1"/>
  <c r="M269" i="4" a="1"/>
  <c r="M269" i="4" s="1"/>
  <c r="O269" i="4" s="1"/>
  <c r="L269" i="4" a="1"/>
  <c r="L269" i="4" s="1"/>
  <c r="N269" i="4" s="1"/>
  <c r="M281" i="4" a="1"/>
  <c r="M281" i="4" s="1"/>
  <c r="O281" i="4" s="1"/>
  <c r="L281" i="4" a="1"/>
  <c r="L281" i="4" s="1"/>
  <c r="N281" i="4" s="1"/>
  <c r="L293" i="4" a="1"/>
  <c r="L293" i="4" s="1"/>
  <c r="N293" i="4" s="1"/>
  <c r="M293" i="4" a="1"/>
  <c r="M293" i="4" s="1"/>
  <c r="O293" i="4" s="1"/>
  <c r="F293" i="4" a="1"/>
  <c r="F293" i="4" s="1"/>
  <c r="H293" i="4" s="1"/>
  <c r="M305" i="4" a="1"/>
  <c r="M305" i="4" s="1"/>
  <c r="O305" i="4" s="1"/>
  <c r="L305" i="4" a="1"/>
  <c r="L305" i="4" s="1"/>
  <c r="N305" i="4" s="1"/>
  <c r="F305" i="4" a="1"/>
  <c r="F305" i="4" s="1"/>
  <c r="H305" i="4" s="1"/>
  <c r="M317" i="4" a="1"/>
  <c r="M317" i="4" s="1"/>
  <c r="O317" i="4" s="1"/>
  <c r="L317" i="4" a="1"/>
  <c r="L317" i="4" s="1"/>
  <c r="N317" i="4" s="1"/>
  <c r="L329" i="4" a="1"/>
  <c r="L329" i="4" s="1"/>
  <c r="N329" i="4" s="1"/>
  <c r="M329" i="4" a="1"/>
  <c r="M329" i="4" s="1"/>
  <c r="O329" i="4" s="1"/>
  <c r="F329" i="4" a="1"/>
  <c r="F329" i="4" s="1"/>
  <c r="H329" i="4" s="1"/>
  <c r="M341" i="4" a="1"/>
  <c r="M341" i="4" s="1"/>
  <c r="O341" i="4" s="1"/>
  <c r="L341" i="4" a="1"/>
  <c r="L341" i="4" s="1"/>
  <c r="N341" i="4" s="1"/>
  <c r="L353" i="4" a="1"/>
  <c r="L353" i="4" s="1"/>
  <c r="N353" i="4" s="1"/>
  <c r="M353" i="4" a="1"/>
  <c r="M353" i="4" s="1"/>
  <c r="O353" i="4" s="1"/>
  <c r="F353" i="4" a="1"/>
  <c r="F353" i="4" s="1"/>
  <c r="H353" i="4" s="1"/>
  <c r="M365" i="4" a="1"/>
  <c r="M365" i="4" s="1"/>
  <c r="O365" i="4" s="1"/>
  <c r="L365" i="4" a="1"/>
  <c r="L365" i="4" s="1"/>
  <c r="N365" i="4" s="1"/>
  <c r="F365" i="4" a="1"/>
  <c r="F365" i="4" s="1"/>
  <c r="H365" i="4" s="1"/>
  <c r="M377" i="4" a="1"/>
  <c r="M377" i="4" s="1"/>
  <c r="O377" i="4" s="1"/>
  <c r="L377" i="4" a="1"/>
  <c r="L377" i="4" s="1"/>
  <c r="N377" i="4" s="1"/>
  <c r="F377" i="4" a="1"/>
  <c r="F377" i="4" s="1"/>
  <c r="H377" i="4" s="1"/>
  <c r="L389" i="4" a="1"/>
  <c r="L389" i="4" s="1"/>
  <c r="N389" i="4" s="1"/>
  <c r="M389" i="4" a="1"/>
  <c r="M389" i="4" s="1"/>
  <c r="O389" i="4" s="1"/>
  <c r="L401" i="4" a="1"/>
  <c r="L401" i="4" s="1"/>
  <c r="N401" i="4" s="1"/>
  <c r="M401" i="4" a="1"/>
  <c r="M401" i="4" s="1"/>
  <c r="O401" i="4" s="1"/>
  <c r="F401" i="4" a="1"/>
  <c r="F401" i="4" s="1"/>
  <c r="H401" i="4" s="1"/>
  <c r="L413" i="4" a="1"/>
  <c r="L413" i="4" s="1"/>
  <c r="N413" i="4" s="1"/>
  <c r="M413" i="4" a="1"/>
  <c r="M413" i="4" s="1"/>
  <c r="O413" i="4" s="1"/>
  <c r="F413" i="4" a="1"/>
  <c r="F413" i="4" s="1"/>
  <c r="H413" i="4" s="1"/>
  <c r="L425" i="4" a="1"/>
  <c r="L425" i="4" s="1"/>
  <c r="N425" i="4" s="1"/>
  <c r="M425" i="4" a="1"/>
  <c r="M425" i="4" s="1"/>
  <c r="O425" i="4" s="1"/>
  <c r="L437" i="4" a="1"/>
  <c r="L437" i="4" s="1"/>
  <c r="N437" i="4" s="1"/>
  <c r="M437" i="4" a="1"/>
  <c r="M437" i="4" s="1"/>
  <c r="O437" i="4" s="1"/>
  <c r="F437" i="4" a="1"/>
  <c r="F437" i="4" s="1"/>
  <c r="H437" i="4" s="1"/>
  <c r="L449" i="4" a="1"/>
  <c r="L449" i="4" s="1"/>
  <c r="N449" i="4" s="1"/>
  <c r="M449" i="4" a="1"/>
  <c r="M449" i="4" s="1"/>
  <c r="O449" i="4" s="1"/>
  <c r="F449" i="4" a="1"/>
  <c r="F449" i="4" s="1"/>
  <c r="H449" i="4" s="1"/>
  <c r="L461" i="4" a="1"/>
  <c r="L461" i="4" s="1"/>
  <c r="N461" i="4" s="1"/>
  <c r="M461" i="4" a="1"/>
  <c r="M461" i="4" s="1"/>
  <c r="O461" i="4" s="1"/>
  <c r="F461" i="4" a="1"/>
  <c r="F461" i="4" s="1"/>
  <c r="H461" i="4" s="1"/>
  <c r="L473" i="4" a="1"/>
  <c r="L473" i="4" s="1"/>
  <c r="N473" i="4" s="1"/>
  <c r="F473" i="4" a="1"/>
  <c r="F473" i="4" s="1"/>
  <c r="H473" i="4" s="1"/>
  <c r="L485" i="4" a="1"/>
  <c r="L485" i="4" s="1"/>
  <c r="N485" i="4" s="1"/>
  <c r="M485" i="4" a="1"/>
  <c r="M485" i="4" s="1"/>
  <c r="O485" i="4" s="1"/>
  <c r="F485" i="4" a="1"/>
  <c r="F485" i="4" s="1"/>
  <c r="H485" i="4" s="1"/>
  <c r="L497" i="4" a="1"/>
  <c r="L497" i="4" s="1"/>
  <c r="N497" i="4" s="1"/>
  <c r="M497" i="4" a="1"/>
  <c r="M497" i="4" s="1"/>
  <c r="O497" i="4" s="1"/>
  <c r="F497" i="4" a="1"/>
  <c r="F497" i="4" s="1"/>
  <c r="H497" i="4" s="1"/>
  <c r="L509" i="4" a="1"/>
  <c r="L509" i="4" s="1"/>
  <c r="N509" i="4" s="1"/>
  <c r="M509" i="4" a="1"/>
  <c r="M509" i="4" s="1"/>
  <c r="O509" i="4" s="1"/>
  <c r="F509" i="4" a="1"/>
  <c r="F509" i="4" s="1"/>
  <c r="H509" i="4" s="1"/>
  <c r="L521" i="4" a="1"/>
  <c r="L521" i="4" s="1"/>
  <c r="N521" i="4" s="1"/>
  <c r="M521" i="4" a="1"/>
  <c r="M521" i="4" s="1"/>
  <c r="O521" i="4" s="1"/>
  <c r="F521" i="4" a="1"/>
  <c r="F521" i="4" s="1"/>
  <c r="H521" i="4" s="1"/>
  <c r="L533" i="4" a="1"/>
  <c r="L533" i="4" s="1"/>
  <c r="N533" i="4" s="1"/>
  <c r="M533" i="4" a="1"/>
  <c r="M533" i="4" s="1"/>
  <c r="O533" i="4" s="1"/>
  <c r="F533" i="4" a="1"/>
  <c r="F533" i="4" s="1"/>
  <c r="H533" i="4" s="1"/>
  <c r="L545" i="4" a="1"/>
  <c r="L545" i="4" s="1"/>
  <c r="N545" i="4" s="1"/>
  <c r="M545" i="4" a="1"/>
  <c r="M545" i="4" s="1"/>
  <c r="O545" i="4" s="1"/>
  <c r="F545" i="4" a="1"/>
  <c r="F545" i="4" s="1"/>
  <c r="H545" i="4" s="1"/>
  <c r="L557" i="4" a="1"/>
  <c r="L557" i="4" s="1"/>
  <c r="N557" i="4" s="1"/>
  <c r="M557" i="4" a="1"/>
  <c r="M557" i="4" s="1"/>
  <c r="O557" i="4" s="1"/>
  <c r="L569" i="4" a="1"/>
  <c r="L569" i="4" s="1"/>
  <c r="N569" i="4" s="1"/>
  <c r="M569" i="4" a="1"/>
  <c r="M569" i="4" s="1"/>
  <c r="O569" i="4" s="1"/>
  <c r="F569" i="4" a="1"/>
  <c r="F569" i="4" s="1"/>
  <c r="H569" i="4" s="1"/>
  <c r="L581" i="4" a="1"/>
  <c r="L581" i="4" s="1"/>
  <c r="N581" i="4" s="1"/>
  <c r="M581" i="4" a="1"/>
  <c r="M581" i="4" s="1"/>
  <c r="O581" i="4" s="1"/>
  <c r="F581" i="4" a="1"/>
  <c r="F581" i="4" s="1"/>
  <c r="H581" i="4" s="1"/>
  <c r="L593" i="4" a="1"/>
  <c r="L593" i="4" s="1"/>
  <c r="N593" i="4" s="1"/>
  <c r="M593" i="4" a="1"/>
  <c r="M593" i="4" s="1"/>
  <c r="O593" i="4" s="1"/>
  <c r="F593" i="4" a="1"/>
  <c r="F593" i="4" s="1"/>
  <c r="H593" i="4" s="1"/>
  <c r="L605" i="4" a="1"/>
  <c r="L605" i="4" s="1"/>
  <c r="N605" i="4" s="1"/>
  <c r="M605" i="4" a="1"/>
  <c r="M605" i="4" s="1"/>
  <c r="O605" i="4" s="1"/>
  <c r="F605" i="4" a="1"/>
  <c r="F605" i="4" s="1"/>
  <c r="H605" i="4" s="1"/>
  <c r="L617" i="4" a="1"/>
  <c r="L617" i="4" s="1"/>
  <c r="N617" i="4" s="1"/>
  <c r="M617" i="4" a="1"/>
  <c r="M617" i="4" s="1"/>
  <c r="O617" i="4" s="1"/>
  <c r="F617" i="4" a="1"/>
  <c r="F617" i="4" s="1"/>
  <c r="H617" i="4" s="1"/>
  <c r="L629" i="4" a="1"/>
  <c r="L629" i="4" s="1"/>
  <c r="N629" i="4" s="1"/>
  <c r="M629" i="4" a="1"/>
  <c r="M629" i="4" s="1"/>
  <c r="O629" i="4" s="1"/>
  <c r="F629" i="4" a="1"/>
  <c r="F629" i="4" s="1"/>
  <c r="H629" i="4" s="1"/>
  <c r="L641" i="4" a="1"/>
  <c r="L641" i="4" s="1"/>
  <c r="N641" i="4" s="1"/>
  <c r="M641" i="4" a="1"/>
  <c r="M641" i="4" s="1"/>
  <c r="O641" i="4" s="1"/>
  <c r="F641" i="4" a="1"/>
  <c r="F641" i="4" s="1"/>
  <c r="H641" i="4" s="1"/>
  <c r="M653" i="4" a="1"/>
  <c r="M653" i="4" s="1"/>
  <c r="O653" i="4" s="1"/>
  <c r="L653" i="4" a="1"/>
  <c r="L653" i="4" s="1"/>
  <c r="N653" i="4" s="1"/>
  <c r="F653" i="4" a="1"/>
  <c r="F653" i="4" s="1"/>
  <c r="H653" i="4" s="1"/>
  <c r="L665" i="4" a="1"/>
  <c r="L665" i="4" s="1"/>
  <c r="N665" i="4" s="1"/>
  <c r="M665" i="4" a="1"/>
  <c r="M665" i="4" s="1"/>
  <c r="O665" i="4" s="1"/>
  <c r="F665" i="4" a="1"/>
  <c r="F665" i="4" s="1"/>
  <c r="H665" i="4" s="1"/>
  <c r="L677" i="4" a="1"/>
  <c r="L677" i="4" s="1"/>
  <c r="N677" i="4" s="1"/>
  <c r="M677" i="4" a="1"/>
  <c r="M677" i="4" s="1"/>
  <c r="O677" i="4" s="1"/>
  <c r="F677" i="4" a="1"/>
  <c r="F677" i="4" s="1"/>
  <c r="H677" i="4" s="1"/>
  <c r="L689" i="4" a="1"/>
  <c r="L689" i="4" s="1"/>
  <c r="N689" i="4" s="1"/>
  <c r="M689" i="4" a="1"/>
  <c r="M689" i="4" s="1"/>
  <c r="O689" i="4" s="1"/>
  <c r="F689" i="4" a="1"/>
  <c r="F689" i="4" s="1"/>
  <c r="H689" i="4" s="1"/>
  <c r="L701" i="4" a="1"/>
  <c r="L701" i="4" s="1"/>
  <c r="N701" i="4" s="1"/>
  <c r="M701" i="4" a="1"/>
  <c r="M701" i="4" s="1"/>
  <c r="O701" i="4" s="1"/>
  <c r="F701" i="4" a="1"/>
  <c r="F701" i="4" s="1"/>
  <c r="H701" i="4" s="1"/>
  <c r="L713" i="4" a="1"/>
  <c r="L713" i="4" s="1"/>
  <c r="N713" i="4" s="1"/>
  <c r="M713" i="4" a="1"/>
  <c r="M713" i="4" s="1"/>
  <c r="O713" i="4" s="1"/>
  <c r="M725" i="4" a="1"/>
  <c r="M725" i="4" s="1"/>
  <c r="O725" i="4" s="1"/>
  <c r="L725" i="4" a="1"/>
  <c r="L725" i="4" s="1"/>
  <c r="N725" i="4" s="1"/>
  <c r="F725" i="4" a="1"/>
  <c r="F725" i="4" s="1"/>
  <c r="H725" i="4" s="1"/>
  <c r="M737" i="4" a="1"/>
  <c r="M737" i="4" s="1"/>
  <c r="O737" i="4" s="1"/>
  <c r="F737" i="4" a="1"/>
  <c r="F737" i="4" s="1"/>
  <c r="H737" i="4" s="1"/>
  <c r="L737" i="4" a="1"/>
  <c r="L737" i="4" s="1"/>
  <c r="N737" i="4" s="1"/>
  <c r="M749" i="4" a="1"/>
  <c r="M749" i="4" s="1"/>
  <c r="O749" i="4" s="1"/>
  <c r="L749" i="4" a="1"/>
  <c r="L749" i="4" s="1"/>
  <c r="N749" i="4" s="1"/>
  <c r="F749" i="4" a="1"/>
  <c r="F749" i="4" s="1"/>
  <c r="H749" i="4" s="1"/>
  <c r="M761" i="4" a="1"/>
  <c r="M761" i="4" s="1"/>
  <c r="O761" i="4" s="1"/>
  <c r="L761" i="4" a="1"/>
  <c r="L761" i="4" s="1"/>
  <c r="N761" i="4" s="1"/>
  <c r="M773" i="4" a="1"/>
  <c r="M773" i="4" s="1"/>
  <c r="O773" i="4" s="1"/>
  <c r="L773" i="4" a="1"/>
  <c r="L773" i="4" s="1"/>
  <c r="N773" i="4" s="1"/>
  <c r="F773" i="4" a="1"/>
  <c r="F773" i="4" s="1"/>
  <c r="H773" i="4" s="1"/>
  <c r="M785" i="4" a="1"/>
  <c r="M785" i="4" s="1"/>
  <c r="O785" i="4" s="1"/>
  <c r="L785" i="4" a="1"/>
  <c r="L785" i="4" s="1"/>
  <c r="N785" i="4" s="1"/>
  <c r="F785" i="4" a="1"/>
  <c r="F785" i="4" s="1"/>
  <c r="H785" i="4" s="1"/>
  <c r="L797" i="4" a="1"/>
  <c r="L797" i="4" s="1"/>
  <c r="N797" i="4" s="1"/>
  <c r="M797" i="4" a="1"/>
  <c r="M797" i="4" s="1"/>
  <c r="O797" i="4" s="1"/>
  <c r="F797" i="4" a="1"/>
  <c r="F797" i="4" s="1"/>
  <c r="H797" i="4" s="1"/>
  <c r="L809" i="4" a="1"/>
  <c r="L809" i="4" s="1"/>
  <c r="N809" i="4" s="1"/>
  <c r="M809" i="4" a="1"/>
  <c r="M809" i="4" s="1"/>
  <c r="O809" i="4" s="1"/>
  <c r="F809" i="4" a="1"/>
  <c r="F809" i="4" s="1"/>
  <c r="H809" i="4" s="1"/>
  <c r="L821" i="4" a="1"/>
  <c r="L821" i="4" s="1"/>
  <c r="N821" i="4" s="1"/>
  <c r="M821" i="4" a="1"/>
  <c r="M821" i="4" s="1"/>
  <c r="O821" i="4" s="1"/>
  <c r="F821" i="4" a="1"/>
  <c r="F821" i="4" s="1"/>
  <c r="H821" i="4" s="1"/>
  <c r="L833" i="4" a="1"/>
  <c r="L833" i="4" s="1"/>
  <c r="N833" i="4" s="1"/>
  <c r="M833" i="4" a="1"/>
  <c r="M833" i="4" s="1"/>
  <c r="O833" i="4" s="1"/>
  <c r="F833" i="4" a="1"/>
  <c r="F833" i="4" s="1"/>
  <c r="H833" i="4" s="1"/>
  <c r="M845" i="4" a="1"/>
  <c r="M845" i="4" s="1"/>
  <c r="O845" i="4" s="1"/>
  <c r="L845" i="4" a="1"/>
  <c r="L845" i="4" s="1"/>
  <c r="N845" i="4" s="1"/>
  <c r="F845" i="4" a="1"/>
  <c r="F845" i="4" s="1"/>
  <c r="H845" i="4" s="1"/>
  <c r="M857" i="4" a="1"/>
  <c r="M857" i="4" s="1"/>
  <c r="O857" i="4" s="1"/>
  <c r="L857" i="4" a="1"/>
  <c r="L857" i="4" s="1"/>
  <c r="N857" i="4" s="1"/>
  <c r="F857" i="4" a="1"/>
  <c r="F857" i="4" s="1"/>
  <c r="H857" i="4" s="1"/>
  <c r="M869" i="4" a="1"/>
  <c r="M869" i="4" s="1"/>
  <c r="O869" i="4" s="1"/>
  <c r="L869" i="4" a="1"/>
  <c r="L869" i="4" s="1"/>
  <c r="N869" i="4" s="1"/>
  <c r="F869" i="4" a="1"/>
  <c r="F869" i="4" s="1"/>
  <c r="H869" i="4" s="1"/>
  <c r="E99" i="4" a="1"/>
  <c r="E99" i="4" s="1"/>
  <c r="G99" i="4" s="1"/>
  <c r="E118" i="4" a="1"/>
  <c r="E118" i="4" s="1"/>
  <c r="G118" i="4" s="1"/>
  <c r="E180" i="4" a="1"/>
  <c r="E180" i="4" s="1"/>
  <c r="G180" i="4" s="1"/>
  <c r="E207" i="4" a="1"/>
  <c r="E207" i="4" s="1"/>
  <c r="G207" i="4" s="1"/>
  <c r="E216" i="4" a="1"/>
  <c r="E216" i="4" s="1"/>
  <c r="G216" i="4" s="1"/>
  <c r="E243" i="4" a="1"/>
  <c r="E243" i="4" s="1"/>
  <c r="G243" i="4" s="1"/>
  <c r="E269" i="4" a="1"/>
  <c r="E269" i="4" s="1"/>
  <c r="G269" i="4" s="1"/>
  <c r="E303" i="4" a="1"/>
  <c r="E303" i="4" s="1"/>
  <c r="G303" i="4" s="1"/>
  <c r="E411" i="4" a="1"/>
  <c r="E411" i="4" s="1"/>
  <c r="G411" i="4" s="1"/>
  <c r="E432" i="4" a="1"/>
  <c r="E432" i="4" s="1"/>
  <c r="G432" i="4" s="1"/>
  <c r="E466" i="4" a="1"/>
  <c r="E466" i="4" s="1"/>
  <c r="G466" i="4" s="1"/>
  <c r="E521" i="4" a="1"/>
  <c r="E521" i="4" s="1"/>
  <c r="G521" i="4" s="1"/>
  <c r="E555" i="4" a="1"/>
  <c r="E555" i="4" s="1"/>
  <c r="G555" i="4" s="1"/>
  <c r="E576" i="4" a="1"/>
  <c r="E576" i="4" s="1"/>
  <c r="G576" i="4" s="1"/>
  <c r="E586" i="4" a="1"/>
  <c r="E586" i="4" s="1"/>
  <c r="G586" i="4" s="1"/>
  <c r="E641" i="4" a="1"/>
  <c r="E641" i="4" s="1"/>
  <c r="G641" i="4" s="1"/>
  <c r="E653" i="4" a="1"/>
  <c r="E653" i="4" s="1"/>
  <c r="G653" i="4" s="1"/>
  <c r="E663" i="4" a="1"/>
  <c r="E663" i="4" s="1"/>
  <c r="G663" i="4" s="1"/>
  <c r="E675" i="4" a="1"/>
  <c r="E675" i="4" s="1"/>
  <c r="G675" i="4" s="1"/>
  <c r="E708" i="4" a="1"/>
  <c r="E708" i="4" s="1"/>
  <c r="G708" i="4" s="1"/>
  <c r="E730" i="4" a="1"/>
  <c r="E730" i="4" s="1"/>
  <c r="G730" i="4" s="1"/>
  <c r="E785" i="4" a="1"/>
  <c r="E785" i="4" s="1"/>
  <c r="G785" i="4" s="1"/>
  <c r="E797" i="4" a="1"/>
  <c r="E797" i="4" s="1"/>
  <c r="G797" i="4" s="1"/>
  <c r="E807" i="4" a="1"/>
  <c r="E807" i="4" s="1"/>
  <c r="G807" i="4" s="1"/>
  <c r="E819" i="4" a="1"/>
  <c r="E819" i="4" s="1"/>
  <c r="G819" i="4" s="1"/>
  <c r="E841" i="4" a="1"/>
  <c r="E841" i="4" s="1"/>
  <c r="G841" i="4" s="1"/>
  <c r="E852" i="4" a="1"/>
  <c r="E852" i="4" s="1"/>
  <c r="G852" i="4" s="1"/>
  <c r="F86" i="4" a="1"/>
  <c r="F86" i="4" s="1"/>
  <c r="H86" i="4" s="1"/>
  <c r="F96" i="4" a="1"/>
  <c r="F96" i="4" s="1"/>
  <c r="H96" i="4" s="1"/>
  <c r="F137" i="4" a="1"/>
  <c r="F137" i="4" s="1"/>
  <c r="H137" i="4" s="1"/>
  <c r="F147" i="4" a="1"/>
  <c r="F147" i="4" s="1"/>
  <c r="H147" i="4" s="1"/>
  <c r="F158" i="4" a="1"/>
  <c r="F158" i="4" s="1"/>
  <c r="H158" i="4" s="1"/>
  <c r="F180" i="4" a="1"/>
  <c r="F180" i="4" s="1"/>
  <c r="H180" i="4" s="1"/>
  <c r="F202" i="4" a="1"/>
  <c r="F202" i="4" s="1"/>
  <c r="H202" i="4" s="1"/>
  <c r="F360" i="4" a="1"/>
  <c r="F360" i="4" s="1"/>
  <c r="H360" i="4" s="1"/>
  <c r="F389" i="4" a="1"/>
  <c r="F389" i="4" s="1"/>
  <c r="H389" i="4" s="1"/>
  <c r="F471" i="4" a="1"/>
  <c r="F471" i="4" s="1"/>
  <c r="H471" i="4" s="1"/>
  <c r="F818" i="4" a="1"/>
  <c r="F818" i="4" s="1"/>
  <c r="H818" i="4" s="1"/>
  <c r="M726" i="4" a="1"/>
  <c r="M726" i="4" s="1"/>
  <c r="O726" i="4" s="1"/>
  <c r="L726" i="4" a="1"/>
  <c r="L726" i="4" s="1"/>
  <c r="N726" i="4" s="1"/>
  <c r="F726" i="4" a="1"/>
  <c r="F726" i="4" s="1"/>
  <c r="H726" i="4" s="1"/>
  <c r="M738" i="4" a="1"/>
  <c r="M738" i="4" s="1"/>
  <c r="O738" i="4" s="1"/>
  <c r="L738" i="4" a="1"/>
  <c r="L738" i="4" s="1"/>
  <c r="N738" i="4" s="1"/>
  <c r="F738" i="4" a="1"/>
  <c r="F738" i="4" s="1"/>
  <c r="H738" i="4" s="1"/>
  <c r="M750" i="4" a="1"/>
  <c r="M750" i="4" s="1"/>
  <c r="O750" i="4" s="1"/>
  <c r="L750" i="4" a="1"/>
  <c r="L750" i="4" s="1"/>
  <c r="N750" i="4" s="1"/>
  <c r="F750" i="4" a="1"/>
  <c r="F750" i="4" s="1"/>
  <c r="H750" i="4" s="1"/>
  <c r="M762" i="4" a="1"/>
  <c r="M762" i="4" s="1"/>
  <c r="O762" i="4" s="1"/>
  <c r="L762" i="4" a="1"/>
  <c r="L762" i="4" s="1"/>
  <c r="N762" i="4" s="1"/>
  <c r="F762" i="4" a="1"/>
  <c r="F762" i="4" s="1"/>
  <c r="H762" i="4" s="1"/>
  <c r="L774" i="4" a="1"/>
  <c r="L774" i="4" s="1"/>
  <c r="N774" i="4" s="1"/>
  <c r="M774" i="4" a="1"/>
  <c r="M774" i="4" s="1"/>
  <c r="O774" i="4" s="1"/>
  <c r="F774" i="4" a="1"/>
  <c r="F774" i="4" s="1"/>
  <c r="H774" i="4" s="1"/>
  <c r="M786" i="4" a="1"/>
  <c r="M786" i="4" s="1"/>
  <c r="O786" i="4" s="1"/>
  <c r="L786" i="4" a="1"/>
  <c r="L786" i="4" s="1"/>
  <c r="N786" i="4" s="1"/>
  <c r="F786" i="4" a="1"/>
  <c r="F786" i="4" s="1"/>
  <c r="H786" i="4" s="1"/>
  <c r="L798" i="4" a="1"/>
  <c r="L798" i="4" s="1"/>
  <c r="N798" i="4" s="1"/>
  <c r="M798" i="4" a="1"/>
  <c r="M798" i="4" s="1"/>
  <c r="O798" i="4" s="1"/>
  <c r="F798" i="4" a="1"/>
  <c r="F798" i="4" s="1"/>
  <c r="H798" i="4" s="1"/>
  <c r="L810" i="4" a="1"/>
  <c r="L810" i="4" s="1"/>
  <c r="N810" i="4" s="1"/>
  <c r="M810" i="4" a="1"/>
  <c r="M810" i="4" s="1"/>
  <c r="O810" i="4" s="1"/>
  <c r="F810" i="4" a="1"/>
  <c r="F810" i="4" s="1"/>
  <c r="H810" i="4" s="1"/>
  <c r="L822" i="4" a="1"/>
  <c r="L822" i="4" s="1"/>
  <c r="N822" i="4" s="1"/>
  <c r="M822" i="4" a="1"/>
  <c r="M822" i="4" s="1"/>
  <c r="O822" i="4" s="1"/>
  <c r="F822" i="4" a="1"/>
  <c r="F822" i="4" s="1"/>
  <c r="H822" i="4" s="1"/>
  <c r="M834" i="4" a="1"/>
  <c r="M834" i="4" s="1"/>
  <c r="O834" i="4" s="1"/>
  <c r="L834" i="4" a="1"/>
  <c r="L834" i="4" s="1"/>
  <c r="N834" i="4" s="1"/>
  <c r="F834" i="4" a="1"/>
  <c r="F834" i="4" s="1"/>
  <c r="H834" i="4" s="1"/>
  <c r="M846" i="4" a="1"/>
  <c r="M846" i="4" s="1"/>
  <c r="O846" i="4" s="1"/>
  <c r="L846" i="4" a="1"/>
  <c r="L846" i="4" s="1"/>
  <c r="N846" i="4" s="1"/>
  <c r="F846" i="4" a="1"/>
  <c r="F846" i="4" s="1"/>
  <c r="H846" i="4" s="1"/>
  <c r="M858" i="4" a="1"/>
  <c r="M858" i="4" s="1"/>
  <c r="O858" i="4" s="1"/>
  <c r="L858" i="4" a="1"/>
  <c r="L858" i="4" s="1"/>
  <c r="N858" i="4" s="1"/>
  <c r="M870" i="4" a="1"/>
  <c r="M870" i="4" s="1"/>
  <c r="O870" i="4" s="1"/>
  <c r="L870" i="4" a="1"/>
  <c r="L870" i="4" s="1"/>
  <c r="N870" i="4" s="1"/>
  <c r="F870" i="4" a="1"/>
  <c r="F870" i="4" s="1"/>
  <c r="H870" i="4" s="1"/>
  <c r="E110" i="4" a="1"/>
  <c r="E110" i="4" s="1"/>
  <c r="G110" i="4" s="1"/>
  <c r="E225" i="4" a="1"/>
  <c r="E225" i="4" s="1"/>
  <c r="G225" i="4" s="1"/>
  <c r="E252" i="4" a="1"/>
  <c r="E252" i="4" s="1"/>
  <c r="G252" i="4" s="1"/>
  <c r="E278" i="4" a="1"/>
  <c r="E278" i="4" s="1"/>
  <c r="G278" i="4" s="1"/>
  <c r="E286" i="4" a="1"/>
  <c r="E286" i="4" s="1"/>
  <c r="G286" i="4" s="1"/>
  <c r="E338" i="4" a="1"/>
  <c r="E338" i="4" s="1"/>
  <c r="G338" i="4" s="1"/>
  <c r="E353" i="4" a="1"/>
  <c r="E353" i="4" s="1"/>
  <c r="G353" i="4" s="1"/>
  <c r="E362" i="4" a="1"/>
  <c r="E362" i="4" s="1"/>
  <c r="G362" i="4" s="1"/>
  <c r="E370" i="4" a="1"/>
  <c r="E370" i="4" s="1"/>
  <c r="G370" i="4" s="1"/>
  <c r="E401" i="4" a="1"/>
  <c r="E401" i="4" s="1"/>
  <c r="G401" i="4" s="1"/>
  <c r="E422" i="4" a="1"/>
  <c r="E422" i="4" s="1"/>
  <c r="G422" i="4" s="1"/>
  <c r="E444" i="4" a="1"/>
  <c r="E444" i="4" s="1"/>
  <c r="G444" i="4" s="1"/>
  <c r="E456" i="4" a="1"/>
  <c r="E456" i="4" s="1"/>
  <c r="G456" i="4" s="1"/>
  <c r="E478" i="4" a="1"/>
  <c r="E478" i="4" s="1"/>
  <c r="G478" i="4" s="1"/>
  <c r="E533" i="4" a="1"/>
  <c r="E533" i="4" s="1"/>
  <c r="G533" i="4" s="1"/>
  <c r="E545" i="4" a="1"/>
  <c r="E545" i="4" s="1"/>
  <c r="G545" i="4" s="1"/>
  <c r="E566" i="4" a="1"/>
  <c r="E566" i="4" s="1"/>
  <c r="G566" i="4" s="1"/>
  <c r="E598" i="4" a="1"/>
  <c r="E598" i="4" s="1"/>
  <c r="G598" i="4" s="1"/>
  <c r="E686" i="4" a="1"/>
  <c r="E686" i="4" s="1"/>
  <c r="G686" i="4" s="1"/>
  <c r="E698" i="4" a="1"/>
  <c r="E698" i="4" s="1"/>
  <c r="G698" i="4" s="1"/>
  <c r="E720" i="4" a="1"/>
  <c r="E720" i="4" s="1"/>
  <c r="G720" i="4" s="1"/>
  <c r="E742" i="4" a="1"/>
  <c r="E742" i="4" s="1"/>
  <c r="G742" i="4" s="1"/>
  <c r="E786" i="4" a="1"/>
  <c r="E786" i="4" s="1"/>
  <c r="G786" i="4" s="1"/>
  <c r="E830" i="4" a="1"/>
  <c r="E830" i="4" s="1"/>
  <c r="G830" i="4" s="1"/>
  <c r="E842" i="4" a="1"/>
  <c r="E842" i="4" s="1"/>
  <c r="G842" i="4" s="1"/>
  <c r="E853" i="4" a="1"/>
  <c r="E853" i="4" s="1"/>
  <c r="G853" i="4" s="1"/>
  <c r="E864" i="4" a="1"/>
  <c r="E864" i="4" s="1"/>
  <c r="G864" i="4" s="1"/>
  <c r="F41" i="4" a="1"/>
  <c r="F41" i="4" s="1"/>
  <c r="H41" i="4" s="1"/>
  <c r="F87" i="4" a="1"/>
  <c r="F87" i="4" s="1"/>
  <c r="H87" i="4" s="1"/>
  <c r="F159" i="4" a="1"/>
  <c r="F159" i="4" s="1"/>
  <c r="H159" i="4" s="1"/>
  <c r="F170" i="4" a="1"/>
  <c r="F170" i="4" s="1"/>
  <c r="H170" i="4" s="1"/>
  <c r="F192" i="4" a="1"/>
  <c r="F192" i="4" s="1"/>
  <c r="H192" i="4" s="1"/>
  <c r="F216" i="4" a="1"/>
  <c r="F216" i="4" s="1"/>
  <c r="H216" i="4" s="1"/>
  <c r="F267" i="4" a="1"/>
  <c r="F267" i="4" s="1"/>
  <c r="H267" i="4" s="1"/>
  <c r="F310" i="4" a="1"/>
  <c r="F310" i="4" s="1"/>
  <c r="H310" i="4" s="1"/>
  <c r="F362" i="4" a="1"/>
  <c r="F362" i="4" s="1"/>
  <c r="H362" i="4" s="1"/>
  <c r="F713" i="4" a="1"/>
  <c r="F713" i="4" s="1"/>
  <c r="H713" i="4" s="1"/>
  <c r="M31" i="4" a="1"/>
  <c r="M31" i="4" s="1"/>
  <c r="O31" i="4" s="1"/>
  <c r="L31" i="4" a="1"/>
  <c r="L31" i="4" s="1"/>
  <c r="N31" i="4" s="1"/>
  <c r="M43" i="4" a="1"/>
  <c r="M43" i="4" s="1"/>
  <c r="O43" i="4" s="1"/>
  <c r="L43" i="4" a="1"/>
  <c r="L43" i="4" s="1"/>
  <c r="N43" i="4" s="1"/>
  <c r="M55" i="4" a="1"/>
  <c r="M55" i="4" s="1"/>
  <c r="O55" i="4" s="1"/>
  <c r="L55" i="4" a="1"/>
  <c r="L55" i="4" s="1"/>
  <c r="N55" i="4" s="1"/>
  <c r="M67" i="4" a="1"/>
  <c r="M67" i="4" s="1"/>
  <c r="O67" i="4" s="1"/>
  <c r="L67" i="4" a="1"/>
  <c r="L67" i="4" s="1"/>
  <c r="N67" i="4" s="1"/>
  <c r="M79" i="4" a="1"/>
  <c r="M79" i="4" s="1"/>
  <c r="O79" i="4" s="1"/>
  <c r="L79" i="4" a="1"/>
  <c r="L79" i="4" s="1"/>
  <c r="N79" i="4" s="1"/>
  <c r="M91" i="4" a="1"/>
  <c r="M91" i="4" s="1"/>
  <c r="O91" i="4" s="1"/>
  <c r="L91" i="4" a="1"/>
  <c r="L91" i="4" s="1"/>
  <c r="N91" i="4" s="1"/>
  <c r="M103" i="4" a="1"/>
  <c r="M103" i="4" s="1"/>
  <c r="O103" i="4" s="1"/>
  <c r="L103" i="4" a="1"/>
  <c r="L103" i="4" s="1"/>
  <c r="N103" i="4" s="1"/>
  <c r="M115" i="4" a="1"/>
  <c r="M115" i="4" s="1"/>
  <c r="O115" i="4" s="1"/>
  <c r="L115" i="4" a="1"/>
  <c r="L115" i="4" s="1"/>
  <c r="N115" i="4" s="1"/>
  <c r="M127" i="4" a="1"/>
  <c r="M127" i="4" s="1"/>
  <c r="O127" i="4" s="1"/>
  <c r="L127" i="4" a="1"/>
  <c r="L127" i="4" s="1"/>
  <c r="N127" i="4" s="1"/>
  <c r="M139" i="4" a="1"/>
  <c r="M139" i="4" s="1"/>
  <c r="O139" i="4" s="1"/>
  <c r="L139" i="4" a="1"/>
  <c r="L139" i="4" s="1"/>
  <c r="N139" i="4" s="1"/>
  <c r="M151" i="4" a="1"/>
  <c r="M151" i="4" s="1"/>
  <c r="O151" i="4" s="1"/>
  <c r="L151" i="4" a="1"/>
  <c r="L151" i="4" s="1"/>
  <c r="N151" i="4" s="1"/>
  <c r="M163" i="4" a="1"/>
  <c r="M163" i="4" s="1"/>
  <c r="O163" i="4" s="1"/>
  <c r="L163" i="4" a="1"/>
  <c r="L163" i="4" s="1"/>
  <c r="N163" i="4" s="1"/>
  <c r="L175" i="4" a="1"/>
  <c r="L175" i="4" s="1"/>
  <c r="N175" i="4" s="1"/>
  <c r="M175" i="4" a="1"/>
  <c r="M175" i="4" s="1"/>
  <c r="O175" i="4" s="1"/>
  <c r="M187" i="4" a="1"/>
  <c r="M187" i="4" s="1"/>
  <c r="O187" i="4" s="1"/>
  <c r="L187" i="4" a="1"/>
  <c r="L187" i="4" s="1"/>
  <c r="N187" i="4" s="1"/>
  <c r="M199" i="4" a="1"/>
  <c r="M199" i="4" s="1"/>
  <c r="O199" i="4" s="1"/>
  <c r="L199" i="4" a="1"/>
  <c r="L199" i="4" s="1"/>
  <c r="N199" i="4" s="1"/>
  <c r="M211" i="4" a="1"/>
  <c r="M211" i="4" s="1"/>
  <c r="O211" i="4" s="1"/>
  <c r="L211" i="4" a="1"/>
  <c r="L211" i="4" s="1"/>
  <c r="N211" i="4" s="1"/>
  <c r="M223" i="4" a="1"/>
  <c r="M223" i="4" s="1"/>
  <c r="O223" i="4" s="1"/>
  <c r="L223" i="4" a="1"/>
  <c r="L223" i="4" s="1"/>
  <c r="N223" i="4" s="1"/>
  <c r="F223" i="4" a="1"/>
  <c r="F223" i="4" s="1"/>
  <c r="H223" i="4" s="1"/>
  <c r="M235" i="4" a="1"/>
  <c r="M235" i="4" s="1"/>
  <c r="O235" i="4" s="1"/>
  <c r="L235" i="4" a="1"/>
  <c r="L235" i="4" s="1"/>
  <c r="N235" i="4" s="1"/>
  <c r="F235" i="4" a="1"/>
  <c r="F235" i="4" s="1"/>
  <c r="H235" i="4" s="1"/>
  <c r="M247" i="4" a="1"/>
  <c r="M247" i="4" s="1"/>
  <c r="O247" i="4" s="1"/>
  <c r="L247" i="4" a="1"/>
  <c r="L247" i="4" s="1"/>
  <c r="N247" i="4" s="1"/>
  <c r="L259" i="4" a="1"/>
  <c r="L259" i="4" s="1"/>
  <c r="N259" i="4" s="1"/>
  <c r="M259" i="4" a="1"/>
  <c r="M259" i="4" s="1"/>
  <c r="O259" i="4" s="1"/>
  <c r="M271" i="4" a="1"/>
  <c r="M271" i="4" s="1"/>
  <c r="O271" i="4" s="1"/>
  <c r="L271" i="4" a="1"/>
  <c r="L271" i="4" s="1"/>
  <c r="N271" i="4" s="1"/>
  <c r="F271" i="4" a="1"/>
  <c r="F271" i="4" s="1"/>
  <c r="H271" i="4" s="1"/>
  <c r="M283" i="4" a="1"/>
  <c r="M283" i="4" s="1"/>
  <c r="O283" i="4" s="1"/>
  <c r="L283" i="4" a="1"/>
  <c r="L283" i="4" s="1"/>
  <c r="N283" i="4" s="1"/>
  <c r="F283" i="4" a="1"/>
  <c r="F283" i="4" s="1"/>
  <c r="H283" i="4" s="1"/>
  <c r="M295" i="4" a="1"/>
  <c r="M295" i="4" s="1"/>
  <c r="O295" i="4" s="1"/>
  <c r="L295" i="4" a="1"/>
  <c r="L295" i="4" s="1"/>
  <c r="N295" i="4" s="1"/>
  <c r="M307" i="4" a="1"/>
  <c r="M307" i="4" s="1"/>
  <c r="O307" i="4" s="1"/>
  <c r="L307" i="4" a="1"/>
  <c r="L307" i="4" s="1"/>
  <c r="N307" i="4" s="1"/>
  <c r="F307" i="4" a="1"/>
  <c r="F307" i="4" s="1"/>
  <c r="H307" i="4" s="1"/>
  <c r="L319" i="4" a="1"/>
  <c r="L319" i="4" s="1"/>
  <c r="N319" i="4" s="1"/>
  <c r="M319" i="4" a="1"/>
  <c r="M319" i="4" s="1"/>
  <c r="O319" i="4" s="1"/>
  <c r="M331" i="4" a="1"/>
  <c r="M331" i="4" s="1"/>
  <c r="O331" i="4" s="1"/>
  <c r="L331" i="4" a="1"/>
  <c r="L331" i="4" s="1"/>
  <c r="N331" i="4" s="1"/>
  <c r="F331" i="4" a="1"/>
  <c r="F331" i="4" s="1"/>
  <c r="H331" i="4" s="1"/>
  <c r="M343" i="4" a="1"/>
  <c r="M343" i="4" s="1"/>
  <c r="O343" i="4" s="1"/>
  <c r="L343" i="4" a="1"/>
  <c r="L343" i="4" s="1"/>
  <c r="N343" i="4" s="1"/>
  <c r="F343" i="4" a="1"/>
  <c r="F343" i="4" s="1"/>
  <c r="H343" i="4" s="1"/>
  <c r="M355" i="4" a="1"/>
  <c r="M355" i="4" s="1"/>
  <c r="O355" i="4" s="1"/>
  <c r="L355" i="4" a="1"/>
  <c r="L355" i="4" s="1"/>
  <c r="N355" i="4" s="1"/>
  <c r="M367" i="4" a="1"/>
  <c r="M367" i="4" s="1"/>
  <c r="O367" i="4" s="1"/>
  <c r="L367" i="4" a="1"/>
  <c r="L367" i="4" s="1"/>
  <c r="N367" i="4" s="1"/>
  <c r="F367" i="4" a="1"/>
  <c r="F367" i="4" s="1"/>
  <c r="H367" i="4" s="1"/>
  <c r="L379" i="4" a="1"/>
  <c r="L379" i="4" s="1"/>
  <c r="N379" i="4" s="1"/>
  <c r="M379" i="4" a="1"/>
  <c r="M379" i="4" s="1"/>
  <c r="O379" i="4" s="1"/>
  <c r="F379" i="4" a="1"/>
  <c r="F379" i="4" s="1"/>
  <c r="H379" i="4" s="1"/>
  <c r="L391" i="4" a="1"/>
  <c r="L391" i="4" s="1"/>
  <c r="N391" i="4" s="1"/>
  <c r="M391" i="4" a="1"/>
  <c r="M391" i="4" s="1"/>
  <c r="O391" i="4" s="1"/>
  <c r="F391" i="4" a="1"/>
  <c r="F391" i="4" s="1"/>
  <c r="H391" i="4" s="1"/>
  <c r="L403" i="4" a="1"/>
  <c r="L403" i="4" s="1"/>
  <c r="N403" i="4" s="1"/>
  <c r="M403" i="4" a="1"/>
  <c r="M403" i="4" s="1"/>
  <c r="O403" i="4" s="1"/>
  <c r="M415" i="4" a="1"/>
  <c r="M415" i="4" s="1"/>
  <c r="O415" i="4" s="1"/>
  <c r="L415" i="4" a="1"/>
  <c r="L415" i="4" s="1"/>
  <c r="N415" i="4" s="1"/>
  <c r="F415" i="4" a="1"/>
  <c r="F415" i="4" s="1"/>
  <c r="H415" i="4" s="1"/>
  <c r="M427" i="4" a="1"/>
  <c r="M427" i="4" s="1"/>
  <c r="O427" i="4" s="1"/>
  <c r="L427" i="4" a="1"/>
  <c r="L427" i="4" s="1"/>
  <c r="N427" i="4" s="1"/>
  <c r="F427" i="4" a="1"/>
  <c r="F427" i="4" s="1"/>
  <c r="H427" i="4" s="1"/>
  <c r="M439" i="4" a="1"/>
  <c r="M439" i="4" s="1"/>
  <c r="O439" i="4" s="1"/>
  <c r="L439" i="4" a="1"/>
  <c r="L439" i="4" s="1"/>
  <c r="N439" i="4" s="1"/>
  <c r="F439" i="4" a="1"/>
  <c r="F439" i="4" s="1"/>
  <c r="H439" i="4" s="1"/>
  <c r="M451" i="4" a="1"/>
  <c r="M451" i="4" s="1"/>
  <c r="O451" i="4" s="1"/>
  <c r="L451" i="4" a="1"/>
  <c r="L451" i="4" s="1"/>
  <c r="N451" i="4" s="1"/>
  <c r="M463" i="4" a="1"/>
  <c r="M463" i="4" s="1"/>
  <c r="O463" i="4" s="1"/>
  <c r="L463" i="4" a="1"/>
  <c r="L463" i="4" s="1"/>
  <c r="N463" i="4" s="1"/>
  <c r="F463" i="4" a="1"/>
  <c r="F463" i="4" s="1"/>
  <c r="H463" i="4" s="1"/>
  <c r="M475" i="4" a="1"/>
  <c r="M475" i="4" s="1"/>
  <c r="O475" i="4" s="1"/>
  <c r="L475" i="4" a="1"/>
  <c r="L475" i="4" s="1"/>
  <c r="N475" i="4" s="1"/>
  <c r="F475" i="4" a="1"/>
  <c r="F475" i="4" s="1"/>
  <c r="H475" i="4" s="1"/>
  <c r="M487" i="4" a="1"/>
  <c r="M487" i="4" s="1"/>
  <c r="O487" i="4" s="1"/>
  <c r="L487" i="4" a="1"/>
  <c r="L487" i="4" s="1"/>
  <c r="N487" i="4" s="1"/>
  <c r="F487" i="4" a="1"/>
  <c r="F487" i="4" s="1"/>
  <c r="H487" i="4" s="1"/>
  <c r="M499" i="4" a="1"/>
  <c r="M499" i="4" s="1"/>
  <c r="O499" i="4" s="1"/>
  <c r="L499" i="4" a="1"/>
  <c r="L499" i="4" s="1"/>
  <c r="N499" i="4" s="1"/>
  <c r="F499" i="4" a="1"/>
  <c r="F499" i="4" s="1"/>
  <c r="H499" i="4" s="1"/>
  <c r="M511" i="4" a="1"/>
  <c r="M511" i="4" s="1"/>
  <c r="O511" i="4" s="1"/>
  <c r="L511" i="4" a="1"/>
  <c r="L511" i="4" s="1"/>
  <c r="N511" i="4" s="1"/>
  <c r="F511" i="4" a="1"/>
  <c r="F511" i="4" s="1"/>
  <c r="H511" i="4" s="1"/>
  <c r="M523" i="4" a="1"/>
  <c r="M523" i="4" s="1"/>
  <c r="O523" i="4" s="1"/>
  <c r="L523" i="4" a="1"/>
  <c r="L523" i="4" s="1"/>
  <c r="N523" i="4" s="1"/>
  <c r="F523" i="4" a="1"/>
  <c r="F523" i="4" s="1"/>
  <c r="H523" i="4" s="1"/>
  <c r="M535" i="4" a="1"/>
  <c r="M535" i="4" s="1"/>
  <c r="O535" i="4" s="1"/>
  <c r="L535" i="4" a="1"/>
  <c r="L535" i="4" s="1"/>
  <c r="N535" i="4" s="1"/>
  <c r="F535" i="4" a="1"/>
  <c r="F535" i="4" s="1"/>
  <c r="H535" i="4" s="1"/>
  <c r="M547" i="4" a="1"/>
  <c r="M547" i="4" s="1"/>
  <c r="O547" i="4" s="1"/>
  <c r="L547" i="4" a="1"/>
  <c r="L547" i="4" s="1"/>
  <c r="N547" i="4" s="1"/>
  <c r="F547" i="4" a="1"/>
  <c r="F547" i="4" s="1"/>
  <c r="H547" i="4" s="1"/>
  <c r="M559" i="4" a="1"/>
  <c r="M559" i="4" s="1"/>
  <c r="O559" i="4" s="1"/>
  <c r="L559" i="4" a="1"/>
  <c r="L559" i="4" s="1"/>
  <c r="N559" i="4" s="1"/>
  <c r="F559" i="4" a="1"/>
  <c r="F559" i="4" s="1"/>
  <c r="H559" i="4" s="1"/>
  <c r="M571" i="4" a="1"/>
  <c r="M571" i="4" s="1"/>
  <c r="O571" i="4" s="1"/>
  <c r="L571" i="4" a="1"/>
  <c r="L571" i="4" s="1"/>
  <c r="N571" i="4" s="1"/>
  <c r="F571" i="4" a="1"/>
  <c r="F571" i="4" s="1"/>
  <c r="H571" i="4" s="1"/>
  <c r="M583" i="4" a="1"/>
  <c r="M583" i="4" s="1"/>
  <c r="O583" i="4" s="1"/>
  <c r="L583" i="4" a="1"/>
  <c r="L583" i="4" s="1"/>
  <c r="N583" i="4" s="1"/>
  <c r="F583" i="4" a="1"/>
  <c r="F583" i="4" s="1"/>
  <c r="H583" i="4" s="1"/>
  <c r="M595" i="4" a="1"/>
  <c r="M595" i="4" s="1"/>
  <c r="O595" i="4" s="1"/>
  <c r="F595" i="4" a="1"/>
  <c r="F595" i="4" s="1"/>
  <c r="H595" i="4" s="1"/>
  <c r="M607" i="4" a="1"/>
  <c r="M607" i="4" s="1"/>
  <c r="O607" i="4" s="1"/>
  <c r="L607" i="4" a="1"/>
  <c r="L607" i="4" s="1"/>
  <c r="N607" i="4" s="1"/>
  <c r="F607" i="4" a="1"/>
  <c r="F607" i="4" s="1"/>
  <c r="H607" i="4" s="1"/>
  <c r="M619" i="4" a="1"/>
  <c r="M619" i="4" s="1"/>
  <c r="O619" i="4" s="1"/>
  <c r="L619" i="4" a="1"/>
  <c r="L619" i="4" s="1"/>
  <c r="N619" i="4" s="1"/>
  <c r="F619" i="4" a="1"/>
  <c r="F619" i="4" s="1"/>
  <c r="H619" i="4" s="1"/>
  <c r="M631" i="4" a="1"/>
  <c r="M631" i="4" s="1"/>
  <c r="O631" i="4" s="1"/>
  <c r="L631" i="4" a="1"/>
  <c r="L631" i="4" s="1"/>
  <c r="N631" i="4" s="1"/>
  <c r="F631" i="4" a="1"/>
  <c r="F631" i="4" s="1"/>
  <c r="H631" i="4" s="1"/>
  <c r="M643" i="4" a="1"/>
  <c r="M643" i="4" s="1"/>
  <c r="O643" i="4" s="1"/>
  <c r="L643" i="4" a="1"/>
  <c r="L643" i="4" s="1"/>
  <c r="N643" i="4" s="1"/>
  <c r="F643" i="4" a="1"/>
  <c r="F643" i="4" s="1"/>
  <c r="H643" i="4" s="1"/>
  <c r="M655" i="4" a="1"/>
  <c r="M655" i="4" s="1"/>
  <c r="O655" i="4" s="1"/>
  <c r="L655" i="4" a="1"/>
  <c r="L655" i="4" s="1"/>
  <c r="N655" i="4" s="1"/>
  <c r="F655" i="4" a="1"/>
  <c r="F655" i="4" s="1"/>
  <c r="H655" i="4" s="1"/>
  <c r="M667" i="4" a="1"/>
  <c r="M667" i="4" s="1"/>
  <c r="O667" i="4" s="1"/>
  <c r="F667" i="4" a="1"/>
  <c r="F667" i="4" s="1"/>
  <c r="H667" i="4" s="1"/>
  <c r="L667" i="4" a="1"/>
  <c r="L667" i="4" s="1"/>
  <c r="N667" i="4" s="1"/>
  <c r="M679" i="4" a="1"/>
  <c r="M679" i="4" s="1"/>
  <c r="O679" i="4" s="1"/>
  <c r="L679" i="4" a="1"/>
  <c r="L679" i="4" s="1"/>
  <c r="N679" i="4" s="1"/>
  <c r="F679" i="4" a="1"/>
  <c r="F679" i="4" s="1"/>
  <c r="H679" i="4" s="1"/>
  <c r="M691" i="4" a="1"/>
  <c r="M691" i="4" s="1"/>
  <c r="O691" i="4" s="1"/>
  <c r="L691" i="4" a="1"/>
  <c r="L691" i="4" s="1"/>
  <c r="N691" i="4" s="1"/>
  <c r="F691" i="4" a="1"/>
  <c r="F691" i="4" s="1"/>
  <c r="H691" i="4" s="1"/>
  <c r="M703" i="4" a="1"/>
  <c r="M703" i="4" s="1"/>
  <c r="O703" i="4" s="1"/>
  <c r="L703" i="4" a="1"/>
  <c r="L703" i="4" s="1"/>
  <c r="N703" i="4" s="1"/>
  <c r="F703" i="4" a="1"/>
  <c r="F703" i="4" s="1"/>
  <c r="H703" i="4" s="1"/>
  <c r="M715" i="4" a="1"/>
  <c r="M715" i="4" s="1"/>
  <c r="O715" i="4" s="1"/>
  <c r="L715" i="4" a="1"/>
  <c r="L715" i="4" s="1"/>
  <c r="N715" i="4" s="1"/>
  <c r="F715" i="4" a="1"/>
  <c r="F715" i="4" s="1"/>
  <c r="H715" i="4" s="1"/>
  <c r="M727" i="4" a="1"/>
  <c r="M727" i="4" s="1"/>
  <c r="O727" i="4" s="1"/>
  <c r="L727" i="4" a="1"/>
  <c r="L727" i="4" s="1"/>
  <c r="N727" i="4" s="1"/>
  <c r="F727" i="4" a="1"/>
  <c r="F727" i="4" s="1"/>
  <c r="H727" i="4" s="1"/>
  <c r="M739" i="4" a="1"/>
  <c r="M739" i="4" s="1"/>
  <c r="O739" i="4" s="1"/>
  <c r="L739" i="4" a="1"/>
  <c r="L739" i="4" s="1"/>
  <c r="N739" i="4" s="1"/>
  <c r="F739" i="4" a="1"/>
  <c r="F739" i="4" s="1"/>
  <c r="H739" i="4" s="1"/>
  <c r="M751" i="4" a="1"/>
  <c r="M751" i="4" s="1"/>
  <c r="O751" i="4" s="1"/>
  <c r="L751" i="4" a="1"/>
  <c r="L751" i="4" s="1"/>
  <c r="N751" i="4" s="1"/>
  <c r="M763" i="4" a="1"/>
  <c r="M763" i="4" s="1"/>
  <c r="O763" i="4" s="1"/>
  <c r="L763" i="4" a="1"/>
  <c r="L763" i="4" s="1"/>
  <c r="N763" i="4" s="1"/>
  <c r="F763" i="4" a="1"/>
  <c r="F763" i="4" s="1"/>
  <c r="H763" i="4" s="1"/>
  <c r="L775" i="4" a="1"/>
  <c r="L775" i="4" s="1"/>
  <c r="N775" i="4" s="1"/>
  <c r="M775" i="4" a="1"/>
  <c r="M775" i="4" s="1"/>
  <c r="O775" i="4" s="1"/>
  <c r="F775" i="4" a="1"/>
  <c r="F775" i="4" s="1"/>
  <c r="H775" i="4" s="1"/>
  <c r="M787" i="4" a="1"/>
  <c r="M787" i="4" s="1"/>
  <c r="O787" i="4" s="1"/>
  <c r="L787" i="4" a="1"/>
  <c r="L787" i="4" s="1"/>
  <c r="N787" i="4" s="1"/>
  <c r="F787" i="4" a="1"/>
  <c r="F787" i="4" s="1"/>
  <c r="H787" i="4" s="1"/>
  <c r="L799" i="4" a="1"/>
  <c r="L799" i="4" s="1"/>
  <c r="N799" i="4" s="1"/>
  <c r="M799" i="4" a="1"/>
  <c r="M799" i="4" s="1"/>
  <c r="O799" i="4" s="1"/>
  <c r="L811" i="4" a="1"/>
  <c r="L811" i="4" s="1"/>
  <c r="N811" i="4" s="1"/>
  <c r="M811" i="4" a="1"/>
  <c r="M811" i="4" s="1"/>
  <c r="O811" i="4" s="1"/>
  <c r="F811" i="4" a="1"/>
  <c r="F811" i="4" s="1"/>
  <c r="H811" i="4" s="1"/>
  <c r="L823" i="4" a="1"/>
  <c r="L823" i="4" s="1"/>
  <c r="N823" i="4" s="1"/>
  <c r="M823" i="4" a="1"/>
  <c r="M823" i="4" s="1"/>
  <c r="O823" i="4" s="1"/>
  <c r="F823" i="4" a="1"/>
  <c r="F823" i="4" s="1"/>
  <c r="H823" i="4" s="1"/>
  <c r="M835" i="4" a="1"/>
  <c r="M835" i="4" s="1"/>
  <c r="O835" i="4" s="1"/>
  <c r="L835" i="4" a="1"/>
  <c r="L835" i="4" s="1"/>
  <c r="N835" i="4" s="1"/>
  <c r="F835" i="4" a="1"/>
  <c r="F835" i="4" s="1"/>
  <c r="H835" i="4" s="1"/>
  <c r="M847" i="4" a="1"/>
  <c r="M847" i="4" s="1"/>
  <c r="O847" i="4" s="1"/>
  <c r="L847" i="4" a="1"/>
  <c r="L847" i="4" s="1"/>
  <c r="N847" i="4" s="1"/>
  <c r="M859" i="4" a="1"/>
  <c r="M859" i="4" s="1"/>
  <c r="O859" i="4" s="1"/>
  <c r="L859" i="4" a="1"/>
  <c r="L859" i="4" s="1"/>
  <c r="N859" i="4" s="1"/>
  <c r="F859" i="4" a="1"/>
  <c r="F859" i="4" s="1"/>
  <c r="H859" i="4" s="1"/>
  <c r="M871" i="4" a="1"/>
  <c r="M871" i="4" s="1"/>
  <c r="O871" i="4" s="1"/>
  <c r="L871" i="4" a="1"/>
  <c r="L871" i="4" s="1"/>
  <c r="N871" i="4" s="1"/>
  <c r="F871" i="4" a="1"/>
  <c r="F871" i="4" s="1"/>
  <c r="H871" i="4" s="1"/>
  <c r="E127" i="4" a="1"/>
  <c r="E127" i="4" s="1"/>
  <c r="G127" i="4" s="1"/>
  <c r="E146" i="4" a="1"/>
  <c r="E146" i="4" s="1"/>
  <c r="G146" i="4" s="1"/>
  <c r="E163" i="4" a="1"/>
  <c r="E163" i="4" s="1"/>
  <c r="G163" i="4" s="1"/>
  <c r="E182" i="4" a="1"/>
  <c r="E182" i="4" s="1"/>
  <c r="G182" i="4" s="1"/>
  <c r="E226" i="4" a="1"/>
  <c r="E226" i="4" s="1"/>
  <c r="G226" i="4" s="1"/>
  <c r="E262" i="4" a="1"/>
  <c r="E262" i="4" s="1"/>
  <c r="G262" i="4" s="1"/>
  <c r="E279" i="4" a="1"/>
  <c r="E279" i="4" s="1"/>
  <c r="G279" i="4" s="1"/>
  <c r="E295" i="4" a="1"/>
  <c r="E295" i="4" s="1"/>
  <c r="G295" i="4" s="1"/>
  <c r="E312" i="4" a="1"/>
  <c r="E312" i="4" s="1"/>
  <c r="G312" i="4" s="1"/>
  <c r="E329" i="4" a="1"/>
  <c r="E329" i="4" s="1"/>
  <c r="G329" i="4" s="1"/>
  <c r="E391" i="4" a="1"/>
  <c r="E391" i="4" s="1"/>
  <c r="G391" i="4" s="1"/>
  <c r="E413" i="4" a="1"/>
  <c r="E413" i="4" s="1"/>
  <c r="G413" i="4" s="1"/>
  <c r="E423" i="4" a="1"/>
  <c r="E423" i="4" s="1"/>
  <c r="G423" i="4" s="1"/>
  <c r="E434" i="4" a="1"/>
  <c r="E434" i="4" s="1"/>
  <c r="G434" i="4" s="1"/>
  <c r="E468" i="4" a="1"/>
  <c r="E468" i="4" s="1"/>
  <c r="G468" i="4" s="1"/>
  <c r="E490" i="4" a="1"/>
  <c r="E490" i="4" s="1"/>
  <c r="G490" i="4" s="1"/>
  <c r="E502" i="4" a="1"/>
  <c r="E502" i="4" s="1"/>
  <c r="G502" i="4" s="1"/>
  <c r="E523" i="4" a="1"/>
  <c r="E523" i="4" s="1"/>
  <c r="G523" i="4" s="1"/>
  <c r="E557" i="4" a="1"/>
  <c r="E557" i="4" s="1"/>
  <c r="G557" i="4" s="1"/>
  <c r="E578" i="4" a="1"/>
  <c r="E578" i="4" s="1"/>
  <c r="G578" i="4" s="1"/>
  <c r="E588" i="4" a="1"/>
  <c r="E588" i="4" s="1"/>
  <c r="G588" i="4" s="1"/>
  <c r="E610" i="4" a="1"/>
  <c r="E610" i="4" s="1"/>
  <c r="G610" i="4" s="1"/>
  <c r="E643" i="4" a="1"/>
  <c r="E643" i="4" s="1"/>
  <c r="G643" i="4" s="1"/>
  <c r="E665" i="4" a="1"/>
  <c r="E665" i="4" s="1"/>
  <c r="G665" i="4" s="1"/>
  <c r="E677" i="4" a="1"/>
  <c r="E677" i="4" s="1"/>
  <c r="G677" i="4" s="1"/>
  <c r="E687" i="4" a="1"/>
  <c r="E687" i="4" s="1"/>
  <c r="G687" i="4" s="1"/>
  <c r="E699" i="4" a="1"/>
  <c r="E699" i="4" s="1"/>
  <c r="G699" i="4" s="1"/>
  <c r="E732" i="4" a="1"/>
  <c r="E732" i="4" s="1"/>
  <c r="G732" i="4" s="1"/>
  <c r="E754" i="4" a="1"/>
  <c r="E754" i="4" s="1"/>
  <c r="G754" i="4" s="1"/>
  <c r="E787" i="4" a="1"/>
  <c r="E787" i="4" s="1"/>
  <c r="G787" i="4" s="1"/>
  <c r="E798" i="4" a="1"/>
  <c r="E798" i="4" s="1"/>
  <c r="G798" i="4" s="1"/>
  <c r="E809" i="4" a="1"/>
  <c r="E809" i="4" s="1"/>
  <c r="G809" i="4" s="1"/>
  <c r="E821" i="4" a="1"/>
  <c r="E821" i="4" s="1"/>
  <c r="G821" i="4" s="1"/>
  <c r="E831" i="4" a="1"/>
  <c r="E831" i="4" s="1"/>
  <c r="G831" i="4" s="1"/>
  <c r="E843" i="4" a="1"/>
  <c r="E843" i="4" s="1"/>
  <c r="G843" i="4" s="1"/>
  <c r="E865" i="4" a="1"/>
  <c r="E865" i="4" s="1"/>
  <c r="G865" i="4" s="1"/>
  <c r="F50" i="4" a="1"/>
  <c r="F50" i="4" s="1"/>
  <c r="H50" i="4" s="1"/>
  <c r="F60" i="4" a="1"/>
  <c r="F60" i="4" s="1"/>
  <c r="H60" i="4" s="1"/>
  <c r="F70" i="4" a="1"/>
  <c r="F70" i="4" s="1"/>
  <c r="H70" i="4" s="1"/>
  <c r="F79" i="4" a="1"/>
  <c r="F79" i="4" s="1"/>
  <c r="H79" i="4" s="1"/>
  <c r="F106" i="4" a="1"/>
  <c r="F106" i="4" s="1"/>
  <c r="H106" i="4" s="1"/>
  <c r="F127" i="4" a="1"/>
  <c r="F127" i="4" s="1"/>
  <c r="H127" i="4" s="1"/>
  <c r="F149" i="4" a="1"/>
  <c r="F149" i="4" s="1"/>
  <c r="H149" i="4" s="1"/>
  <c r="F171" i="4" a="1"/>
  <c r="F171" i="4" s="1"/>
  <c r="H171" i="4" s="1"/>
  <c r="F204" i="4" a="1"/>
  <c r="F204" i="4" s="1"/>
  <c r="H204" i="4" s="1"/>
  <c r="F230" i="4" a="1"/>
  <c r="F230" i="4" s="1"/>
  <c r="H230" i="4" s="1"/>
  <c r="F247" i="4" a="1"/>
  <c r="F247" i="4" s="1"/>
  <c r="H247" i="4" s="1"/>
  <c r="F269" i="4" a="1"/>
  <c r="F269" i="4" s="1"/>
  <c r="H269" i="4" s="1"/>
  <c r="F290" i="4" a="1"/>
  <c r="F290" i="4" s="1"/>
  <c r="H290" i="4" s="1"/>
  <c r="F312" i="4" a="1"/>
  <c r="F312" i="4" s="1"/>
  <c r="H312" i="4" s="1"/>
  <c r="F334" i="4" a="1"/>
  <c r="F334" i="4" s="1"/>
  <c r="H334" i="4" s="1"/>
  <c r="F490" i="4" a="1"/>
  <c r="F490" i="4" s="1"/>
  <c r="H490" i="4" s="1"/>
  <c r="M473" i="4" a="1"/>
  <c r="M473" i="4" s="1"/>
  <c r="O473" i="4" s="1"/>
  <c r="M32" i="4" a="1"/>
  <c r="M32" i="4" s="1"/>
  <c r="O32" i="4" s="1"/>
  <c r="L32" i="4" a="1"/>
  <c r="L32" i="4" s="1"/>
  <c r="N32" i="4" s="1"/>
  <c r="M44" i="4" a="1"/>
  <c r="M44" i="4" s="1"/>
  <c r="O44" i="4" s="1"/>
  <c r="L44" i="4" a="1"/>
  <c r="L44" i="4" s="1"/>
  <c r="N44" i="4" s="1"/>
  <c r="M56" i="4" a="1"/>
  <c r="M56" i="4" s="1"/>
  <c r="O56" i="4" s="1"/>
  <c r="L56" i="4" a="1"/>
  <c r="L56" i="4" s="1"/>
  <c r="N56" i="4" s="1"/>
  <c r="M68" i="4" a="1"/>
  <c r="M68" i="4" s="1"/>
  <c r="O68" i="4" s="1"/>
  <c r="L68" i="4" a="1"/>
  <c r="L68" i="4" s="1"/>
  <c r="N68" i="4" s="1"/>
  <c r="M80" i="4" a="1"/>
  <c r="M80" i="4" s="1"/>
  <c r="O80" i="4" s="1"/>
  <c r="L80" i="4" a="1"/>
  <c r="L80" i="4" s="1"/>
  <c r="N80" i="4" s="1"/>
  <c r="M92" i="4" a="1"/>
  <c r="M92" i="4" s="1"/>
  <c r="O92" i="4" s="1"/>
  <c r="L92" i="4" a="1"/>
  <c r="L92" i="4" s="1"/>
  <c r="N92" i="4" s="1"/>
  <c r="M104" i="4" a="1"/>
  <c r="M104" i="4" s="1"/>
  <c r="O104" i="4" s="1"/>
  <c r="L104" i="4" a="1"/>
  <c r="L104" i="4" s="1"/>
  <c r="N104" i="4" s="1"/>
  <c r="M116" i="4" a="1"/>
  <c r="M116" i="4" s="1"/>
  <c r="O116" i="4" s="1"/>
  <c r="L116" i="4" a="1"/>
  <c r="L116" i="4" s="1"/>
  <c r="N116" i="4" s="1"/>
  <c r="M128" i="4" a="1"/>
  <c r="M128" i="4" s="1"/>
  <c r="O128" i="4" s="1"/>
  <c r="L128" i="4" a="1"/>
  <c r="L128" i="4" s="1"/>
  <c r="N128" i="4" s="1"/>
  <c r="M140" i="4" a="1"/>
  <c r="M140" i="4" s="1"/>
  <c r="O140" i="4" s="1"/>
  <c r="L140" i="4" a="1"/>
  <c r="L140" i="4" s="1"/>
  <c r="N140" i="4" s="1"/>
  <c r="M152" i="4" a="1"/>
  <c r="M152" i="4" s="1"/>
  <c r="O152" i="4" s="1"/>
  <c r="L152" i="4" a="1"/>
  <c r="L152" i="4" s="1"/>
  <c r="N152" i="4" s="1"/>
  <c r="M164" i="4" a="1"/>
  <c r="M164" i="4" s="1"/>
  <c r="O164" i="4" s="1"/>
  <c r="L164" i="4" a="1"/>
  <c r="L164" i="4" s="1"/>
  <c r="N164" i="4" s="1"/>
  <c r="M176" i="4" a="1"/>
  <c r="M176" i="4" s="1"/>
  <c r="O176" i="4" s="1"/>
  <c r="L176" i="4" a="1"/>
  <c r="L176" i="4" s="1"/>
  <c r="N176" i="4" s="1"/>
  <c r="M188" i="4" a="1"/>
  <c r="M188" i="4" s="1"/>
  <c r="O188" i="4" s="1"/>
  <c r="L188" i="4" a="1"/>
  <c r="L188" i="4" s="1"/>
  <c r="N188" i="4" s="1"/>
  <c r="L200" i="4" a="1"/>
  <c r="L200" i="4" s="1"/>
  <c r="N200" i="4" s="1"/>
  <c r="M200" i="4" a="1"/>
  <c r="M200" i="4" s="1"/>
  <c r="O200" i="4" s="1"/>
  <c r="M212" i="4" a="1"/>
  <c r="M212" i="4" s="1"/>
  <c r="O212" i="4" s="1"/>
  <c r="L212" i="4" a="1"/>
  <c r="L212" i="4" s="1"/>
  <c r="N212" i="4" s="1"/>
  <c r="F212" i="4" a="1"/>
  <c r="F212" i="4" s="1"/>
  <c r="H212" i="4" s="1"/>
  <c r="M224" i="4" a="1"/>
  <c r="M224" i="4" s="1"/>
  <c r="O224" i="4" s="1"/>
  <c r="L224" i="4" a="1"/>
  <c r="L224" i="4" s="1"/>
  <c r="N224" i="4" s="1"/>
  <c r="M236" i="4" a="1"/>
  <c r="M236" i="4" s="1"/>
  <c r="O236" i="4" s="1"/>
  <c r="L236" i="4" a="1"/>
  <c r="L236" i="4" s="1"/>
  <c r="N236" i="4" s="1"/>
  <c r="M248" i="4" a="1"/>
  <c r="M248" i="4" s="1"/>
  <c r="O248" i="4" s="1"/>
  <c r="L248" i="4" a="1"/>
  <c r="L248" i="4" s="1"/>
  <c r="N248" i="4" s="1"/>
  <c r="L260" i="4" a="1"/>
  <c r="L260" i="4" s="1"/>
  <c r="N260" i="4" s="1"/>
  <c r="M260" i="4" a="1"/>
  <c r="M260" i="4" s="1"/>
  <c r="O260" i="4" s="1"/>
  <c r="F260" i="4" a="1"/>
  <c r="F260" i="4" s="1"/>
  <c r="H260" i="4" s="1"/>
  <c r="M272" i="4" a="1"/>
  <c r="M272" i="4" s="1"/>
  <c r="O272" i="4" s="1"/>
  <c r="F272" i="4" a="1"/>
  <c r="F272" i="4" s="1"/>
  <c r="H272" i="4" s="1"/>
  <c r="L272" i="4" a="1"/>
  <c r="L272" i="4" s="1"/>
  <c r="N272" i="4" s="1"/>
  <c r="L284" i="4" a="1"/>
  <c r="L284" i="4" s="1"/>
  <c r="N284" i="4" s="1"/>
  <c r="M284" i="4" a="1"/>
  <c r="M284" i="4" s="1"/>
  <c r="O284" i="4" s="1"/>
  <c r="M296" i="4" a="1"/>
  <c r="M296" i="4" s="1"/>
  <c r="O296" i="4" s="1"/>
  <c r="L296" i="4" a="1"/>
  <c r="L296" i="4" s="1"/>
  <c r="N296" i="4" s="1"/>
  <c r="L308" i="4" a="1"/>
  <c r="L308" i="4" s="1"/>
  <c r="N308" i="4" s="1"/>
  <c r="M308" i="4" a="1"/>
  <c r="M308" i="4" s="1"/>
  <c r="O308" i="4" s="1"/>
  <c r="L320" i="4" a="1"/>
  <c r="L320" i="4" s="1"/>
  <c r="N320" i="4" s="1"/>
  <c r="M320" i="4" a="1"/>
  <c r="M320" i="4" s="1"/>
  <c r="O320" i="4" s="1"/>
  <c r="F320" i="4" a="1"/>
  <c r="F320" i="4" s="1"/>
  <c r="H320" i="4" s="1"/>
  <c r="M332" i="4" a="1"/>
  <c r="M332" i="4" s="1"/>
  <c r="O332" i="4" s="1"/>
  <c r="L332" i="4" a="1"/>
  <c r="L332" i="4" s="1"/>
  <c r="N332" i="4" s="1"/>
  <c r="M344" i="4" a="1"/>
  <c r="M344" i="4" s="1"/>
  <c r="O344" i="4" s="1"/>
  <c r="L344" i="4" a="1"/>
  <c r="L344" i="4" s="1"/>
  <c r="N344" i="4" s="1"/>
  <c r="L356" i="4" a="1"/>
  <c r="L356" i="4" s="1"/>
  <c r="N356" i="4" s="1"/>
  <c r="M356" i="4" a="1"/>
  <c r="M356" i="4" s="1"/>
  <c r="O356" i="4" s="1"/>
  <c r="F356" i="4" a="1"/>
  <c r="F356" i="4" s="1"/>
  <c r="H356" i="4" s="1"/>
  <c r="L368" i="4" a="1"/>
  <c r="L368" i="4" s="1"/>
  <c r="N368" i="4" s="1"/>
  <c r="M368" i="4" a="1"/>
  <c r="M368" i="4" s="1"/>
  <c r="O368" i="4" s="1"/>
  <c r="F368" i="4" a="1"/>
  <c r="F368" i="4" s="1"/>
  <c r="H368" i="4" s="1"/>
  <c r="L380" i="4" a="1"/>
  <c r="L380" i="4" s="1"/>
  <c r="N380" i="4" s="1"/>
  <c r="M380" i="4" a="1"/>
  <c r="M380" i="4" s="1"/>
  <c r="O380" i="4" s="1"/>
  <c r="F380" i="4" a="1"/>
  <c r="F380" i="4" s="1"/>
  <c r="H380" i="4" s="1"/>
  <c r="L392" i="4" a="1"/>
  <c r="L392" i="4" s="1"/>
  <c r="N392" i="4" s="1"/>
  <c r="M392" i="4" a="1"/>
  <c r="M392" i="4" s="1"/>
  <c r="O392" i="4" s="1"/>
  <c r="F392" i="4" a="1"/>
  <c r="F392" i="4" s="1"/>
  <c r="H392" i="4" s="1"/>
  <c r="L404" i="4" a="1"/>
  <c r="L404" i="4" s="1"/>
  <c r="N404" i="4" s="1"/>
  <c r="M404" i="4" a="1"/>
  <c r="M404" i="4" s="1"/>
  <c r="O404" i="4" s="1"/>
  <c r="F404" i="4" a="1"/>
  <c r="F404" i="4" s="1"/>
  <c r="H404" i="4" s="1"/>
  <c r="M416" i="4" a="1"/>
  <c r="M416" i="4" s="1"/>
  <c r="O416" i="4" s="1"/>
  <c r="F416" i="4" a="1"/>
  <c r="F416" i="4" s="1"/>
  <c r="H416" i="4" s="1"/>
  <c r="L416" i="4" a="1"/>
  <c r="L416" i="4" s="1"/>
  <c r="N416" i="4" s="1"/>
  <c r="M428" i="4" a="1"/>
  <c r="M428" i="4" s="1"/>
  <c r="O428" i="4" s="1"/>
  <c r="L428" i="4" a="1"/>
  <c r="L428" i="4" s="1"/>
  <c r="N428" i="4" s="1"/>
  <c r="F428" i="4" a="1"/>
  <c r="F428" i="4" s="1"/>
  <c r="H428" i="4" s="1"/>
  <c r="M440" i="4" a="1"/>
  <c r="M440" i="4" s="1"/>
  <c r="O440" i="4" s="1"/>
  <c r="L440" i="4" a="1"/>
  <c r="L440" i="4" s="1"/>
  <c r="N440" i="4" s="1"/>
  <c r="F440" i="4" a="1"/>
  <c r="F440" i="4" s="1"/>
  <c r="H440" i="4" s="1"/>
  <c r="M452" i="4" a="1"/>
  <c r="M452" i="4" s="1"/>
  <c r="O452" i="4" s="1"/>
  <c r="L452" i="4" a="1"/>
  <c r="L452" i="4" s="1"/>
  <c r="N452" i="4" s="1"/>
  <c r="F452" i="4" a="1"/>
  <c r="F452" i="4" s="1"/>
  <c r="H452" i="4" s="1"/>
  <c r="M464" i="4" a="1"/>
  <c r="M464" i="4" s="1"/>
  <c r="O464" i="4" s="1"/>
  <c r="L464" i="4" a="1"/>
  <c r="L464" i="4" s="1"/>
  <c r="N464" i="4" s="1"/>
  <c r="F464" i="4" a="1"/>
  <c r="F464" i="4" s="1"/>
  <c r="H464" i="4" s="1"/>
  <c r="M476" i="4" a="1"/>
  <c r="M476" i="4" s="1"/>
  <c r="O476" i="4" s="1"/>
  <c r="L476" i="4" a="1"/>
  <c r="L476" i="4" s="1"/>
  <c r="N476" i="4" s="1"/>
  <c r="F476" i="4" a="1"/>
  <c r="F476" i="4" s="1"/>
  <c r="H476" i="4" s="1"/>
  <c r="M488" i="4" a="1"/>
  <c r="M488" i="4" s="1"/>
  <c r="O488" i="4" s="1"/>
  <c r="L488" i="4" a="1"/>
  <c r="L488" i="4" s="1"/>
  <c r="N488" i="4" s="1"/>
  <c r="F488" i="4" a="1"/>
  <c r="F488" i="4" s="1"/>
  <c r="H488" i="4" s="1"/>
  <c r="M500" i="4" a="1"/>
  <c r="M500" i="4" s="1"/>
  <c r="O500" i="4" s="1"/>
  <c r="L500" i="4" a="1"/>
  <c r="L500" i="4" s="1"/>
  <c r="N500" i="4" s="1"/>
  <c r="M512" i="4" a="1"/>
  <c r="M512" i="4" s="1"/>
  <c r="O512" i="4" s="1"/>
  <c r="L512" i="4" a="1"/>
  <c r="L512" i="4" s="1"/>
  <c r="N512" i="4" s="1"/>
  <c r="F512" i="4" a="1"/>
  <c r="F512" i="4" s="1"/>
  <c r="H512" i="4" s="1"/>
  <c r="M524" i="4" a="1"/>
  <c r="M524" i="4" s="1"/>
  <c r="O524" i="4" s="1"/>
  <c r="L524" i="4" a="1"/>
  <c r="L524" i="4" s="1"/>
  <c r="N524" i="4" s="1"/>
  <c r="F524" i="4" a="1"/>
  <c r="F524" i="4" s="1"/>
  <c r="H524" i="4" s="1"/>
  <c r="L536" i="4" a="1"/>
  <c r="L536" i="4" s="1"/>
  <c r="N536" i="4" s="1"/>
  <c r="F536" i="4" a="1"/>
  <c r="F536" i="4" s="1"/>
  <c r="H536" i="4" s="1"/>
  <c r="M536" i="4" a="1"/>
  <c r="M536" i="4" s="1"/>
  <c r="O536" i="4" s="1"/>
  <c r="M548" i="4" a="1"/>
  <c r="M548" i="4" s="1"/>
  <c r="O548" i="4" s="1"/>
  <c r="L548" i="4" a="1"/>
  <c r="L548" i="4" s="1"/>
  <c r="N548" i="4" s="1"/>
  <c r="M560" i="4" a="1"/>
  <c r="M560" i="4" s="1"/>
  <c r="O560" i="4" s="1"/>
  <c r="L560" i="4" a="1"/>
  <c r="L560" i="4" s="1"/>
  <c r="N560" i="4" s="1"/>
  <c r="F560" i="4" a="1"/>
  <c r="F560" i="4" s="1"/>
  <c r="H560" i="4" s="1"/>
  <c r="M572" i="4" a="1"/>
  <c r="M572" i="4" s="1"/>
  <c r="O572" i="4" s="1"/>
  <c r="L572" i="4" a="1"/>
  <c r="L572" i="4" s="1"/>
  <c r="N572" i="4" s="1"/>
  <c r="F572" i="4" a="1"/>
  <c r="F572" i="4" s="1"/>
  <c r="H572" i="4" s="1"/>
  <c r="M584" i="4" a="1"/>
  <c r="M584" i="4" s="1"/>
  <c r="O584" i="4" s="1"/>
  <c r="L584" i="4" a="1"/>
  <c r="L584" i="4" s="1"/>
  <c r="N584" i="4" s="1"/>
  <c r="F584" i="4" a="1"/>
  <c r="F584" i="4" s="1"/>
  <c r="H584" i="4" s="1"/>
  <c r="M596" i="4" a="1"/>
  <c r="M596" i="4" s="1"/>
  <c r="O596" i="4" s="1"/>
  <c r="L596" i="4" a="1"/>
  <c r="L596" i="4" s="1"/>
  <c r="N596" i="4" s="1"/>
  <c r="M608" i="4" a="1"/>
  <c r="M608" i="4" s="1"/>
  <c r="O608" i="4" s="1"/>
  <c r="L608" i="4" a="1"/>
  <c r="L608" i="4" s="1"/>
  <c r="N608" i="4" s="1"/>
  <c r="F608" i="4" a="1"/>
  <c r="F608" i="4" s="1"/>
  <c r="H608" i="4" s="1"/>
  <c r="M620" i="4" a="1"/>
  <c r="M620" i="4" s="1"/>
  <c r="O620" i="4" s="1"/>
  <c r="L620" i="4" a="1"/>
  <c r="L620" i="4" s="1"/>
  <c r="N620" i="4" s="1"/>
  <c r="F620" i="4" a="1"/>
  <c r="F620" i="4" s="1"/>
  <c r="H620" i="4" s="1"/>
  <c r="M632" i="4" a="1"/>
  <c r="M632" i="4" s="1"/>
  <c r="O632" i="4" s="1"/>
  <c r="L632" i="4" a="1"/>
  <c r="L632" i="4" s="1"/>
  <c r="N632" i="4" s="1"/>
  <c r="F632" i="4" a="1"/>
  <c r="F632" i="4" s="1"/>
  <c r="H632" i="4" s="1"/>
  <c r="M644" i="4" a="1"/>
  <c r="M644" i="4" s="1"/>
  <c r="O644" i="4" s="1"/>
  <c r="L644" i="4" a="1"/>
  <c r="L644" i="4" s="1"/>
  <c r="N644" i="4" s="1"/>
  <c r="F644" i="4" a="1"/>
  <c r="F644" i="4" s="1"/>
  <c r="H644" i="4" s="1"/>
  <c r="M656" i="4" a="1"/>
  <c r="M656" i="4" s="1"/>
  <c r="O656" i="4" s="1"/>
  <c r="L656" i="4" a="1"/>
  <c r="L656" i="4" s="1"/>
  <c r="N656" i="4" s="1"/>
  <c r="F656" i="4" a="1"/>
  <c r="F656" i="4" s="1"/>
  <c r="H656" i="4" s="1"/>
  <c r="M668" i="4" a="1"/>
  <c r="M668" i="4" s="1"/>
  <c r="O668" i="4" s="1"/>
  <c r="F668" i="4" a="1"/>
  <c r="F668" i="4" s="1"/>
  <c r="H668" i="4" s="1"/>
  <c r="L668" i="4" a="1"/>
  <c r="L668" i="4" s="1"/>
  <c r="N668" i="4" s="1"/>
  <c r="M680" i="4" a="1"/>
  <c r="M680" i="4" s="1"/>
  <c r="O680" i="4" s="1"/>
  <c r="L680" i="4" a="1"/>
  <c r="L680" i="4" s="1"/>
  <c r="N680" i="4" s="1"/>
  <c r="F680" i="4" a="1"/>
  <c r="F680" i="4" s="1"/>
  <c r="H680" i="4" s="1"/>
  <c r="M692" i="4" a="1"/>
  <c r="M692" i="4" s="1"/>
  <c r="O692" i="4" s="1"/>
  <c r="L692" i="4" a="1"/>
  <c r="L692" i="4" s="1"/>
  <c r="N692" i="4" s="1"/>
  <c r="F692" i="4" a="1"/>
  <c r="F692" i="4" s="1"/>
  <c r="H692" i="4" s="1"/>
  <c r="M704" i="4" a="1"/>
  <c r="M704" i="4" s="1"/>
  <c r="O704" i="4" s="1"/>
  <c r="L704" i="4" a="1"/>
  <c r="L704" i="4" s="1"/>
  <c r="N704" i="4" s="1"/>
  <c r="F704" i="4" a="1"/>
  <c r="F704" i="4" s="1"/>
  <c r="H704" i="4" s="1"/>
  <c r="M716" i="4" a="1"/>
  <c r="M716" i="4" s="1"/>
  <c r="O716" i="4" s="1"/>
  <c r="L716" i="4" a="1"/>
  <c r="L716" i="4" s="1"/>
  <c r="N716" i="4" s="1"/>
  <c r="F716" i="4" a="1"/>
  <c r="F716" i="4" s="1"/>
  <c r="H716" i="4" s="1"/>
  <c r="M728" i="4" a="1"/>
  <c r="M728" i="4" s="1"/>
  <c r="O728" i="4" s="1"/>
  <c r="L728" i="4" a="1"/>
  <c r="L728" i="4" s="1"/>
  <c r="N728" i="4" s="1"/>
  <c r="F728" i="4" a="1"/>
  <c r="F728" i="4" s="1"/>
  <c r="H728" i="4" s="1"/>
  <c r="M740" i="4" a="1"/>
  <c r="M740" i="4" s="1"/>
  <c r="O740" i="4" s="1"/>
  <c r="L740" i="4" a="1"/>
  <c r="L740" i="4" s="1"/>
  <c r="N740" i="4" s="1"/>
  <c r="F740" i="4" a="1"/>
  <c r="F740" i="4" s="1"/>
  <c r="H740" i="4" s="1"/>
  <c r="M752" i="4" a="1"/>
  <c r="M752" i="4" s="1"/>
  <c r="O752" i="4" s="1"/>
  <c r="L752" i="4" a="1"/>
  <c r="L752" i="4" s="1"/>
  <c r="N752" i="4" s="1"/>
  <c r="F752" i="4" a="1"/>
  <c r="F752" i="4" s="1"/>
  <c r="H752" i="4" s="1"/>
  <c r="M764" i="4" a="1"/>
  <c r="M764" i="4" s="1"/>
  <c r="O764" i="4" s="1"/>
  <c r="L764" i="4" a="1"/>
  <c r="L764" i="4" s="1"/>
  <c r="N764" i="4" s="1"/>
  <c r="F764" i="4" a="1"/>
  <c r="F764" i="4" s="1"/>
  <c r="H764" i="4" s="1"/>
  <c r="L776" i="4" a="1"/>
  <c r="L776" i="4" s="1"/>
  <c r="N776" i="4" s="1"/>
  <c r="M776" i="4" a="1"/>
  <c r="M776" i="4" s="1"/>
  <c r="O776" i="4" s="1"/>
  <c r="F776" i="4" a="1"/>
  <c r="F776" i="4" s="1"/>
  <c r="H776" i="4" s="1"/>
  <c r="M788" i="4" a="1"/>
  <c r="M788" i="4" s="1"/>
  <c r="O788" i="4" s="1"/>
  <c r="L788" i="4" a="1"/>
  <c r="L788" i="4" s="1"/>
  <c r="N788" i="4" s="1"/>
  <c r="F788" i="4" a="1"/>
  <c r="F788" i="4" s="1"/>
  <c r="H788" i="4" s="1"/>
  <c r="L800" i="4" a="1"/>
  <c r="L800" i="4" s="1"/>
  <c r="N800" i="4" s="1"/>
  <c r="M800" i="4" a="1"/>
  <c r="M800" i="4" s="1"/>
  <c r="O800" i="4" s="1"/>
  <c r="F800" i="4" a="1"/>
  <c r="F800" i="4" s="1"/>
  <c r="H800" i="4" s="1"/>
  <c r="M812" i="4" a="1"/>
  <c r="M812" i="4" s="1"/>
  <c r="O812" i="4" s="1"/>
  <c r="L812" i="4" a="1"/>
  <c r="L812" i="4" s="1"/>
  <c r="N812" i="4" s="1"/>
  <c r="F812" i="4" a="1"/>
  <c r="F812" i="4" s="1"/>
  <c r="H812" i="4" s="1"/>
  <c r="M824" i="4" a="1"/>
  <c r="M824" i="4" s="1"/>
  <c r="O824" i="4" s="1"/>
  <c r="L824" i="4" a="1"/>
  <c r="L824" i="4" s="1"/>
  <c r="N824" i="4" s="1"/>
  <c r="F824" i="4" a="1"/>
  <c r="F824" i="4" s="1"/>
  <c r="H824" i="4" s="1"/>
  <c r="M836" i="4" a="1"/>
  <c r="M836" i="4" s="1"/>
  <c r="O836" i="4" s="1"/>
  <c r="L836" i="4" a="1"/>
  <c r="L836" i="4" s="1"/>
  <c r="N836" i="4" s="1"/>
  <c r="F836" i="4" a="1"/>
  <c r="F836" i="4" s="1"/>
  <c r="H836" i="4" s="1"/>
  <c r="M848" i="4" a="1"/>
  <c r="M848" i="4" s="1"/>
  <c r="O848" i="4" s="1"/>
  <c r="L848" i="4" a="1"/>
  <c r="L848" i="4" s="1"/>
  <c r="N848" i="4" s="1"/>
  <c r="F848" i="4" a="1"/>
  <c r="F848" i="4" s="1"/>
  <c r="H848" i="4" s="1"/>
  <c r="L860" i="4" a="1"/>
  <c r="L860" i="4" s="1"/>
  <c r="N860" i="4" s="1"/>
  <c r="M860" i="4" a="1"/>
  <c r="M860" i="4" s="1"/>
  <c r="O860" i="4" s="1"/>
  <c r="F860" i="4" a="1"/>
  <c r="F860" i="4" s="1"/>
  <c r="H860" i="4" s="1"/>
  <c r="M872" i="4" a="1"/>
  <c r="M872" i="4" s="1"/>
  <c r="O872" i="4" s="1"/>
  <c r="L872" i="4" a="1"/>
  <c r="L872" i="4" s="1"/>
  <c r="N872" i="4" s="1"/>
  <c r="F872" i="4" a="1"/>
  <c r="F872" i="4" s="1"/>
  <c r="H872" i="4" s="1"/>
  <c r="E31" i="4" a="1"/>
  <c r="E31" i="4" s="1"/>
  <c r="G31" i="4" s="1"/>
  <c r="E43" i="4" a="1"/>
  <c r="E43" i="4" s="1"/>
  <c r="G43" i="4" s="1"/>
  <c r="E55" i="4" a="1"/>
  <c r="E55" i="4" s="1"/>
  <c r="G55" i="4" s="1"/>
  <c r="E67" i="4" a="1"/>
  <c r="E67" i="4" s="1"/>
  <c r="G67" i="4" s="1"/>
  <c r="E79" i="4" a="1"/>
  <c r="E79" i="4" s="1"/>
  <c r="G79" i="4" s="1"/>
  <c r="E91" i="4" a="1"/>
  <c r="E91" i="4" s="1"/>
  <c r="G91" i="4" s="1"/>
  <c r="E101" i="4" a="1"/>
  <c r="E101" i="4" s="1"/>
  <c r="G101" i="4" s="1"/>
  <c r="E111" i="4" a="1"/>
  <c r="E111" i="4" s="1"/>
  <c r="G111" i="4" s="1"/>
  <c r="E120" i="4" a="1"/>
  <c r="E120" i="4" s="1"/>
  <c r="G120" i="4" s="1"/>
  <c r="E128" i="4" a="1"/>
  <c r="E128" i="4" s="1"/>
  <c r="G128" i="4" s="1"/>
  <c r="E137" i="4" a="1"/>
  <c r="E137" i="4" s="1"/>
  <c r="G137" i="4" s="1"/>
  <c r="E156" i="4" a="1"/>
  <c r="E156" i="4" s="1"/>
  <c r="G156" i="4" s="1"/>
  <c r="E164" i="4" a="1"/>
  <c r="E164" i="4" s="1"/>
  <c r="G164" i="4" s="1"/>
  <c r="E173" i="4" a="1"/>
  <c r="E173" i="4" s="1"/>
  <c r="G173" i="4" s="1"/>
  <c r="E199" i="4" a="1"/>
  <c r="E199" i="4" s="1"/>
  <c r="G199" i="4" s="1"/>
  <c r="E218" i="4" a="1"/>
  <c r="E218" i="4" s="1"/>
  <c r="G218" i="4" s="1"/>
  <c r="E235" i="4" a="1"/>
  <c r="E235" i="4" s="1"/>
  <c r="G235" i="4" s="1"/>
  <c r="E254" i="4" a="1"/>
  <c r="E254" i="4" s="1"/>
  <c r="G254" i="4" s="1"/>
  <c r="E288" i="4" a="1"/>
  <c r="E288" i="4" s="1"/>
  <c r="G288" i="4" s="1"/>
  <c r="E296" i="4" a="1"/>
  <c r="E296" i="4" s="1"/>
  <c r="G296" i="4" s="1"/>
  <c r="E305" i="4" a="1"/>
  <c r="E305" i="4" s="1"/>
  <c r="G305" i="4" s="1"/>
  <c r="E339" i="4" a="1"/>
  <c r="E339" i="4" s="1"/>
  <c r="G339" i="4" s="1"/>
  <c r="E346" i="4" a="1"/>
  <c r="E346" i="4" s="1"/>
  <c r="G346" i="4" s="1"/>
  <c r="E363" i="4" a="1"/>
  <c r="E363" i="4" s="1"/>
  <c r="G363" i="4" s="1"/>
  <c r="E392" i="4" a="1"/>
  <c r="E392" i="4" s="1"/>
  <c r="G392" i="4" s="1"/>
  <c r="E403" i="4" a="1"/>
  <c r="E403" i="4" s="1"/>
  <c r="G403" i="4" s="1"/>
  <c r="E446" i="4" a="1"/>
  <c r="E446" i="4" s="1"/>
  <c r="G446" i="4" s="1"/>
  <c r="E458" i="4" a="1"/>
  <c r="E458" i="4" s="1"/>
  <c r="G458" i="4" s="1"/>
  <c r="E480" i="4" a="1"/>
  <c r="E480" i="4" s="1"/>
  <c r="G480" i="4" s="1"/>
  <c r="E524" i="4" a="1"/>
  <c r="E524" i="4" s="1"/>
  <c r="G524" i="4" s="1"/>
  <c r="E535" i="4" a="1"/>
  <c r="E535" i="4" s="1"/>
  <c r="G535" i="4" s="1"/>
  <c r="E547" i="4" a="1"/>
  <c r="E547" i="4" s="1"/>
  <c r="G547" i="4" s="1"/>
  <c r="E567" i="4" a="1"/>
  <c r="E567" i="4" s="1"/>
  <c r="G567" i="4" s="1"/>
  <c r="E579" i="4" a="1"/>
  <c r="E579" i="4" s="1"/>
  <c r="G579" i="4" s="1"/>
  <c r="E600" i="4" a="1"/>
  <c r="E600" i="4" s="1"/>
  <c r="G600" i="4" s="1"/>
  <c r="E622" i="4" a="1"/>
  <c r="E622" i="4" s="1"/>
  <c r="G622" i="4" s="1"/>
  <c r="E644" i="4" a="1"/>
  <c r="E644" i="4" s="1"/>
  <c r="G644" i="4" s="1"/>
  <c r="E655" i="4" a="1"/>
  <c r="E655" i="4" s="1"/>
  <c r="G655" i="4" s="1"/>
  <c r="E710" i="4" a="1"/>
  <c r="E710" i="4" s="1"/>
  <c r="G710" i="4" s="1"/>
  <c r="E722" i="4" a="1"/>
  <c r="E722" i="4" s="1"/>
  <c r="G722" i="4" s="1"/>
  <c r="E733" i="4" a="1"/>
  <c r="E733" i="4" s="1"/>
  <c r="G733" i="4" s="1"/>
  <c r="E744" i="4" a="1"/>
  <c r="E744" i="4" s="1"/>
  <c r="G744" i="4" s="1"/>
  <c r="E766" i="4" a="1"/>
  <c r="E766" i="4" s="1"/>
  <c r="G766" i="4" s="1"/>
  <c r="E788" i="4" a="1"/>
  <c r="E788" i="4" s="1"/>
  <c r="G788" i="4" s="1"/>
  <c r="E799" i="4" a="1"/>
  <c r="E799" i="4" s="1"/>
  <c r="G799" i="4" s="1"/>
  <c r="E810" i="4" a="1"/>
  <c r="E810" i="4" s="1"/>
  <c r="G810" i="4" s="1"/>
  <c r="E854" i="4" a="1"/>
  <c r="E854" i="4" s="1"/>
  <c r="G854" i="4" s="1"/>
  <c r="E866" i="4" a="1"/>
  <c r="E866" i="4" s="1"/>
  <c r="G866" i="4" s="1"/>
  <c r="F51" i="4" a="1"/>
  <c r="F51" i="4" s="1"/>
  <c r="H51" i="4" s="1"/>
  <c r="F80" i="4" a="1"/>
  <c r="F80" i="4" s="1"/>
  <c r="H80" i="4" s="1"/>
  <c r="F89" i="4" a="1"/>
  <c r="F89" i="4" s="1"/>
  <c r="H89" i="4" s="1"/>
  <c r="F98" i="4" a="1"/>
  <c r="F98" i="4" s="1"/>
  <c r="H98" i="4" s="1"/>
  <c r="F118" i="4" a="1"/>
  <c r="F118" i="4" s="1"/>
  <c r="H118" i="4" s="1"/>
  <c r="F128" i="4" a="1"/>
  <c r="F128" i="4" s="1"/>
  <c r="H128" i="4" s="1"/>
  <c r="F139" i="4" a="1"/>
  <c r="F139" i="4" s="1"/>
  <c r="H139" i="4" s="1"/>
  <c r="F161" i="4" a="1"/>
  <c r="F161" i="4" s="1"/>
  <c r="H161" i="4" s="1"/>
  <c r="F182" i="4" a="1"/>
  <c r="F182" i="4" s="1"/>
  <c r="H182" i="4" s="1"/>
  <c r="F231" i="4" a="1"/>
  <c r="F231" i="4" s="1"/>
  <c r="H231" i="4" s="1"/>
  <c r="F248" i="4" a="1"/>
  <c r="F248" i="4" s="1"/>
  <c r="H248" i="4" s="1"/>
  <c r="F291" i="4" a="1"/>
  <c r="F291" i="4" s="1"/>
  <c r="H291" i="4" s="1"/>
  <c r="F338" i="4" a="1"/>
  <c r="F338" i="4" s="1"/>
  <c r="H338" i="4" s="1"/>
  <c r="F399" i="4" a="1"/>
  <c r="F399" i="4" s="1"/>
  <c r="H399" i="4" s="1"/>
  <c r="F500" i="4" a="1"/>
  <c r="F500" i="4" s="1"/>
  <c r="H500" i="4" s="1"/>
  <c r="F732" i="4" a="1"/>
  <c r="F732" i="4" s="1"/>
  <c r="H732" i="4" s="1"/>
  <c r="F847" i="4" a="1"/>
  <c r="F847" i="4" s="1"/>
  <c r="H847" i="4" s="1"/>
  <c r="M33" i="4" a="1"/>
  <c r="M33" i="4" s="1"/>
  <c r="O33" i="4" s="1"/>
  <c r="L33" i="4" a="1"/>
  <c r="L33" i="4" s="1"/>
  <c r="N33" i="4" s="1"/>
  <c r="M45" i="4" a="1"/>
  <c r="M45" i="4" s="1"/>
  <c r="O45" i="4" s="1"/>
  <c r="L45" i="4" a="1"/>
  <c r="L45" i="4" s="1"/>
  <c r="N45" i="4" s="1"/>
  <c r="M57" i="4" a="1"/>
  <c r="M57" i="4" s="1"/>
  <c r="O57" i="4" s="1"/>
  <c r="L57" i="4" a="1"/>
  <c r="L57" i="4" s="1"/>
  <c r="N57" i="4" s="1"/>
  <c r="M69" i="4" a="1"/>
  <c r="M69" i="4" s="1"/>
  <c r="O69" i="4" s="1"/>
  <c r="L69" i="4" a="1"/>
  <c r="L69" i="4" s="1"/>
  <c r="N69" i="4" s="1"/>
  <c r="M81" i="4" a="1"/>
  <c r="M81" i="4" s="1"/>
  <c r="O81" i="4" s="1"/>
  <c r="L81" i="4" a="1"/>
  <c r="L81" i="4" s="1"/>
  <c r="N81" i="4" s="1"/>
  <c r="M93" i="4" a="1"/>
  <c r="M93" i="4" s="1"/>
  <c r="O93" i="4" s="1"/>
  <c r="L93" i="4" a="1"/>
  <c r="L93" i="4" s="1"/>
  <c r="N93" i="4" s="1"/>
  <c r="M105" i="4" a="1"/>
  <c r="M105" i="4" s="1"/>
  <c r="O105" i="4" s="1"/>
  <c r="L105" i="4" a="1"/>
  <c r="L105" i="4" s="1"/>
  <c r="N105" i="4" s="1"/>
  <c r="M117" i="4" a="1"/>
  <c r="M117" i="4" s="1"/>
  <c r="O117" i="4" s="1"/>
  <c r="L117" i="4" a="1"/>
  <c r="L117" i="4" s="1"/>
  <c r="N117" i="4" s="1"/>
  <c r="M129" i="4" a="1"/>
  <c r="M129" i="4" s="1"/>
  <c r="O129" i="4" s="1"/>
  <c r="L129" i="4" a="1"/>
  <c r="L129" i="4" s="1"/>
  <c r="N129" i="4" s="1"/>
  <c r="M141" i="4" a="1"/>
  <c r="M141" i="4" s="1"/>
  <c r="O141" i="4" s="1"/>
  <c r="L141" i="4" a="1"/>
  <c r="L141" i="4" s="1"/>
  <c r="N141" i="4" s="1"/>
  <c r="M153" i="4" a="1"/>
  <c r="M153" i="4" s="1"/>
  <c r="O153" i="4" s="1"/>
  <c r="L153" i="4" a="1"/>
  <c r="L153" i="4" s="1"/>
  <c r="N153" i="4" s="1"/>
  <c r="L165" i="4" a="1"/>
  <c r="L165" i="4" s="1"/>
  <c r="N165" i="4" s="1"/>
  <c r="M165" i="4" a="1"/>
  <c r="M165" i="4" s="1"/>
  <c r="O165" i="4" s="1"/>
  <c r="M177" i="4" a="1"/>
  <c r="M177" i="4" s="1"/>
  <c r="O177" i="4" s="1"/>
  <c r="L177" i="4" a="1"/>
  <c r="L177" i="4" s="1"/>
  <c r="N177" i="4" s="1"/>
  <c r="M189" i="4" a="1"/>
  <c r="M189" i="4" s="1"/>
  <c r="O189" i="4" s="1"/>
  <c r="L189" i="4" a="1"/>
  <c r="L189" i="4" s="1"/>
  <c r="N189" i="4" s="1"/>
  <c r="M201" i="4" a="1"/>
  <c r="M201" i="4" s="1"/>
  <c r="O201" i="4" s="1"/>
  <c r="L201" i="4" a="1"/>
  <c r="L201" i="4" s="1"/>
  <c r="N201" i="4" s="1"/>
  <c r="F201" i="4" a="1"/>
  <c r="F201" i="4" s="1"/>
  <c r="H201" i="4" s="1"/>
  <c r="M213" i="4" a="1"/>
  <c r="M213" i="4" s="1"/>
  <c r="O213" i="4" s="1"/>
  <c r="L213" i="4" a="1"/>
  <c r="L213" i="4" s="1"/>
  <c r="N213" i="4" s="1"/>
  <c r="M225" i="4" a="1"/>
  <c r="M225" i="4" s="1"/>
  <c r="O225" i="4" s="1"/>
  <c r="L225" i="4" a="1"/>
  <c r="L225" i="4" s="1"/>
  <c r="N225" i="4" s="1"/>
  <c r="F225" i="4" a="1"/>
  <c r="F225" i="4" s="1"/>
  <c r="H225" i="4" s="1"/>
  <c r="M237" i="4" a="1"/>
  <c r="M237" i="4" s="1"/>
  <c r="O237" i="4" s="1"/>
  <c r="L237" i="4" a="1"/>
  <c r="L237" i="4" s="1"/>
  <c r="N237" i="4" s="1"/>
  <c r="M249" i="4" a="1"/>
  <c r="M249" i="4" s="1"/>
  <c r="O249" i="4" s="1"/>
  <c r="L249" i="4" a="1"/>
  <c r="L249" i="4" s="1"/>
  <c r="N249" i="4" s="1"/>
  <c r="F249" i="4" a="1"/>
  <c r="F249" i="4" s="1"/>
  <c r="H249" i="4" s="1"/>
  <c r="M261" i="4" a="1"/>
  <c r="M261" i="4" s="1"/>
  <c r="O261" i="4" s="1"/>
  <c r="L261" i="4" a="1"/>
  <c r="L261" i="4" s="1"/>
  <c r="N261" i="4" s="1"/>
  <c r="F261" i="4" a="1"/>
  <c r="F261" i="4" s="1"/>
  <c r="H261" i="4" s="1"/>
  <c r="M273" i="4" a="1"/>
  <c r="M273" i="4" s="1"/>
  <c r="O273" i="4" s="1"/>
  <c r="L273" i="4" a="1"/>
  <c r="L273" i="4" s="1"/>
  <c r="N273" i="4" s="1"/>
  <c r="M285" i="4" a="1"/>
  <c r="M285" i="4" s="1"/>
  <c r="O285" i="4" s="1"/>
  <c r="L285" i="4" a="1"/>
  <c r="L285" i="4" s="1"/>
  <c r="N285" i="4" s="1"/>
  <c r="M297" i="4" a="1"/>
  <c r="M297" i="4" s="1"/>
  <c r="O297" i="4" s="1"/>
  <c r="L297" i="4" a="1"/>
  <c r="L297" i="4" s="1"/>
  <c r="N297" i="4" s="1"/>
  <c r="F297" i="4" a="1"/>
  <c r="F297" i="4" s="1"/>
  <c r="H297" i="4" s="1"/>
  <c r="L309" i="4" a="1"/>
  <c r="L309" i="4" s="1"/>
  <c r="N309" i="4" s="1"/>
  <c r="M309" i="4" a="1"/>
  <c r="M309" i="4" s="1"/>
  <c r="O309" i="4" s="1"/>
  <c r="F309" i="4" a="1"/>
  <c r="F309" i="4" s="1"/>
  <c r="H309" i="4" s="1"/>
  <c r="M321" i="4" a="1"/>
  <c r="M321" i="4" s="1"/>
  <c r="O321" i="4" s="1"/>
  <c r="L321" i="4" a="1"/>
  <c r="L321" i="4" s="1"/>
  <c r="N321" i="4" s="1"/>
  <c r="M333" i="4" a="1"/>
  <c r="M333" i="4" s="1"/>
  <c r="O333" i="4" s="1"/>
  <c r="L333" i="4" a="1"/>
  <c r="L333" i="4" s="1"/>
  <c r="N333" i="4" s="1"/>
  <c r="F333" i="4" a="1"/>
  <c r="F333" i="4" s="1"/>
  <c r="H333" i="4" s="1"/>
  <c r="M345" i="4" a="1"/>
  <c r="M345" i="4" s="1"/>
  <c r="O345" i="4" s="1"/>
  <c r="L345" i="4" a="1"/>
  <c r="L345" i="4" s="1"/>
  <c r="N345" i="4" s="1"/>
  <c r="F345" i="4" a="1"/>
  <c r="F345" i="4" s="1"/>
  <c r="H345" i="4" s="1"/>
  <c r="M357" i="4" a="1"/>
  <c r="M357" i="4" s="1"/>
  <c r="O357" i="4" s="1"/>
  <c r="L357" i="4" a="1"/>
  <c r="L357" i="4" s="1"/>
  <c r="N357" i="4" s="1"/>
  <c r="F357" i="4" a="1"/>
  <c r="F357" i="4" s="1"/>
  <c r="H357" i="4" s="1"/>
  <c r="L369" i="4" a="1"/>
  <c r="L369" i="4" s="1"/>
  <c r="N369" i="4" s="1"/>
  <c r="M369" i="4" a="1"/>
  <c r="M369" i="4" s="1"/>
  <c r="O369" i="4" s="1"/>
  <c r="F369" i="4" a="1"/>
  <c r="F369" i="4" s="1"/>
  <c r="H369" i="4" s="1"/>
  <c r="L381" i="4" a="1"/>
  <c r="L381" i="4" s="1"/>
  <c r="N381" i="4" s="1"/>
  <c r="M381" i="4" a="1"/>
  <c r="M381" i="4" s="1"/>
  <c r="O381" i="4" s="1"/>
  <c r="M393" i="4" a="1"/>
  <c r="M393" i="4" s="1"/>
  <c r="O393" i="4" s="1"/>
  <c r="L393" i="4" a="1"/>
  <c r="L393" i="4" s="1"/>
  <c r="N393" i="4" s="1"/>
  <c r="M405" i="4" a="1"/>
  <c r="M405" i="4" s="1"/>
  <c r="O405" i="4" s="1"/>
  <c r="L405" i="4" a="1"/>
  <c r="L405" i="4" s="1"/>
  <c r="N405" i="4" s="1"/>
  <c r="M417" i="4" a="1"/>
  <c r="M417" i="4" s="1"/>
  <c r="O417" i="4" s="1"/>
  <c r="F417" i="4" a="1"/>
  <c r="F417" i="4" s="1"/>
  <c r="H417" i="4" s="1"/>
  <c r="L417" i="4" a="1"/>
  <c r="L417" i="4" s="1"/>
  <c r="N417" i="4" s="1"/>
  <c r="M429" i="4" a="1"/>
  <c r="M429" i="4" s="1"/>
  <c r="O429" i="4" s="1"/>
  <c r="L429" i="4" a="1"/>
  <c r="L429" i="4" s="1"/>
  <c r="N429" i="4" s="1"/>
  <c r="M441" i="4" a="1"/>
  <c r="M441" i="4" s="1"/>
  <c r="O441" i="4" s="1"/>
  <c r="L441" i="4" a="1"/>
  <c r="L441" i="4" s="1"/>
  <c r="N441" i="4" s="1"/>
  <c r="F441" i="4" a="1"/>
  <c r="F441" i="4" s="1"/>
  <c r="H441" i="4" s="1"/>
  <c r="L453" i="4" a="1"/>
  <c r="L453" i="4" s="1"/>
  <c r="N453" i="4" s="1"/>
  <c r="M453" i="4" a="1"/>
  <c r="M453" i="4" s="1"/>
  <c r="O453" i="4" s="1"/>
  <c r="M465" i="4" a="1"/>
  <c r="M465" i="4" s="1"/>
  <c r="O465" i="4" s="1"/>
  <c r="L465" i="4" a="1"/>
  <c r="L465" i="4" s="1"/>
  <c r="N465" i="4" s="1"/>
  <c r="F465" i="4" a="1"/>
  <c r="F465" i="4" s="1"/>
  <c r="H465" i="4" s="1"/>
  <c r="M477" i="4" a="1"/>
  <c r="M477" i="4" s="1"/>
  <c r="O477" i="4" s="1"/>
  <c r="L477" i="4" a="1"/>
  <c r="L477" i="4" s="1"/>
  <c r="N477" i="4" s="1"/>
  <c r="F477" i="4" a="1"/>
  <c r="F477" i="4" s="1"/>
  <c r="H477" i="4" s="1"/>
  <c r="M489" i="4" a="1"/>
  <c r="M489" i="4" s="1"/>
  <c r="O489" i="4" s="1"/>
  <c r="L489" i="4" a="1"/>
  <c r="L489" i="4" s="1"/>
  <c r="N489" i="4" s="1"/>
  <c r="F489" i="4" a="1"/>
  <c r="F489" i="4" s="1"/>
  <c r="H489" i="4" s="1"/>
  <c r="M501" i="4" a="1"/>
  <c r="M501" i="4" s="1"/>
  <c r="O501" i="4" s="1"/>
  <c r="L501" i="4" a="1"/>
  <c r="L501" i="4" s="1"/>
  <c r="N501" i="4" s="1"/>
  <c r="F501" i="4" a="1"/>
  <c r="F501" i="4" s="1"/>
  <c r="H501" i="4" s="1"/>
  <c r="M513" i="4" a="1"/>
  <c r="M513" i="4" s="1"/>
  <c r="O513" i="4" s="1"/>
  <c r="L513" i="4" a="1"/>
  <c r="L513" i="4" s="1"/>
  <c r="N513" i="4" s="1"/>
  <c r="F513" i="4" a="1"/>
  <c r="F513" i="4" s="1"/>
  <c r="H513" i="4" s="1"/>
  <c r="L525" i="4" a="1"/>
  <c r="L525" i="4" s="1"/>
  <c r="N525" i="4" s="1"/>
  <c r="M525" i="4" a="1"/>
  <c r="M525" i="4" s="1"/>
  <c r="O525" i="4" s="1"/>
  <c r="F525" i="4" a="1"/>
  <c r="F525" i="4" s="1"/>
  <c r="H525" i="4" s="1"/>
  <c r="L537" i="4" a="1"/>
  <c r="L537" i="4" s="1"/>
  <c r="N537" i="4" s="1"/>
  <c r="F537" i="4" a="1"/>
  <c r="F537" i="4" s="1"/>
  <c r="H537" i="4" s="1"/>
  <c r="M537" i="4" a="1"/>
  <c r="M537" i="4" s="1"/>
  <c r="O537" i="4" s="1"/>
  <c r="M549" i="4" a="1"/>
  <c r="M549" i="4" s="1"/>
  <c r="O549" i="4" s="1"/>
  <c r="L549" i="4" a="1"/>
  <c r="L549" i="4" s="1"/>
  <c r="N549" i="4" s="1"/>
  <c r="F549" i="4" a="1"/>
  <c r="F549" i="4" s="1"/>
  <c r="H549" i="4" s="1"/>
  <c r="M561" i="4" a="1"/>
  <c r="M561" i="4" s="1"/>
  <c r="O561" i="4" s="1"/>
  <c r="L561" i="4" a="1"/>
  <c r="L561" i="4" s="1"/>
  <c r="N561" i="4" s="1"/>
  <c r="F561" i="4" a="1"/>
  <c r="F561" i="4" s="1"/>
  <c r="H561" i="4" s="1"/>
  <c r="M573" i="4" a="1"/>
  <c r="M573" i="4" s="1"/>
  <c r="O573" i="4" s="1"/>
  <c r="L573" i="4" a="1"/>
  <c r="L573" i="4" s="1"/>
  <c r="N573" i="4" s="1"/>
  <c r="F573" i="4" a="1"/>
  <c r="F573" i="4" s="1"/>
  <c r="H573" i="4" s="1"/>
  <c r="M585" i="4" a="1"/>
  <c r="M585" i="4" s="1"/>
  <c r="O585" i="4" s="1"/>
  <c r="L585" i="4" a="1"/>
  <c r="L585" i="4" s="1"/>
  <c r="N585" i="4" s="1"/>
  <c r="F585" i="4" a="1"/>
  <c r="F585" i="4" s="1"/>
  <c r="H585" i="4" s="1"/>
  <c r="M597" i="4" a="1"/>
  <c r="M597" i="4" s="1"/>
  <c r="O597" i="4" s="1"/>
  <c r="L597" i="4" a="1"/>
  <c r="L597" i="4" s="1"/>
  <c r="N597" i="4" s="1"/>
  <c r="F597" i="4" a="1"/>
  <c r="F597" i="4" s="1"/>
  <c r="H597" i="4" s="1"/>
  <c r="M609" i="4" a="1"/>
  <c r="M609" i="4" s="1"/>
  <c r="O609" i="4" s="1"/>
  <c r="L609" i="4" a="1"/>
  <c r="L609" i="4" s="1"/>
  <c r="N609" i="4" s="1"/>
  <c r="F609" i="4" a="1"/>
  <c r="F609" i="4" s="1"/>
  <c r="H609" i="4" s="1"/>
  <c r="L621" i="4" a="1"/>
  <c r="L621" i="4" s="1"/>
  <c r="N621" i="4" s="1"/>
  <c r="M621" i="4" a="1"/>
  <c r="M621" i="4" s="1"/>
  <c r="O621" i="4" s="1"/>
  <c r="F621" i="4" a="1"/>
  <c r="F621" i="4" s="1"/>
  <c r="H621" i="4" s="1"/>
  <c r="L633" i="4" a="1"/>
  <c r="L633" i="4" s="1"/>
  <c r="N633" i="4" s="1"/>
  <c r="M633" i="4" a="1"/>
  <c r="M633" i="4" s="1"/>
  <c r="O633" i="4" s="1"/>
  <c r="F633" i="4" a="1"/>
  <c r="F633" i="4" s="1"/>
  <c r="H633" i="4" s="1"/>
  <c r="M645" i="4" a="1"/>
  <c r="M645" i="4" s="1"/>
  <c r="O645" i="4" s="1"/>
  <c r="L645" i="4" a="1"/>
  <c r="L645" i="4" s="1"/>
  <c r="N645" i="4" s="1"/>
  <c r="M657" i="4" a="1"/>
  <c r="M657" i="4" s="1"/>
  <c r="O657" i="4" s="1"/>
  <c r="L657" i="4" a="1"/>
  <c r="L657" i="4" s="1"/>
  <c r="N657" i="4" s="1"/>
  <c r="F657" i="4" a="1"/>
  <c r="F657" i="4" s="1"/>
  <c r="H657" i="4" s="1"/>
  <c r="M669" i="4" a="1"/>
  <c r="M669" i="4" s="1"/>
  <c r="O669" i="4" s="1"/>
  <c r="L669" i="4" a="1"/>
  <c r="L669" i="4" s="1"/>
  <c r="N669" i="4" s="1"/>
  <c r="F669" i="4" a="1"/>
  <c r="F669" i="4" s="1"/>
  <c r="H669" i="4" s="1"/>
  <c r="M681" i="4" a="1"/>
  <c r="M681" i="4" s="1"/>
  <c r="O681" i="4" s="1"/>
  <c r="L681" i="4" a="1"/>
  <c r="L681" i="4" s="1"/>
  <c r="N681" i="4" s="1"/>
  <c r="F681" i="4" a="1"/>
  <c r="F681" i="4" s="1"/>
  <c r="H681" i="4" s="1"/>
  <c r="M693" i="4" a="1"/>
  <c r="M693" i="4" s="1"/>
  <c r="O693" i="4" s="1"/>
  <c r="L693" i="4" a="1"/>
  <c r="L693" i="4" s="1"/>
  <c r="N693" i="4" s="1"/>
  <c r="M705" i="4" a="1"/>
  <c r="M705" i="4" s="1"/>
  <c r="O705" i="4" s="1"/>
  <c r="L705" i="4" a="1"/>
  <c r="L705" i="4" s="1"/>
  <c r="N705" i="4" s="1"/>
  <c r="F705" i="4" a="1"/>
  <c r="F705" i="4" s="1"/>
  <c r="H705" i="4" s="1"/>
  <c r="M717" i="4" a="1"/>
  <c r="M717" i="4" s="1"/>
  <c r="O717" i="4" s="1"/>
  <c r="L717" i="4" a="1"/>
  <c r="L717" i="4" s="1"/>
  <c r="N717" i="4" s="1"/>
  <c r="F717" i="4" a="1"/>
  <c r="F717" i="4" s="1"/>
  <c r="H717" i="4" s="1"/>
  <c r="M729" i="4" a="1"/>
  <c r="M729" i="4" s="1"/>
  <c r="O729" i="4" s="1"/>
  <c r="L729" i="4" a="1"/>
  <c r="L729" i="4" s="1"/>
  <c r="N729" i="4" s="1"/>
  <c r="F729" i="4" a="1"/>
  <c r="F729" i="4" s="1"/>
  <c r="H729" i="4" s="1"/>
  <c r="M741" i="4" a="1"/>
  <c r="M741" i="4" s="1"/>
  <c r="O741" i="4" s="1"/>
  <c r="L741" i="4" a="1"/>
  <c r="L741" i="4" s="1"/>
  <c r="N741" i="4" s="1"/>
  <c r="M753" i="4" a="1"/>
  <c r="M753" i="4" s="1"/>
  <c r="O753" i="4" s="1"/>
  <c r="L753" i="4" a="1"/>
  <c r="L753" i="4" s="1"/>
  <c r="N753" i="4" s="1"/>
  <c r="F753" i="4" a="1"/>
  <c r="F753" i="4" s="1"/>
  <c r="H753" i="4" s="1"/>
  <c r="M765" i="4" a="1"/>
  <c r="M765" i="4" s="1"/>
  <c r="O765" i="4" s="1"/>
  <c r="L765" i="4" a="1"/>
  <c r="L765" i="4" s="1"/>
  <c r="N765" i="4" s="1"/>
  <c r="F765" i="4" a="1"/>
  <c r="F765" i="4" s="1"/>
  <c r="H765" i="4" s="1"/>
  <c r="L777" i="4" a="1"/>
  <c r="L777" i="4" s="1"/>
  <c r="N777" i="4" s="1"/>
  <c r="M777" i="4" a="1"/>
  <c r="M777" i="4" s="1"/>
  <c r="O777" i="4" s="1"/>
  <c r="F777" i="4" a="1"/>
  <c r="F777" i="4" s="1"/>
  <c r="H777" i="4" s="1"/>
  <c r="L789" i="4" a="1"/>
  <c r="L789" i="4" s="1"/>
  <c r="N789" i="4" s="1"/>
  <c r="M789" i="4" a="1"/>
  <c r="M789" i="4" s="1"/>
  <c r="O789" i="4" s="1"/>
  <c r="F789" i="4" a="1"/>
  <c r="F789" i="4" s="1"/>
  <c r="H789" i="4" s="1"/>
  <c r="L801" i="4" a="1"/>
  <c r="L801" i="4" s="1"/>
  <c r="N801" i="4" s="1"/>
  <c r="M801" i="4" a="1"/>
  <c r="M801" i="4" s="1"/>
  <c r="O801" i="4" s="1"/>
  <c r="F801" i="4" a="1"/>
  <c r="F801" i="4" s="1"/>
  <c r="H801" i="4" s="1"/>
  <c r="M813" i="4" a="1"/>
  <c r="M813" i="4" s="1"/>
  <c r="O813" i="4" s="1"/>
  <c r="L813" i="4" a="1"/>
  <c r="L813" i="4" s="1"/>
  <c r="N813" i="4" s="1"/>
  <c r="F813" i="4" a="1"/>
  <c r="F813" i="4" s="1"/>
  <c r="H813" i="4" s="1"/>
  <c r="M825" i="4" a="1"/>
  <c r="M825" i="4" s="1"/>
  <c r="O825" i="4" s="1"/>
  <c r="L825" i="4" a="1"/>
  <c r="L825" i="4" s="1"/>
  <c r="N825" i="4" s="1"/>
  <c r="F825" i="4" a="1"/>
  <c r="F825" i="4" s="1"/>
  <c r="H825" i="4" s="1"/>
  <c r="M837" i="4" a="1"/>
  <c r="M837" i="4" s="1"/>
  <c r="O837" i="4" s="1"/>
  <c r="L837" i="4" a="1"/>
  <c r="L837" i="4" s="1"/>
  <c r="N837" i="4" s="1"/>
  <c r="F837" i="4" a="1"/>
  <c r="F837" i="4" s="1"/>
  <c r="H837" i="4" s="1"/>
  <c r="M849" i="4" a="1"/>
  <c r="M849" i="4" s="1"/>
  <c r="O849" i="4" s="1"/>
  <c r="L849" i="4" a="1"/>
  <c r="L849" i="4" s="1"/>
  <c r="N849" i="4" s="1"/>
  <c r="F849" i="4" a="1"/>
  <c r="F849" i="4" s="1"/>
  <c r="H849" i="4" s="1"/>
  <c r="L861" i="4" a="1"/>
  <c r="L861" i="4" s="1"/>
  <c r="N861" i="4" s="1"/>
  <c r="M861" i="4" a="1"/>
  <c r="M861" i="4" s="1"/>
  <c r="O861" i="4" s="1"/>
  <c r="F861" i="4" a="1"/>
  <c r="F861" i="4" s="1"/>
  <c r="H861" i="4" s="1"/>
  <c r="M873" i="4" a="1"/>
  <c r="M873" i="4" s="1"/>
  <c r="O873" i="4" s="1"/>
  <c r="L873" i="4" a="1"/>
  <c r="L873" i="4" s="1"/>
  <c r="N873" i="4" s="1"/>
  <c r="F873" i="4" a="1"/>
  <c r="F873" i="4" s="1"/>
  <c r="H873" i="4" s="1"/>
  <c r="E32" i="4" a="1"/>
  <c r="E32" i="4" s="1"/>
  <c r="G32" i="4" s="1"/>
  <c r="E44" i="4" a="1"/>
  <c r="E44" i="4" s="1"/>
  <c r="G44" i="4" s="1"/>
  <c r="E56" i="4" a="1"/>
  <c r="E56" i="4" s="1"/>
  <c r="G56" i="4" s="1"/>
  <c r="E68" i="4" a="1"/>
  <c r="E68" i="4" s="1"/>
  <c r="G68" i="4" s="1"/>
  <c r="E80" i="4" a="1"/>
  <c r="E80" i="4" s="1"/>
  <c r="G80" i="4" s="1"/>
  <c r="E92" i="4" a="1"/>
  <c r="E92" i="4" s="1"/>
  <c r="G92" i="4" s="1"/>
  <c r="E129" i="4" a="1"/>
  <c r="E129" i="4" s="1"/>
  <c r="G129" i="4" s="1"/>
  <c r="E147" i="4" a="1"/>
  <c r="E147" i="4" s="1"/>
  <c r="G147" i="4" s="1"/>
  <c r="E183" i="4" a="1"/>
  <c r="E183" i="4" s="1"/>
  <c r="G183" i="4" s="1"/>
  <c r="E192" i="4" a="1"/>
  <c r="E192" i="4" s="1"/>
  <c r="G192" i="4" s="1"/>
  <c r="E200" i="4" a="1"/>
  <c r="E200" i="4" s="1"/>
  <c r="G200" i="4" s="1"/>
  <c r="E209" i="4" a="1"/>
  <c r="E209" i="4" s="1"/>
  <c r="G209" i="4" s="1"/>
  <c r="E228" i="4" a="1"/>
  <c r="E228" i="4" s="1"/>
  <c r="G228" i="4" s="1"/>
  <c r="E236" i="4" a="1"/>
  <c r="E236" i="4" s="1"/>
  <c r="G236" i="4" s="1"/>
  <c r="E245" i="4" a="1"/>
  <c r="E245" i="4" s="1"/>
  <c r="G245" i="4" s="1"/>
  <c r="E271" i="4" a="1"/>
  <c r="E271" i="4" s="1"/>
  <c r="G271" i="4" s="1"/>
  <c r="E297" i="4" a="1"/>
  <c r="E297" i="4" s="1"/>
  <c r="G297" i="4" s="1"/>
  <c r="E314" i="4" a="1"/>
  <c r="E314" i="4" s="1"/>
  <c r="G314" i="4" s="1"/>
  <c r="E322" i="4" a="1"/>
  <c r="E322" i="4" s="1"/>
  <c r="G322" i="4" s="1"/>
  <c r="E355" i="4" a="1"/>
  <c r="E355" i="4" s="1"/>
  <c r="G355" i="4" s="1"/>
  <c r="E372" i="4" a="1"/>
  <c r="E372" i="4" s="1"/>
  <c r="G372" i="4" s="1"/>
  <c r="E382" i="4" a="1"/>
  <c r="E382" i="4" s="1"/>
  <c r="G382" i="4" s="1"/>
  <c r="E393" i="4" a="1"/>
  <c r="E393" i="4" s="1"/>
  <c r="G393" i="4" s="1"/>
  <c r="E415" i="4" a="1"/>
  <c r="E415" i="4" s="1"/>
  <c r="G415" i="4" s="1"/>
  <c r="E425" i="4" a="1"/>
  <c r="E425" i="4" s="1"/>
  <c r="G425" i="4" s="1"/>
  <c r="E435" i="4" a="1"/>
  <c r="E435" i="4" s="1"/>
  <c r="G435" i="4" s="1"/>
  <c r="E447" i="4" a="1"/>
  <c r="E447" i="4" s="1"/>
  <c r="G447" i="4" s="1"/>
  <c r="E470" i="4" a="1"/>
  <c r="E470" i="4" s="1"/>
  <c r="G470" i="4" s="1"/>
  <c r="E492" i="4" a="1"/>
  <c r="E492" i="4" s="1"/>
  <c r="G492" i="4" s="1"/>
  <c r="E504" i="4" a="1"/>
  <c r="E504" i="4" s="1"/>
  <c r="G504" i="4" s="1"/>
  <c r="E514" i="4" a="1"/>
  <c r="E514" i="4" s="1"/>
  <c r="G514" i="4" s="1"/>
  <c r="E525" i="4" a="1"/>
  <c r="E525" i="4" s="1"/>
  <c r="G525" i="4" s="1"/>
  <c r="E536" i="4" a="1"/>
  <c r="E536" i="4" s="1"/>
  <c r="G536" i="4" s="1"/>
  <c r="E548" i="4" a="1"/>
  <c r="E548" i="4" s="1"/>
  <c r="G548" i="4" s="1"/>
  <c r="E612" i="4" a="1"/>
  <c r="E612" i="4" s="1"/>
  <c r="G612" i="4" s="1"/>
  <c r="E634" i="4" a="1"/>
  <c r="E634" i="4" s="1"/>
  <c r="G634" i="4" s="1"/>
  <c r="E645" i="4" a="1"/>
  <c r="E645" i="4" s="1"/>
  <c r="G645" i="4" s="1"/>
  <c r="E656" i="4" a="1"/>
  <c r="E656" i="4" s="1"/>
  <c r="G656" i="4" s="1"/>
  <c r="E667" i="4" a="1"/>
  <c r="E667" i="4" s="1"/>
  <c r="G667" i="4" s="1"/>
  <c r="E689" i="4" a="1"/>
  <c r="E689" i="4" s="1"/>
  <c r="G689" i="4" s="1"/>
  <c r="E701" i="4" a="1"/>
  <c r="E701" i="4" s="1"/>
  <c r="G701" i="4" s="1"/>
  <c r="E711" i="4" a="1"/>
  <c r="E711" i="4" s="1"/>
  <c r="G711" i="4" s="1"/>
  <c r="E723" i="4" a="1"/>
  <c r="E723" i="4" s="1"/>
  <c r="G723" i="4" s="1"/>
  <c r="E745" i="4" a="1"/>
  <c r="E745" i="4" s="1"/>
  <c r="G745" i="4" s="1"/>
  <c r="E756" i="4" a="1"/>
  <c r="E756" i="4" s="1"/>
  <c r="G756" i="4" s="1"/>
  <c r="E778" i="4" a="1"/>
  <c r="E778" i="4" s="1"/>
  <c r="G778" i="4" s="1"/>
  <c r="E789" i="4" a="1"/>
  <c r="E789" i="4" s="1"/>
  <c r="G789" i="4" s="1"/>
  <c r="E800" i="4" a="1"/>
  <c r="E800" i="4" s="1"/>
  <c r="G800" i="4" s="1"/>
  <c r="E811" i="4" a="1"/>
  <c r="E811" i="4" s="1"/>
  <c r="G811" i="4" s="1"/>
  <c r="E822" i="4" a="1"/>
  <c r="E822" i="4" s="1"/>
  <c r="G822" i="4" s="1"/>
  <c r="E833" i="4" a="1"/>
  <c r="E833" i="4" s="1"/>
  <c r="G833" i="4" s="1"/>
  <c r="E845" i="4" a="1"/>
  <c r="E845" i="4" s="1"/>
  <c r="G845" i="4" s="1"/>
  <c r="E855" i="4" a="1"/>
  <c r="E855" i="4" s="1"/>
  <c r="G855" i="4" s="1"/>
  <c r="E867" i="4" a="1"/>
  <c r="E867" i="4" s="1"/>
  <c r="G867" i="4" s="1"/>
  <c r="F34" i="4" a="1"/>
  <c r="F34" i="4" s="1"/>
  <c r="H34" i="4" s="1"/>
  <c r="F43" i="4" a="1"/>
  <c r="F43" i="4" s="1"/>
  <c r="H43" i="4" s="1"/>
  <c r="F62" i="4" a="1"/>
  <c r="F62" i="4" s="1"/>
  <c r="H62" i="4" s="1"/>
  <c r="F72" i="4" a="1"/>
  <c r="F72" i="4" s="1"/>
  <c r="H72" i="4" s="1"/>
  <c r="F99" i="4" a="1"/>
  <c r="F99" i="4" s="1"/>
  <c r="H99" i="4" s="1"/>
  <c r="F108" i="4" a="1"/>
  <c r="F108" i="4" s="1"/>
  <c r="H108" i="4" s="1"/>
  <c r="F129" i="4" a="1"/>
  <c r="F129" i="4" s="1"/>
  <c r="H129" i="4" s="1"/>
  <c r="F140" i="4" a="1"/>
  <c r="F140" i="4" s="1"/>
  <c r="H140" i="4" s="1"/>
  <c r="F151" i="4" a="1"/>
  <c r="F151" i="4" s="1"/>
  <c r="H151" i="4" s="1"/>
  <c r="F173" i="4" a="1"/>
  <c r="F173" i="4" s="1"/>
  <c r="H173" i="4" s="1"/>
  <c r="F183" i="4" a="1"/>
  <c r="F183" i="4" s="1"/>
  <c r="H183" i="4" s="1"/>
  <c r="F194" i="4" a="1"/>
  <c r="F194" i="4" s="1"/>
  <c r="H194" i="4" s="1"/>
  <c r="F206" i="4" a="1"/>
  <c r="F206" i="4" s="1"/>
  <c r="H206" i="4" s="1"/>
  <c r="F218" i="4" a="1"/>
  <c r="F218" i="4" s="1"/>
  <c r="H218" i="4" s="1"/>
  <c r="F233" i="4" a="1"/>
  <c r="F233" i="4" s="1"/>
  <c r="H233" i="4" s="1"/>
  <c r="F252" i="4" a="1"/>
  <c r="F252" i="4" s="1"/>
  <c r="H252" i="4" s="1"/>
  <c r="F273" i="4" a="1"/>
  <c r="F273" i="4" s="1"/>
  <c r="H273" i="4" s="1"/>
  <c r="F295" i="4" a="1"/>
  <c r="F295" i="4" s="1"/>
  <c r="H295" i="4" s="1"/>
  <c r="F317" i="4" a="1"/>
  <c r="F317" i="4" s="1"/>
  <c r="H317" i="4" s="1"/>
  <c r="F339" i="4" a="1"/>
  <c r="F339" i="4" s="1"/>
  <c r="H339" i="4" s="1"/>
  <c r="F403" i="4" a="1"/>
  <c r="F403" i="4" s="1"/>
  <c r="H403" i="4" s="1"/>
  <c r="F442" i="4" a="1"/>
  <c r="F442" i="4" s="1"/>
  <c r="H442" i="4" s="1"/>
  <c r="F741" i="4" a="1"/>
  <c r="F741" i="4" s="1"/>
  <c r="H741" i="4" s="1"/>
  <c r="F858" i="4" a="1"/>
  <c r="F858" i="4" s="1"/>
  <c r="H858" i="4" s="1"/>
</calcChain>
</file>

<file path=xl/metadata.xml><?xml version="1.0" encoding="utf-8"?>
<metadata xmlns="http://schemas.openxmlformats.org/spreadsheetml/2006/main" xmlns:xda="http://schemas.microsoft.com/office/spreadsheetml/2017/dynamicarray">
  <metadataTypes count="1">
    <metadataType name="XLDAPR" minSupportedVersion="120000" copy="1" pasteAll="1" pasteValues="1" merge="1" splitFirst="1" rowColShift="1" clearFormats="1" clearComments="1" assign="1" coerce="1" cellMeta="1"/>
  </metadataTypes>
  <futureMetadata name="XLDAPR" count="1">
    <bk>
      <extLst>
        <ext uri="{bdbb8cdc-fa1e-496e-a857-3c3f30c029c3}">
          <xda:dynamicArrayProperties fDynamic="1" fCollapsed="0"/>
        </ext>
      </extLst>
    </bk>
  </futureMetadata>
  <cellMetadata count="1">
    <bk>
      <rc t="1" v="0"/>
    </bk>
  </cellMetadata>
</metadata>
</file>

<file path=xl/sharedStrings.xml><?xml version="1.0" encoding="utf-8"?>
<sst xmlns="http://schemas.openxmlformats.org/spreadsheetml/2006/main" count="70" uniqueCount="35">
  <si>
    <t>bodyparts</t>
  </si>
  <si>
    <t>bodypart1</t>
  </si>
  <si>
    <t>bodypart2</t>
  </si>
  <si>
    <t>bodypart3</t>
  </si>
  <si>
    <t>bodypart4</t>
  </si>
  <si>
    <t>bodypart5</t>
  </si>
  <si>
    <t>bodypart6</t>
  </si>
  <si>
    <t>coords</t>
  </si>
  <si>
    <t>x</t>
  </si>
  <si>
    <t>y</t>
  </si>
  <si>
    <t>likelihood</t>
  </si>
  <si>
    <t>Ax</t>
    <phoneticPr fontId="18"/>
  </si>
  <si>
    <t>Ay</t>
    <phoneticPr fontId="18"/>
  </si>
  <si>
    <t>実x座標</t>
    <rPh sb="0" eb="1">
      <t>ジツ</t>
    </rPh>
    <rPh sb="2" eb="4">
      <t>ザヒョウ</t>
    </rPh>
    <phoneticPr fontId="18"/>
  </si>
  <si>
    <t>実y座標</t>
    <rPh sb="0" eb="1">
      <t>ジツ</t>
    </rPh>
    <rPh sb="2" eb="4">
      <t>ザヒョウ</t>
    </rPh>
    <phoneticPr fontId="18"/>
  </si>
  <si>
    <t>time</t>
  </si>
  <si>
    <t>time</t>
    <phoneticPr fontId="18"/>
  </si>
  <si>
    <t>Bx</t>
    <phoneticPr fontId="18"/>
  </si>
  <si>
    <t>By</t>
    <phoneticPr fontId="18"/>
  </si>
  <si>
    <t>time^2</t>
    <phoneticPr fontId="18"/>
  </si>
  <si>
    <t>Aのx座標の係数2a</t>
    <rPh sb="3" eb="5">
      <t>ザヒョウ</t>
    </rPh>
    <rPh sb="6" eb="8">
      <t>ケイスウ</t>
    </rPh>
    <phoneticPr fontId="18"/>
  </si>
  <si>
    <t>Aのy座標の係数2a</t>
    <rPh sb="3" eb="5">
      <t>ザヒョウ</t>
    </rPh>
    <rPh sb="6" eb="8">
      <t>ケイスウ</t>
    </rPh>
    <phoneticPr fontId="18"/>
  </si>
  <si>
    <t>Aに加わる力のx成分</t>
    <rPh sb="2" eb="3">
      <t>クワ</t>
    </rPh>
    <rPh sb="5" eb="6">
      <t>チカラ</t>
    </rPh>
    <rPh sb="8" eb="10">
      <t>セイブン</t>
    </rPh>
    <phoneticPr fontId="18"/>
  </si>
  <si>
    <t>AのFy</t>
    <phoneticPr fontId="18"/>
  </si>
  <si>
    <t>Bのx座標の係数2a</t>
    <rPh sb="3" eb="5">
      <t>ザヒョウ</t>
    </rPh>
    <rPh sb="6" eb="8">
      <t>ケイスウ</t>
    </rPh>
    <phoneticPr fontId="18"/>
  </si>
  <si>
    <t>Bのy座標の係数2a</t>
    <rPh sb="3" eb="5">
      <t>ザヒョウ</t>
    </rPh>
    <rPh sb="6" eb="8">
      <t>ケイスウ</t>
    </rPh>
    <phoneticPr fontId="18"/>
  </si>
  <si>
    <t>Bに加わる力のx成分（符号反転）</t>
    <rPh sb="2" eb="3">
      <t>クワ</t>
    </rPh>
    <rPh sb="5" eb="6">
      <t>チカラ</t>
    </rPh>
    <rPh sb="8" eb="10">
      <t>セイブン</t>
    </rPh>
    <rPh sb="11" eb="13">
      <t>フゴウ</t>
    </rPh>
    <rPh sb="13" eb="15">
      <t>ハンテン</t>
    </rPh>
    <phoneticPr fontId="18"/>
  </si>
  <si>
    <t>Bの-Fy</t>
    <phoneticPr fontId="18"/>
  </si>
  <si>
    <t>time [s]</t>
    <phoneticPr fontId="18"/>
  </si>
  <si>
    <t>実x座標 [cm]</t>
    <rPh sb="0" eb="1">
      <t>ジツ</t>
    </rPh>
    <rPh sb="2" eb="4">
      <t>ザヒョウ</t>
    </rPh>
    <phoneticPr fontId="18"/>
  </si>
  <si>
    <t>実y座標 [cm]</t>
    <rPh sb="0" eb="1">
      <t>ジツ</t>
    </rPh>
    <rPh sb="2" eb="4">
      <t>ザヒョウ</t>
    </rPh>
    <phoneticPr fontId="18"/>
  </si>
  <si>
    <t>重心x [cm]</t>
    <rPh sb="0" eb="2">
      <t>ジュウシン</t>
    </rPh>
    <phoneticPr fontId="18"/>
  </si>
  <si>
    <t>重心y [cm]</t>
    <rPh sb="0" eb="2">
      <t>ジュウシン</t>
    </rPh>
    <phoneticPr fontId="18"/>
  </si>
  <si>
    <t>重心の速度x [cm]</t>
    <rPh sb="0" eb="2">
      <t>ジュウシン</t>
    </rPh>
    <rPh sb="3" eb="5">
      <t>ソクド</t>
    </rPh>
    <phoneticPr fontId="18"/>
  </si>
  <si>
    <t>重心の速度y [cm]</t>
    <rPh sb="0" eb="2">
      <t>ジュウシン</t>
    </rPh>
    <rPh sb="3" eb="5">
      <t>ソクド</t>
    </rPh>
    <phoneticPr fontId="1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">
    <xf numFmtId="0" fontId="0" fillId="0" borderId="0" xfId="0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eetMetadata" Target="metadata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altLang="ja-JP"/>
              <a:t>x</a:t>
            </a:r>
            <a:r>
              <a:rPr lang="ja-JP" altLang="en-US"/>
              <a:t>方向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>
        <c:manualLayout>
          <c:layoutTarget val="inner"/>
          <c:xMode val="edge"/>
          <c:yMode val="edge"/>
          <c:x val="0.12142502680774424"/>
          <c:y val="0.15417431093827214"/>
          <c:w val="0.84485974951676646"/>
          <c:h val="0.59935066454484309"/>
        </c:manualLayout>
      </c:layout>
      <c:scatterChart>
        <c:scatterStyle val="lineMarker"/>
        <c:varyColors val="0"/>
        <c:ser>
          <c:idx val="0"/>
          <c:order val="0"/>
          <c:tx>
            <c:strRef>
              <c:f>重心!$B$1</c:f>
              <c:strCache>
                <c:ptCount val="1"/>
                <c:pt idx="0">
                  <c:v>実x座標 [cm]</c:v>
                </c:pt>
              </c:strCache>
            </c:strRef>
          </c:tx>
          <c:spPr>
            <a:ln w="381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重心!$A$2:$A$902</c:f>
              <c:numCache>
                <c:formatCode>General</c:formatCode>
                <c:ptCount val="901"/>
                <c:pt idx="0">
                  <c:v>0</c:v>
                </c:pt>
                <c:pt idx="1">
                  <c:v>3.3333333333333333E-2</c:v>
                </c:pt>
                <c:pt idx="2">
                  <c:v>6.6666666666666666E-2</c:v>
                </c:pt>
                <c:pt idx="3">
                  <c:v>0.1</c:v>
                </c:pt>
                <c:pt idx="4">
                  <c:v>0.13333333333333333</c:v>
                </c:pt>
                <c:pt idx="5">
                  <c:v>0.16666666666666666</c:v>
                </c:pt>
                <c:pt idx="6">
                  <c:v>0.2</c:v>
                </c:pt>
                <c:pt idx="7">
                  <c:v>0.23333333333333334</c:v>
                </c:pt>
                <c:pt idx="8">
                  <c:v>0.26666666666666666</c:v>
                </c:pt>
                <c:pt idx="9">
                  <c:v>0.3</c:v>
                </c:pt>
                <c:pt idx="10">
                  <c:v>0.33333333333333331</c:v>
                </c:pt>
                <c:pt idx="11">
                  <c:v>0.36666666666666664</c:v>
                </c:pt>
                <c:pt idx="12">
                  <c:v>0.4</c:v>
                </c:pt>
                <c:pt idx="13">
                  <c:v>0.43333333333333335</c:v>
                </c:pt>
                <c:pt idx="14">
                  <c:v>0.46666666666666667</c:v>
                </c:pt>
                <c:pt idx="15">
                  <c:v>0.5</c:v>
                </c:pt>
                <c:pt idx="16">
                  <c:v>0.53333333333333333</c:v>
                </c:pt>
                <c:pt idx="17">
                  <c:v>0.56666666666666665</c:v>
                </c:pt>
                <c:pt idx="18">
                  <c:v>0.6</c:v>
                </c:pt>
                <c:pt idx="19">
                  <c:v>0.6333333333333333</c:v>
                </c:pt>
                <c:pt idx="20">
                  <c:v>0.66666666666666663</c:v>
                </c:pt>
                <c:pt idx="21">
                  <c:v>0.7</c:v>
                </c:pt>
                <c:pt idx="22">
                  <c:v>0.73333333333333328</c:v>
                </c:pt>
                <c:pt idx="23">
                  <c:v>0.76666666666666672</c:v>
                </c:pt>
                <c:pt idx="24">
                  <c:v>0.8</c:v>
                </c:pt>
                <c:pt idx="25">
                  <c:v>0.83333333333333337</c:v>
                </c:pt>
                <c:pt idx="26">
                  <c:v>0.8666666666666667</c:v>
                </c:pt>
                <c:pt idx="27">
                  <c:v>0.9</c:v>
                </c:pt>
                <c:pt idx="28">
                  <c:v>0.93333333333333335</c:v>
                </c:pt>
                <c:pt idx="29">
                  <c:v>0.96666666666666667</c:v>
                </c:pt>
                <c:pt idx="30">
                  <c:v>1</c:v>
                </c:pt>
                <c:pt idx="31">
                  <c:v>1.0333333333333334</c:v>
                </c:pt>
                <c:pt idx="32">
                  <c:v>1.0666666666666667</c:v>
                </c:pt>
                <c:pt idx="33">
                  <c:v>1.1000000000000001</c:v>
                </c:pt>
                <c:pt idx="34">
                  <c:v>1.1333333333333333</c:v>
                </c:pt>
                <c:pt idx="35">
                  <c:v>1.1666666666666667</c:v>
                </c:pt>
                <c:pt idx="36">
                  <c:v>1.2</c:v>
                </c:pt>
                <c:pt idx="37">
                  <c:v>1.2333333333333334</c:v>
                </c:pt>
                <c:pt idx="38">
                  <c:v>1.2666666666666666</c:v>
                </c:pt>
                <c:pt idx="39">
                  <c:v>1.3</c:v>
                </c:pt>
                <c:pt idx="40">
                  <c:v>1.3333333333333333</c:v>
                </c:pt>
                <c:pt idx="41">
                  <c:v>1.3666666666666667</c:v>
                </c:pt>
                <c:pt idx="42">
                  <c:v>1.4</c:v>
                </c:pt>
                <c:pt idx="43">
                  <c:v>1.4333333333333333</c:v>
                </c:pt>
                <c:pt idx="44">
                  <c:v>1.4666666666666666</c:v>
                </c:pt>
                <c:pt idx="45">
                  <c:v>1.5</c:v>
                </c:pt>
                <c:pt idx="46">
                  <c:v>1.5333333333333334</c:v>
                </c:pt>
                <c:pt idx="47">
                  <c:v>1.5666666666666667</c:v>
                </c:pt>
                <c:pt idx="48">
                  <c:v>1.6</c:v>
                </c:pt>
                <c:pt idx="49">
                  <c:v>1.6333333333333333</c:v>
                </c:pt>
                <c:pt idx="50">
                  <c:v>1.6666666666666667</c:v>
                </c:pt>
                <c:pt idx="51">
                  <c:v>1.7</c:v>
                </c:pt>
                <c:pt idx="52">
                  <c:v>1.7333333333333334</c:v>
                </c:pt>
                <c:pt idx="53">
                  <c:v>1.7666666666666666</c:v>
                </c:pt>
                <c:pt idx="54">
                  <c:v>1.8</c:v>
                </c:pt>
                <c:pt idx="55">
                  <c:v>1.8333333333333333</c:v>
                </c:pt>
                <c:pt idx="56">
                  <c:v>1.8666666666666667</c:v>
                </c:pt>
                <c:pt idx="57">
                  <c:v>1.9</c:v>
                </c:pt>
                <c:pt idx="58">
                  <c:v>1.9333333333333333</c:v>
                </c:pt>
                <c:pt idx="59">
                  <c:v>1.9666666666666666</c:v>
                </c:pt>
                <c:pt idx="60">
                  <c:v>2</c:v>
                </c:pt>
                <c:pt idx="61">
                  <c:v>2.0333333333333332</c:v>
                </c:pt>
                <c:pt idx="62">
                  <c:v>2.0666666666666669</c:v>
                </c:pt>
                <c:pt idx="63">
                  <c:v>2.1</c:v>
                </c:pt>
                <c:pt idx="64">
                  <c:v>2.1333333333333333</c:v>
                </c:pt>
                <c:pt idx="65">
                  <c:v>2.1666666666666665</c:v>
                </c:pt>
                <c:pt idx="66">
                  <c:v>2.2000000000000002</c:v>
                </c:pt>
                <c:pt idx="67">
                  <c:v>2.2333333333333334</c:v>
                </c:pt>
                <c:pt idx="68">
                  <c:v>2.2666666666666666</c:v>
                </c:pt>
                <c:pt idx="69">
                  <c:v>2.2999999999999998</c:v>
                </c:pt>
                <c:pt idx="70">
                  <c:v>2.3333333333333335</c:v>
                </c:pt>
                <c:pt idx="71">
                  <c:v>2.3666666666666667</c:v>
                </c:pt>
                <c:pt idx="72">
                  <c:v>2.4</c:v>
                </c:pt>
                <c:pt idx="73">
                  <c:v>2.4333333333333331</c:v>
                </c:pt>
                <c:pt idx="74">
                  <c:v>2.4666666666666668</c:v>
                </c:pt>
                <c:pt idx="75">
                  <c:v>2.5</c:v>
                </c:pt>
                <c:pt idx="76">
                  <c:v>2.5333333333333332</c:v>
                </c:pt>
                <c:pt idx="77">
                  <c:v>2.5666666666666669</c:v>
                </c:pt>
                <c:pt idx="78">
                  <c:v>2.6</c:v>
                </c:pt>
                <c:pt idx="79">
                  <c:v>2.6333333333333333</c:v>
                </c:pt>
                <c:pt idx="80">
                  <c:v>2.6666666666666665</c:v>
                </c:pt>
                <c:pt idx="81">
                  <c:v>2.7</c:v>
                </c:pt>
                <c:pt idx="82">
                  <c:v>2.7333333333333334</c:v>
                </c:pt>
                <c:pt idx="83">
                  <c:v>2.7666666666666666</c:v>
                </c:pt>
                <c:pt idx="84">
                  <c:v>2.8</c:v>
                </c:pt>
                <c:pt idx="85">
                  <c:v>2.8333333333333335</c:v>
                </c:pt>
                <c:pt idx="86">
                  <c:v>2.8666666666666667</c:v>
                </c:pt>
                <c:pt idx="87">
                  <c:v>2.9</c:v>
                </c:pt>
                <c:pt idx="88">
                  <c:v>2.9333333333333331</c:v>
                </c:pt>
                <c:pt idx="89">
                  <c:v>2.9666666666666668</c:v>
                </c:pt>
                <c:pt idx="90">
                  <c:v>3</c:v>
                </c:pt>
                <c:pt idx="91">
                  <c:v>3.0333333333333332</c:v>
                </c:pt>
                <c:pt idx="92">
                  <c:v>3.0666666666666669</c:v>
                </c:pt>
                <c:pt idx="93">
                  <c:v>3.1</c:v>
                </c:pt>
                <c:pt idx="94">
                  <c:v>3.1333333333333333</c:v>
                </c:pt>
                <c:pt idx="95">
                  <c:v>3.1666666666666665</c:v>
                </c:pt>
                <c:pt idx="96">
                  <c:v>3.2</c:v>
                </c:pt>
                <c:pt idx="97">
                  <c:v>3.2333333333333334</c:v>
                </c:pt>
                <c:pt idx="98">
                  <c:v>3.2666666666666666</c:v>
                </c:pt>
                <c:pt idx="99">
                  <c:v>3.3</c:v>
                </c:pt>
                <c:pt idx="100">
                  <c:v>3.3333333333333335</c:v>
                </c:pt>
                <c:pt idx="101">
                  <c:v>3.3666666666666667</c:v>
                </c:pt>
                <c:pt idx="102">
                  <c:v>3.4</c:v>
                </c:pt>
                <c:pt idx="103">
                  <c:v>3.4333333333333331</c:v>
                </c:pt>
                <c:pt idx="104">
                  <c:v>3.4666666666666668</c:v>
                </c:pt>
                <c:pt idx="105">
                  <c:v>3.5</c:v>
                </c:pt>
                <c:pt idx="106">
                  <c:v>3.5333333333333332</c:v>
                </c:pt>
                <c:pt idx="107">
                  <c:v>3.5666666666666669</c:v>
                </c:pt>
                <c:pt idx="108">
                  <c:v>3.6</c:v>
                </c:pt>
                <c:pt idx="109">
                  <c:v>3.6333333333333333</c:v>
                </c:pt>
                <c:pt idx="110">
                  <c:v>3.6666666666666665</c:v>
                </c:pt>
                <c:pt idx="111">
                  <c:v>3.7</c:v>
                </c:pt>
                <c:pt idx="112">
                  <c:v>3.7333333333333334</c:v>
                </c:pt>
                <c:pt idx="113">
                  <c:v>3.7666666666666666</c:v>
                </c:pt>
                <c:pt idx="114">
                  <c:v>3.8</c:v>
                </c:pt>
                <c:pt idx="115">
                  <c:v>3.8333333333333335</c:v>
                </c:pt>
                <c:pt idx="116">
                  <c:v>3.8666666666666667</c:v>
                </c:pt>
                <c:pt idx="117">
                  <c:v>3.9</c:v>
                </c:pt>
                <c:pt idx="118">
                  <c:v>3.9333333333333331</c:v>
                </c:pt>
                <c:pt idx="119">
                  <c:v>3.9666666666666668</c:v>
                </c:pt>
                <c:pt idx="120">
                  <c:v>4</c:v>
                </c:pt>
                <c:pt idx="121">
                  <c:v>4.0333333333333332</c:v>
                </c:pt>
                <c:pt idx="122">
                  <c:v>4.0666666666666664</c:v>
                </c:pt>
                <c:pt idx="123">
                  <c:v>4.0999999999999996</c:v>
                </c:pt>
                <c:pt idx="124">
                  <c:v>4.1333333333333337</c:v>
                </c:pt>
                <c:pt idx="125">
                  <c:v>4.166666666666667</c:v>
                </c:pt>
                <c:pt idx="126">
                  <c:v>4.2</c:v>
                </c:pt>
                <c:pt idx="127">
                  <c:v>4.2333333333333334</c:v>
                </c:pt>
                <c:pt idx="128">
                  <c:v>4.2666666666666666</c:v>
                </c:pt>
                <c:pt idx="129">
                  <c:v>4.3</c:v>
                </c:pt>
                <c:pt idx="130">
                  <c:v>4.333333333333333</c:v>
                </c:pt>
                <c:pt idx="131">
                  <c:v>4.3666666666666663</c:v>
                </c:pt>
                <c:pt idx="132">
                  <c:v>4.4000000000000004</c:v>
                </c:pt>
                <c:pt idx="133">
                  <c:v>4.4333333333333336</c:v>
                </c:pt>
                <c:pt idx="134">
                  <c:v>4.4666666666666668</c:v>
                </c:pt>
                <c:pt idx="135">
                  <c:v>4.5</c:v>
                </c:pt>
                <c:pt idx="136">
                  <c:v>4.5333333333333332</c:v>
                </c:pt>
                <c:pt idx="137">
                  <c:v>4.5666666666666664</c:v>
                </c:pt>
                <c:pt idx="138">
                  <c:v>4.5999999999999996</c:v>
                </c:pt>
                <c:pt idx="139">
                  <c:v>4.6333333333333337</c:v>
                </c:pt>
                <c:pt idx="140">
                  <c:v>4.666666666666667</c:v>
                </c:pt>
                <c:pt idx="141">
                  <c:v>4.7</c:v>
                </c:pt>
                <c:pt idx="142">
                  <c:v>4.7333333333333334</c:v>
                </c:pt>
                <c:pt idx="143">
                  <c:v>4.7666666666666666</c:v>
                </c:pt>
                <c:pt idx="144">
                  <c:v>4.8</c:v>
                </c:pt>
                <c:pt idx="145">
                  <c:v>4.833333333333333</c:v>
                </c:pt>
                <c:pt idx="146">
                  <c:v>4.8666666666666663</c:v>
                </c:pt>
                <c:pt idx="147">
                  <c:v>4.9000000000000004</c:v>
                </c:pt>
                <c:pt idx="148">
                  <c:v>4.9333333333333336</c:v>
                </c:pt>
                <c:pt idx="149">
                  <c:v>4.9666666666666668</c:v>
                </c:pt>
                <c:pt idx="150">
                  <c:v>5</c:v>
                </c:pt>
                <c:pt idx="151">
                  <c:v>5.0333333333333332</c:v>
                </c:pt>
                <c:pt idx="152">
                  <c:v>5.0666666666666664</c:v>
                </c:pt>
                <c:pt idx="153">
                  <c:v>5.0999999999999996</c:v>
                </c:pt>
                <c:pt idx="154">
                  <c:v>5.1333333333333337</c:v>
                </c:pt>
                <c:pt idx="155">
                  <c:v>5.166666666666667</c:v>
                </c:pt>
                <c:pt idx="156">
                  <c:v>5.2</c:v>
                </c:pt>
                <c:pt idx="157">
                  <c:v>5.2333333333333334</c:v>
                </c:pt>
                <c:pt idx="158">
                  <c:v>5.2666666666666666</c:v>
                </c:pt>
                <c:pt idx="159">
                  <c:v>5.3</c:v>
                </c:pt>
                <c:pt idx="160">
                  <c:v>5.333333333333333</c:v>
                </c:pt>
                <c:pt idx="161">
                  <c:v>5.3666666666666663</c:v>
                </c:pt>
                <c:pt idx="162">
                  <c:v>5.4</c:v>
                </c:pt>
                <c:pt idx="163">
                  <c:v>5.4333333333333336</c:v>
                </c:pt>
                <c:pt idx="164">
                  <c:v>5.4666666666666668</c:v>
                </c:pt>
                <c:pt idx="165">
                  <c:v>5.5</c:v>
                </c:pt>
                <c:pt idx="166">
                  <c:v>5.5333333333333332</c:v>
                </c:pt>
                <c:pt idx="167">
                  <c:v>5.5666666666666664</c:v>
                </c:pt>
                <c:pt idx="168">
                  <c:v>5.6</c:v>
                </c:pt>
                <c:pt idx="169">
                  <c:v>5.6333333333333337</c:v>
                </c:pt>
                <c:pt idx="170">
                  <c:v>5.666666666666667</c:v>
                </c:pt>
                <c:pt idx="171">
                  <c:v>5.7</c:v>
                </c:pt>
                <c:pt idx="172">
                  <c:v>5.7333333333333334</c:v>
                </c:pt>
                <c:pt idx="173">
                  <c:v>5.7666666666666666</c:v>
                </c:pt>
                <c:pt idx="174">
                  <c:v>5.8</c:v>
                </c:pt>
                <c:pt idx="175">
                  <c:v>5.833333333333333</c:v>
                </c:pt>
                <c:pt idx="176">
                  <c:v>5.8666666666666663</c:v>
                </c:pt>
                <c:pt idx="177">
                  <c:v>5.9</c:v>
                </c:pt>
                <c:pt idx="178">
                  <c:v>5.9333333333333336</c:v>
                </c:pt>
                <c:pt idx="179">
                  <c:v>5.9666666666666668</c:v>
                </c:pt>
                <c:pt idx="180">
                  <c:v>6</c:v>
                </c:pt>
                <c:pt idx="181">
                  <c:v>6.0333333333333332</c:v>
                </c:pt>
                <c:pt idx="182">
                  <c:v>6.0666666666666664</c:v>
                </c:pt>
                <c:pt idx="183">
                  <c:v>6.1</c:v>
                </c:pt>
                <c:pt idx="184">
                  <c:v>6.1333333333333337</c:v>
                </c:pt>
                <c:pt idx="185">
                  <c:v>6.166666666666667</c:v>
                </c:pt>
                <c:pt idx="186">
                  <c:v>6.2</c:v>
                </c:pt>
                <c:pt idx="187">
                  <c:v>6.2333333333333334</c:v>
                </c:pt>
                <c:pt idx="188">
                  <c:v>6.2666666666666666</c:v>
                </c:pt>
                <c:pt idx="189">
                  <c:v>6.3</c:v>
                </c:pt>
                <c:pt idx="190">
                  <c:v>6.333333333333333</c:v>
                </c:pt>
                <c:pt idx="191">
                  <c:v>6.3666666666666663</c:v>
                </c:pt>
                <c:pt idx="192">
                  <c:v>6.4</c:v>
                </c:pt>
                <c:pt idx="193">
                  <c:v>6.4333333333333336</c:v>
                </c:pt>
                <c:pt idx="194">
                  <c:v>6.4666666666666668</c:v>
                </c:pt>
                <c:pt idx="195">
                  <c:v>6.5</c:v>
                </c:pt>
                <c:pt idx="196">
                  <c:v>6.5333333333333332</c:v>
                </c:pt>
                <c:pt idx="197">
                  <c:v>6.5666666666666664</c:v>
                </c:pt>
                <c:pt idx="198">
                  <c:v>6.6</c:v>
                </c:pt>
                <c:pt idx="199">
                  <c:v>6.6333333333333337</c:v>
                </c:pt>
                <c:pt idx="200">
                  <c:v>6.666666666666667</c:v>
                </c:pt>
                <c:pt idx="201">
                  <c:v>6.7</c:v>
                </c:pt>
                <c:pt idx="202">
                  <c:v>6.7333333333333334</c:v>
                </c:pt>
                <c:pt idx="203">
                  <c:v>6.7666666666666666</c:v>
                </c:pt>
                <c:pt idx="204">
                  <c:v>6.8</c:v>
                </c:pt>
                <c:pt idx="205">
                  <c:v>6.833333333333333</c:v>
                </c:pt>
                <c:pt idx="206">
                  <c:v>6.8666666666666663</c:v>
                </c:pt>
                <c:pt idx="207">
                  <c:v>6.9</c:v>
                </c:pt>
                <c:pt idx="208">
                  <c:v>6.9333333333333336</c:v>
                </c:pt>
                <c:pt idx="209">
                  <c:v>6.9666666666666668</c:v>
                </c:pt>
                <c:pt idx="210">
                  <c:v>7</c:v>
                </c:pt>
                <c:pt idx="211">
                  <c:v>7.0333333333333332</c:v>
                </c:pt>
                <c:pt idx="212">
                  <c:v>7.0666666666666664</c:v>
                </c:pt>
                <c:pt idx="213">
                  <c:v>7.1</c:v>
                </c:pt>
                <c:pt idx="214">
                  <c:v>7.1333333333333337</c:v>
                </c:pt>
                <c:pt idx="215">
                  <c:v>7.166666666666667</c:v>
                </c:pt>
                <c:pt idx="216">
                  <c:v>7.2</c:v>
                </c:pt>
                <c:pt idx="217">
                  <c:v>7.2333333333333334</c:v>
                </c:pt>
                <c:pt idx="218">
                  <c:v>7.2666666666666666</c:v>
                </c:pt>
                <c:pt idx="219">
                  <c:v>7.3</c:v>
                </c:pt>
                <c:pt idx="220">
                  <c:v>7.333333333333333</c:v>
                </c:pt>
                <c:pt idx="221">
                  <c:v>7.3666666666666663</c:v>
                </c:pt>
                <c:pt idx="222">
                  <c:v>7.4</c:v>
                </c:pt>
                <c:pt idx="223">
                  <c:v>7.4333333333333336</c:v>
                </c:pt>
                <c:pt idx="224">
                  <c:v>7.4666666666666668</c:v>
                </c:pt>
                <c:pt idx="225">
                  <c:v>7.5</c:v>
                </c:pt>
                <c:pt idx="226">
                  <c:v>7.5333333333333332</c:v>
                </c:pt>
                <c:pt idx="227">
                  <c:v>7.5666666666666664</c:v>
                </c:pt>
                <c:pt idx="228">
                  <c:v>7.6</c:v>
                </c:pt>
                <c:pt idx="229">
                  <c:v>7.6333333333333337</c:v>
                </c:pt>
                <c:pt idx="230">
                  <c:v>7.666666666666667</c:v>
                </c:pt>
                <c:pt idx="231">
                  <c:v>7.7</c:v>
                </c:pt>
                <c:pt idx="232">
                  <c:v>7.7333333333333334</c:v>
                </c:pt>
                <c:pt idx="233">
                  <c:v>7.7666666666666666</c:v>
                </c:pt>
                <c:pt idx="234">
                  <c:v>7.8</c:v>
                </c:pt>
                <c:pt idx="235">
                  <c:v>7.833333333333333</c:v>
                </c:pt>
                <c:pt idx="236">
                  <c:v>7.8666666666666663</c:v>
                </c:pt>
                <c:pt idx="237">
                  <c:v>7.9</c:v>
                </c:pt>
                <c:pt idx="238">
                  <c:v>7.9333333333333336</c:v>
                </c:pt>
                <c:pt idx="239">
                  <c:v>7.9666666666666668</c:v>
                </c:pt>
                <c:pt idx="240">
                  <c:v>8</c:v>
                </c:pt>
                <c:pt idx="241">
                  <c:v>8.0333333333333332</c:v>
                </c:pt>
                <c:pt idx="242">
                  <c:v>8.0666666666666664</c:v>
                </c:pt>
                <c:pt idx="243">
                  <c:v>8.1</c:v>
                </c:pt>
                <c:pt idx="244">
                  <c:v>8.1333333333333329</c:v>
                </c:pt>
                <c:pt idx="245">
                  <c:v>8.1666666666666661</c:v>
                </c:pt>
                <c:pt idx="246">
                  <c:v>8.1999999999999993</c:v>
                </c:pt>
                <c:pt idx="247">
                  <c:v>8.2333333333333325</c:v>
                </c:pt>
                <c:pt idx="248">
                  <c:v>8.2666666666666675</c:v>
                </c:pt>
                <c:pt idx="249">
                  <c:v>8.3000000000000007</c:v>
                </c:pt>
                <c:pt idx="250">
                  <c:v>8.3333333333333339</c:v>
                </c:pt>
                <c:pt idx="251">
                  <c:v>8.3666666666666671</c:v>
                </c:pt>
                <c:pt idx="252">
                  <c:v>8.4</c:v>
                </c:pt>
                <c:pt idx="253">
                  <c:v>8.4333333333333336</c:v>
                </c:pt>
                <c:pt idx="254">
                  <c:v>8.4666666666666668</c:v>
                </c:pt>
                <c:pt idx="255">
                  <c:v>8.5</c:v>
                </c:pt>
                <c:pt idx="256">
                  <c:v>8.5333333333333332</c:v>
                </c:pt>
                <c:pt idx="257">
                  <c:v>8.5666666666666664</c:v>
                </c:pt>
                <c:pt idx="258">
                  <c:v>8.6</c:v>
                </c:pt>
                <c:pt idx="259">
                  <c:v>8.6333333333333329</c:v>
                </c:pt>
                <c:pt idx="260">
                  <c:v>8.6666666666666661</c:v>
                </c:pt>
                <c:pt idx="261">
                  <c:v>8.6999999999999993</c:v>
                </c:pt>
                <c:pt idx="262">
                  <c:v>8.7333333333333325</c:v>
                </c:pt>
                <c:pt idx="263">
                  <c:v>8.7666666666666675</c:v>
                </c:pt>
                <c:pt idx="264">
                  <c:v>8.8000000000000007</c:v>
                </c:pt>
                <c:pt idx="265">
                  <c:v>8.8333333333333339</c:v>
                </c:pt>
                <c:pt idx="266">
                  <c:v>8.8666666666666671</c:v>
                </c:pt>
                <c:pt idx="267">
                  <c:v>8.9</c:v>
                </c:pt>
                <c:pt idx="268">
                  <c:v>8.9333333333333336</c:v>
                </c:pt>
                <c:pt idx="269">
                  <c:v>8.9666666666666668</c:v>
                </c:pt>
                <c:pt idx="270">
                  <c:v>9</c:v>
                </c:pt>
                <c:pt idx="271">
                  <c:v>9.0333333333333332</c:v>
                </c:pt>
                <c:pt idx="272">
                  <c:v>9.0666666666666664</c:v>
                </c:pt>
                <c:pt idx="273">
                  <c:v>9.1</c:v>
                </c:pt>
                <c:pt idx="274">
                  <c:v>9.1333333333333329</c:v>
                </c:pt>
                <c:pt idx="275">
                  <c:v>9.1666666666666661</c:v>
                </c:pt>
                <c:pt idx="276">
                  <c:v>9.1999999999999993</c:v>
                </c:pt>
                <c:pt idx="277">
                  <c:v>9.2333333333333325</c:v>
                </c:pt>
                <c:pt idx="278">
                  <c:v>9.2666666666666675</c:v>
                </c:pt>
                <c:pt idx="279">
                  <c:v>9.3000000000000007</c:v>
                </c:pt>
                <c:pt idx="280">
                  <c:v>9.3333333333333339</c:v>
                </c:pt>
                <c:pt idx="281">
                  <c:v>9.3666666666666671</c:v>
                </c:pt>
                <c:pt idx="282">
                  <c:v>9.4</c:v>
                </c:pt>
                <c:pt idx="283">
                  <c:v>9.4333333333333336</c:v>
                </c:pt>
                <c:pt idx="284">
                  <c:v>9.4666666666666668</c:v>
                </c:pt>
                <c:pt idx="285">
                  <c:v>9.5</c:v>
                </c:pt>
                <c:pt idx="286">
                  <c:v>9.5333333333333332</c:v>
                </c:pt>
                <c:pt idx="287">
                  <c:v>9.5666666666666664</c:v>
                </c:pt>
                <c:pt idx="288">
                  <c:v>9.6</c:v>
                </c:pt>
                <c:pt idx="289">
                  <c:v>9.6333333333333329</c:v>
                </c:pt>
                <c:pt idx="290">
                  <c:v>9.6666666666666661</c:v>
                </c:pt>
                <c:pt idx="291">
                  <c:v>9.6999999999999993</c:v>
                </c:pt>
                <c:pt idx="292">
                  <c:v>9.7333333333333325</c:v>
                </c:pt>
                <c:pt idx="293">
                  <c:v>9.7666666666666675</c:v>
                </c:pt>
                <c:pt idx="294">
                  <c:v>9.8000000000000007</c:v>
                </c:pt>
                <c:pt idx="295">
                  <c:v>9.8333333333333339</c:v>
                </c:pt>
                <c:pt idx="296">
                  <c:v>9.8666666666666671</c:v>
                </c:pt>
                <c:pt idx="297">
                  <c:v>9.9</c:v>
                </c:pt>
                <c:pt idx="298">
                  <c:v>9.9333333333333336</c:v>
                </c:pt>
                <c:pt idx="299">
                  <c:v>9.9666666666666668</c:v>
                </c:pt>
                <c:pt idx="300">
                  <c:v>10</c:v>
                </c:pt>
                <c:pt idx="301">
                  <c:v>10.033333333333333</c:v>
                </c:pt>
                <c:pt idx="302">
                  <c:v>10.066666666666666</c:v>
                </c:pt>
                <c:pt idx="303">
                  <c:v>10.1</c:v>
                </c:pt>
                <c:pt idx="304">
                  <c:v>10.133333333333333</c:v>
                </c:pt>
                <c:pt idx="305">
                  <c:v>10.166666666666666</c:v>
                </c:pt>
                <c:pt idx="306">
                  <c:v>10.199999999999999</c:v>
                </c:pt>
                <c:pt idx="307">
                  <c:v>10.233333333333333</c:v>
                </c:pt>
                <c:pt idx="308">
                  <c:v>10.266666666666667</c:v>
                </c:pt>
                <c:pt idx="309">
                  <c:v>10.3</c:v>
                </c:pt>
                <c:pt idx="310">
                  <c:v>10.333333333333334</c:v>
                </c:pt>
                <c:pt idx="311">
                  <c:v>10.366666666666667</c:v>
                </c:pt>
                <c:pt idx="312">
                  <c:v>10.4</c:v>
                </c:pt>
                <c:pt idx="313">
                  <c:v>10.433333333333334</c:v>
                </c:pt>
                <c:pt idx="314">
                  <c:v>10.466666666666667</c:v>
                </c:pt>
                <c:pt idx="315">
                  <c:v>10.5</c:v>
                </c:pt>
                <c:pt idx="316">
                  <c:v>10.533333333333333</c:v>
                </c:pt>
                <c:pt idx="317">
                  <c:v>10.566666666666666</c:v>
                </c:pt>
                <c:pt idx="318">
                  <c:v>10.6</c:v>
                </c:pt>
                <c:pt idx="319">
                  <c:v>10.633333333333333</c:v>
                </c:pt>
                <c:pt idx="320">
                  <c:v>10.666666666666666</c:v>
                </c:pt>
                <c:pt idx="321">
                  <c:v>10.7</c:v>
                </c:pt>
                <c:pt idx="322">
                  <c:v>10.733333333333333</c:v>
                </c:pt>
                <c:pt idx="323">
                  <c:v>10.766666666666667</c:v>
                </c:pt>
                <c:pt idx="324">
                  <c:v>10.8</c:v>
                </c:pt>
                <c:pt idx="325">
                  <c:v>10.833333333333334</c:v>
                </c:pt>
                <c:pt idx="326">
                  <c:v>10.866666666666667</c:v>
                </c:pt>
                <c:pt idx="327">
                  <c:v>10.9</c:v>
                </c:pt>
                <c:pt idx="328">
                  <c:v>10.933333333333334</c:v>
                </c:pt>
                <c:pt idx="329">
                  <c:v>10.966666666666667</c:v>
                </c:pt>
                <c:pt idx="330">
                  <c:v>11</c:v>
                </c:pt>
                <c:pt idx="331">
                  <c:v>11.033333333333333</c:v>
                </c:pt>
                <c:pt idx="332">
                  <c:v>11.066666666666666</c:v>
                </c:pt>
                <c:pt idx="333">
                  <c:v>11.1</c:v>
                </c:pt>
                <c:pt idx="334">
                  <c:v>11.133333333333333</c:v>
                </c:pt>
                <c:pt idx="335">
                  <c:v>11.166666666666666</c:v>
                </c:pt>
                <c:pt idx="336">
                  <c:v>11.2</c:v>
                </c:pt>
                <c:pt idx="337">
                  <c:v>11.233333333333333</c:v>
                </c:pt>
                <c:pt idx="338">
                  <c:v>11.266666666666667</c:v>
                </c:pt>
                <c:pt idx="339">
                  <c:v>11.3</c:v>
                </c:pt>
                <c:pt idx="340">
                  <c:v>11.333333333333334</c:v>
                </c:pt>
                <c:pt idx="341">
                  <c:v>11.366666666666667</c:v>
                </c:pt>
                <c:pt idx="342">
                  <c:v>11.4</c:v>
                </c:pt>
                <c:pt idx="343">
                  <c:v>11.433333333333334</c:v>
                </c:pt>
                <c:pt idx="344">
                  <c:v>11.466666666666667</c:v>
                </c:pt>
                <c:pt idx="345">
                  <c:v>11.5</c:v>
                </c:pt>
                <c:pt idx="346">
                  <c:v>11.533333333333333</c:v>
                </c:pt>
                <c:pt idx="347">
                  <c:v>11.566666666666666</c:v>
                </c:pt>
                <c:pt idx="348">
                  <c:v>11.6</c:v>
                </c:pt>
                <c:pt idx="349">
                  <c:v>11.633333333333333</c:v>
                </c:pt>
                <c:pt idx="350">
                  <c:v>11.666666666666666</c:v>
                </c:pt>
                <c:pt idx="351">
                  <c:v>11.7</c:v>
                </c:pt>
                <c:pt idx="352">
                  <c:v>11.733333333333333</c:v>
                </c:pt>
                <c:pt idx="353">
                  <c:v>11.766666666666667</c:v>
                </c:pt>
                <c:pt idx="354">
                  <c:v>11.8</c:v>
                </c:pt>
                <c:pt idx="355">
                  <c:v>11.833333333333334</c:v>
                </c:pt>
                <c:pt idx="356">
                  <c:v>11.866666666666667</c:v>
                </c:pt>
                <c:pt idx="357">
                  <c:v>11.9</c:v>
                </c:pt>
                <c:pt idx="358">
                  <c:v>11.933333333333334</c:v>
                </c:pt>
                <c:pt idx="359">
                  <c:v>11.966666666666667</c:v>
                </c:pt>
                <c:pt idx="360">
                  <c:v>12</c:v>
                </c:pt>
                <c:pt idx="361">
                  <c:v>12.033333333333333</c:v>
                </c:pt>
                <c:pt idx="362">
                  <c:v>12.066666666666666</c:v>
                </c:pt>
                <c:pt idx="363">
                  <c:v>12.1</c:v>
                </c:pt>
                <c:pt idx="364">
                  <c:v>12.133333333333333</c:v>
                </c:pt>
                <c:pt idx="365">
                  <c:v>12.166666666666666</c:v>
                </c:pt>
                <c:pt idx="366">
                  <c:v>12.2</c:v>
                </c:pt>
                <c:pt idx="367">
                  <c:v>12.233333333333333</c:v>
                </c:pt>
                <c:pt idx="368">
                  <c:v>12.266666666666667</c:v>
                </c:pt>
                <c:pt idx="369">
                  <c:v>12.3</c:v>
                </c:pt>
                <c:pt idx="370">
                  <c:v>12.333333333333334</c:v>
                </c:pt>
                <c:pt idx="371">
                  <c:v>12.366666666666667</c:v>
                </c:pt>
                <c:pt idx="372">
                  <c:v>12.4</c:v>
                </c:pt>
                <c:pt idx="373">
                  <c:v>12.433333333333334</c:v>
                </c:pt>
                <c:pt idx="374">
                  <c:v>12.466666666666667</c:v>
                </c:pt>
                <c:pt idx="375">
                  <c:v>12.5</c:v>
                </c:pt>
                <c:pt idx="376">
                  <c:v>12.533333333333333</c:v>
                </c:pt>
                <c:pt idx="377">
                  <c:v>12.566666666666666</c:v>
                </c:pt>
                <c:pt idx="378">
                  <c:v>12.6</c:v>
                </c:pt>
                <c:pt idx="379">
                  <c:v>12.633333333333333</c:v>
                </c:pt>
                <c:pt idx="380">
                  <c:v>12.666666666666666</c:v>
                </c:pt>
                <c:pt idx="381">
                  <c:v>12.7</c:v>
                </c:pt>
                <c:pt idx="382">
                  <c:v>12.733333333333333</c:v>
                </c:pt>
                <c:pt idx="383">
                  <c:v>12.766666666666667</c:v>
                </c:pt>
                <c:pt idx="384">
                  <c:v>12.8</c:v>
                </c:pt>
                <c:pt idx="385">
                  <c:v>12.833333333333334</c:v>
                </c:pt>
                <c:pt idx="386">
                  <c:v>12.866666666666667</c:v>
                </c:pt>
                <c:pt idx="387">
                  <c:v>12.9</c:v>
                </c:pt>
                <c:pt idx="388">
                  <c:v>12.933333333333334</c:v>
                </c:pt>
                <c:pt idx="389">
                  <c:v>12.966666666666667</c:v>
                </c:pt>
                <c:pt idx="390">
                  <c:v>13</c:v>
                </c:pt>
                <c:pt idx="391">
                  <c:v>13.033333333333333</c:v>
                </c:pt>
                <c:pt idx="392">
                  <c:v>13.066666666666666</c:v>
                </c:pt>
                <c:pt idx="393">
                  <c:v>13.1</c:v>
                </c:pt>
                <c:pt idx="394">
                  <c:v>13.133333333333333</c:v>
                </c:pt>
                <c:pt idx="395">
                  <c:v>13.166666666666666</c:v>
                </c:pt>
                <c:pt idx="396">
                  <c:v>13.2</c:v>
                </c:pt>
                <c:pt idx="397">
                  <c:v>13.233333333333333</c:v>
                </c:pt>
                <c:pt idx="398">
                  <c:v>13.266666666666667</c:v>
                </c:pt>
                <c:pt idx="399">
                  <c:v>13.3</c:v>
                </c:pt>
                <c:pt idx="400">
                  <c:v>13.333333333333334</c:v>
                </c:pt>
                <c:pt idx="401">
                  <c:v>13.366666666666667</c:v>
                </c:pt>
                <c:pt idx="402">
                  <c:v>13.4</c:v>
                </c:pt>
                <c:pt idx="403">
                  <c:v>13.433333333333334</c:v>
                </c:pt>
                <c:pt idx="404">
                  <c:v>13.466666666666667</c:v>
                </c:pt>
                <c:pt idx="405">
                  <c:v>13.5</c:v>
                </c:pt>
                <c:pt idx="406">
                  <c:v>13.533333333333333</c:v>
                </c:pt>
                <c:pt idx="407">
                  <c:v>13.566666666666666</c:v>
                </c:pt>
                <c:pt idx="408">
                  <c:v>13.6</c:v>
                </c:pt>
                <c:pt idx="409">
                  <c:v>13.633333333333333</c:v>
                </c:pt>
                <c:pt idx="410">
                  <c:v>13.666666666666666</c:v>
                </c:pt>
                <c:pt idx="411">
                  <c:v>13.7</c:v>
                </c:pt>
                <c:pt idx="412">
                  <c:v>13.733333333333333</c:v>
                </c:pt>
                <c:pt idx="413">
                  <c:v>13.766666666666667</c:v>
                </c:pt>
                <c:pt idx="414">
                  <c:v>13.8</c:v>
                </c:pt>
                <c:pt idx="415">
                  <c:v>13.833333333333334</c:v>
                </c:pt>
                <c:pt idx="416">
                  <c:v>13.866666666666667</c:v>
                </c:pt>
                <c:pt idx="417">
                  <c:v>13.9</c:v>
                </c:pt>
                <c:pt idx="418">
                  <c:v>13.933333333333334</c:v>
                </c:pt>
                <c:pt idx="419">
                  <c:v>13.966666666666667</c:v>
                </c:pt>
                <c:pt idx="420">
                  <c:v>14</c:v>
                </c:pt>
                <c:pt idx="421">
                  <c:v>14.033333333333333</c:v>
                </c:pt>
                <c:pt idx="422">
                  <c:v>14.066666666666666</c:v>
                </c:pt>
                <c:pt idx="423">
                  <c:v>14.1</c:v>
                </c:pt>
                <c:pt idx="424">
                  <c:v>14.133333333333333</c:v>
                </c:pt>
                <c:pt idx="425">
                  <c:v>14.166666666666666</c:v>
                </c:pt>
                <c:pt idx="426">
                  <c:v>14.2</c:v>
                </c:pt>
                <c:pt idx="427">
                  <c:v>14.233333333333333</c:v>
                </c:pt>
                <c:pt idx="428">
                  <c:v>14.266666666666667</c:v>
                </c:pt>
                <c:pt idx="429">
                  <c:v>14.3</c:v>
                </c:pt>
                <c:pt idx="430">
                  <c:v>14.333333333333334</c:v>
                </c:pt>
                <c:pt idx="431">
                  <c:v>14.366666666666667</c:v>
                </c:pt>
                <c:pt idx="432">
                  <c:v>14.4</c:v>
                </c:pt>
                <c:pt idx="433">
                  <c:v>14.433333333333334</c:v>
                </c:pt>
                <c:pt idx="434">
                  <c:v>14.466666666666667</c:v>
                </c:pt>
                <c:pt idx="435">
                  <c:v>14.5</c:v>
                </c:pt>
                <c:pt idx="436">
                  <c:v>14.533333333333333</c:v>
                </c:pt>
                <c:pt idx="437">
                  <c:v>14.566666666666666</c:v>
                </c:pt>
                <c:pt idx="438">
                  <c:v>14.6</c:v>
                </c:pt>
                <c:pt idx="439">
                  <c:v>14.633333333333333</c:v>
                </c:pt>
                <c:pt idx="440">
                  <c:v>14.666666666666666</c:v>
                </c:pt>
                <c:pt idx="441">
                  <c:v>14.7</c:v>
                </c:pt>
                <c:pt idx="442">
                  <c:v>14.733333333333333</c:v>
                </c:pt>
                <c:pt idx="443">
                  <c:v>14.766666666666667</c:v>
                </c:pt>
                <c:pt idx="444">
                  <c:v>14.8</c:v>
                </c:pt>
                <c:pt idx="445">
                  <c:v>14.833333333333334</c:v>
                </c:pt>
                <c:pt idx="446">
                  <c:v>14.866666666666667</c:v>
                </c:pt>
                <c:pt idx="447">
                  <c:v>14.9</c:v>
                </c:pt>
                <c:pt idx="448">
                  <c:v>14.933333333333334</c:v>
                </c:pt>
                <c:pt idx="449">
                  <c:v>14.966666666666667</c:v>
                </c:pt>
                <c:pt idx="450">
                  <c:v>15</c:v>
                </c:pt>
                <c:pt idx="451">
                  <c:v>15.033333333333333</c:v>
                </c:pt>
                <c:pt idx="452">
                  <c:v>15.066666666666666</c:v>
                </c:pt>
                <c:pt idx="453">
                  <c:v>15.1</c:v>
                </c:pt>
                <c:pt idx="454">
                  <c:v>15.133333333333333</c:v>
                </c:pt>
                <c:pt idx="455">
                  <c:v>15.166666666666666</c:v>
                </c:pt>
                <c:pt idx="456">
                  <c:v>15.2</c:v>
                </c:pt>
                <c:pt idx="457">
                  <c:v>15.233333333333333</c:v>
                </c:pt>
                <c:pt idx="458">
                  <c:v>15.266666666666667</c:v>
                </c:pt>
                <c:pt idx="459">
                  <c:v>15.3</c:v>
                </c:pt>
                <c:pt idx="460">
                  <c:v>15.333333333333334</c:v>
                </c:pt>
                <c:pt idx="461">
                  <c:v>15.366666666666667</c:v>
                </c:pt>
                <c:pt idx="462">
                  <c:v>15.4</c:v>
                </c:pt>
                <c:pt idx="463">
                  <c:v>15.433333333333334</c:v>
                </c:pt>
                <c:pt idx="464">
                  <c:v>15.466666666666667</c:v>
                </c:pt>
                <c:pt idx="465">
                  <c:v>15.5</c:v>
                </c:pt>
                <c:pt idx="466">
                  <c:v>15.533333333333333</c:v>
                </c:pt>
                <c:pt idx="467">
                  <c:v>15.566666666666666</c:v>
                </c:pt>
                <c:pt idx="468">
                  <c:v>15.6</c:v>
                </c:pt>
                <c:pt idx="469">
                  <c:v>15.633333333333333</c:v>
                </c:pt>
                <c:pt idx="470">
                  <c:v>15.666666666666666</c:v>
                </c:pt>
                <c:pt idx="471">
                  <c:v>15.7</c:v>
                </c:pt>
                <c:pt idx="472">
                  <c:v>15.733333333333333</c:v>
                </c:pt>
                <c:pt idx="473">
                  <c:v>15.766666666666667</c:v>
                </c:pt>
                <c:pt idx="474">
                  <c:v>15.8</c:v>
                </c:pt>
                <c:pt idx="475">
                  <c:v>15.833333333333334</c:v>
                </c:pt>
                <c:pt idx="476">
                  <c:v>15.866666666666667</c:v>
                </c:pt>
                <c:pt idx="477">
                  <c:v>15.9</c:v>
                </c:pt>
                <c:pt idx="478">
                  <c:v>15.933333333333334</c:v>
                </c:pt>
                <c:pt idx="479">
                  <c:v>15.966666666666667</c:v>
                </c:pt>
                <c:pt idx="480">
                  <c:v>16</c:v>
                </c:pt>
                <c:pt idx="481">
                  <c:v>16.033333333333335</c:v>
                </c:pt>
                <c:pt idx="482">
                  <c:v>16.066666666666666</c:v>
                </c:pt>
                <c:pt idx="483">
                  <c:v>16.100000000000001</c:v>
                </c:pt>
                <c:pt idx="484">
                  <c:v>16.133333333333333</c:v>
                </c:pt>
                <c:pt idx="485">
                  <c:v>16.166666666666668</c:v>
                </c:pt>
                <c:pt idx="486">
                  <c:v>16.2</c:v>
                </c:pt>
                <c:pt idx="487">
                  <c:v>16.233333333333334</c:v>
                </c:pt>
                <c:pt idx="488">
                  <c:v>16.266666666666666</c:v>
                </c:pt>
                <c:pt idx="489">
                  <c:v>16.3</c:v>
                </c:pt>
                <c:pt idx="490">
                  <c:v>16.333333333333332</c:v>
                </c:pt>
                <c:pt idx="491">
                  <c:v>16.366666666666667</c:v>
                </c:pt>
                <c:pt idx="492">
                  <c:v>16.399999999999999</c:v>
                </c:pt>
                <c:pt idx="493">
                  <c:v>16.433333333333334</c:v>
                </c:pt>
                <c:pt idx="494">
                  <c:v>16.466666666666665</c:v>
                </c:pt>
                <c:pt idx="495">
                  <c:v>16.5</c:v>
                </c:pt>
                <c:pt idx="496">
                  <c:v>16.533333333333335</c:v>
                </c:pt>
                <c:pt idx="497">
                  <c:v>16.566666666666666</c:v>
                </c:pt>
                <c:pt idx="498">
                  <c:v>16.600000000000001</c:v>
                </c:pt>
                <c:pt idx="499">
                  <c:v>16.633333333333333</c:v>
                </c:pt>
                <c:pt idx="500">
                  <c:v>16.666666666666668</c:v>
                </c:pt>
                <c:pt idx="501">
                  <c:v>16.7</c:v>
                </c:pt>
                <c:pt idx="502">
                  <c:v>16.733333333333334</c:v>
                </c:pt>
                <c:pt idx="503">
                  <c:v>16.766666666666666</c:v>
                </c:pt>
                <c:pt idx="504">
                  <c:v>16.8</c:v>
                </c:pt>
                <c:pt idx="505">
                  <c:v>16.833333333333332</c:v>
                </c:pt>
                <c:pt idx="506">
                  <c:v>16.866666666666667</c:v>
                </c:pt>
                <c:pt idx="507">
                  <c:v>16.899999999999999</c:v>
                </c:pt>
                <c:pt idx="508">
                  <c:v>16.933333333333334</c:v>
                </c:pt>
                <c:pt idx="509">
                  <c:v>16.966666666666665</c:v>
                </c:pt>
                <c:pt idx="510">
                  <c:v>17</c:v>
                </c:pt>
                <c:pt idx="511">
                  <c:v>17.033333333333335</c:v>
                </c:pt>
                <c:pt idx="512">
                  <c:v>17.066666666666666</c:v>
                </c:pt>
                <c:pt idx="513">
                  <c:v>17.100000000000001</c:v>
                </c:pt>
                <c:pt idx="514">
                  <c:v>17.133333333333333</c:v>
                </c:pt>
                <c:pt idx="515">
                  <c:v>17.166666666666668</c:v>
                </c:pt>
                <c:pt idx="516">
                  <c:v>17.2</c:v>
                </c:pt>
                <c:pt idx="517">
                  <c:v>17.233333333333334</c:v>
                </c:pt>
                <c:pt idx="518">
                  <c:v>17.266666666666666</c:v>
                </c:pt>
                <c:pt idx="519">
                  <c:v>17.3</c:v>
                </c:pt>
                <c:pt idx="520">
                  <c:v>17.333333333333332</c:v>
                </c:pt>
                <c:pt idx="521">
                  <c:v>17.366666666666667</c:v>
                </c:pt>
                <c:pt idx="522">
                  <c:v>17.399999999999999</c:v>
                </c:pt>
                <c:pt idx="523">
                  <c:v>17.433333333333334</c:v>
                </c:pt>
                <c:pt idx="524">
                  <c:v>17.466666666666665</c:v>
                </c:pt>
                <c:pt idx="525">
                  <c:v>17.5</c:v>
                </c:pt>
                <c:pt idx="526">
                  <c:v>17.533333333333335</c:v>
                </c:pt>
                <c:pt idx="527">
                  <c:v>17.566666666666666</c:v>
                </c:pt>
                <c:pt idx="528">
                  <c:v>17.600000000000001</c:v>
                </c:pt>
                <c:pt idx="529">
                  <c:v>17.633333333333333</c:v>
                </c:pt>
                <c:pt idx="530">
                  <c:v>17.666666666666668</c:v>
                </c:pt>
                <c:pt idx="531">
                  <c:v>17.7</c:v>
                </c:pt>
                <c:pt idx="532">
                  <c:v>17.733333333333334</c:v>
                </c:pt>
                <c:pt idx="533">
                  <c:v>17.766666666666666</c:v>
                </c:pt>
                <c:pt idx="534">
                  <c:v>17.8</c:v>
                </c:pt>
                <c:pt idx="535">
                  <c:v>17.833333333333332</c:v>
                </c:pt>
                <c:pt idx="536">
                  <c:v>17.866666666666667</c:v>
                </c:pt>
                <c:pt idx="537">
                  <c:v>17.899999999999999</c:v>
                </c:pt>
                <c:pt idx="538">
                  <c:v>17.933333333333334</c:v>
                </c:pt>
                <c:pt idx="539">
                  <c:v>17.966666666666665</c:v>
                </c:pt>
                <c:pt idx="540">
                  <c:v>18</c:v>
                </c:pt>
                <c:pt idx="541">
                  <c:v>18.033333333333335</c:v>
                </c:pt>
                <c:pt idx="542">
                  <c:v>18.066666666666666</c:v>
                </c:pt>
                <c:pt idx="543">
                  <c:v>18.100000000000001</c:v>
                </c:pt>
                <c:pt idx="544">
                  <c:v>18.133333333333333</c:v>
                </c:pt>
                <c:pt idx="545">
                  <c:v>18.166666666666668</c:v>
                </c:pt>
                <c:pt idx="546">
                  <c:v>18.2</c:v>
                </c:pt>
                <c:pt idx="547">
                  <c:v>18.233333333333334</c:v>
                </c:pt>
                <c:pt idx="548">
                  <c:v>18.266666666666666</c:v>
                </c:pt>
                <c:pt idx="549">
                  <c:v>18.3</c:v>
                </c:pt>
                <c:pt idx="550">
                  <c:v>18.333333333333332</c:v>
                </c:pt>
                <c:pt idx="551">
                  <c:v>18.366666666666667</c:v>
                </c:pt>
                <c:pt idx="552">
                  <c:v>18.399999999999999</c:v>
                </c:pt>
                <c:pt idx="553">
                  <c:v>18.433333333333334</c:v>
                </c:pt>
                <c:pt idx="554">
                  <c:v>18.466666666666665</c:v>
                </c:pt>
                <c:pt idx="555">
                  <c:v>18.5</c:v>
                </c:pt>
                <c:pt idx="556">
                  <c:v>18.533333333333335</c:v>
                </c:pt>
                <c:pt idx="557">
                  <c:v>18.566666666666666</c:v>
                </c:pt>
                <c:pt idx="558">
                  <c:v>18.600000000000001</c:v>
                </c:pt>
                <c:pt idx="559">
                  <c:v>18.633333333333333</c:v>
                </c:pt>
                <c:pt idx="560">
                  <c:v>18.666666666666668</c:v>
                </c:pt>
                <c:pt idx="561">
                  <c:v>18.7</c:v>
                </c:pt>
                <c:pt idx="562">
                  <c:v>18.733333333333334</c:v>
                </c:pt>
                <c:pt idx="563">
                  <c:v>18.766666666666666</c:v>
                </c:pt>
                <c:pt idx="564">
                  <c:v>18.8</c:v>
                </c:pt>
                <c:pt idx="565">
                  <c:v>18.833333333333332</c:v>
                </c:pt>
                <c:pt idx="566">
                  <c:v>18.866666666666667</c:v>
                </c:pt>
                <c:pt idx="567">
                  <c:v>18.899999999999999</c:v>
                </c:pt>
                <c:pt idx="568">
                  <c:v>18.933333333333334</c:v>
                </c:pt>
                <c:pt idx="569">
                  <c:v>18.966666666666665</c:v>
                </c:pt>
                <c:pt idx="570">
                  <c:v>19</c:v>
                </c:pt>
                <c:pt idx="571">
                  <c:v>19.033333333333335</c:v>
                </c:pt>
                <c:pt idx="572">
                  <c:v>19.066666666666666</c:v>
                </c:pt>
                <c:pt idx="573">
                  <c:v>19.100000000000001</c:v>
                </c:pt>
                <c:pt idx="574">
                  <c:v>19.133333333333333</c:v>
                </c:pt>
                <c:pt idx="575">
                  <c:v>19.166666666666668</c:v>
                </c:pt>
                <c:pt idx="576">
                  <c:v>19.2</c:v>
                </c:pt>
                <c:pt idx="577">
                  <c:v>19.233333333333334</c:v>
                </c:pt>
                <c:pt idx="578">
                  <c:v>19.266666666666666</c:v>
                </c:pt>
                <c:pt idx="579">
                  <c:v>19.3</c:v>
                </c:pt>
                <c:pt idx="580">
                  <c:v>19.333333333333332</c:v>
                </c:pt>
                <c:pt idx="581">
                  <c:v>19.366666666666667</c:v>
                </c:pt>
                <c:pt idx="582">
                  <c:v>19.399999999999999</c:v>
                </c:pt>
                <c:pt idx="583">
                  <c:v>19.433333333333334</c:v>
                </c:pt>
                <c:pt idx="584">
                  <c:v>19.466666666666665</c:v>
                </c:pt>
                <c:pt idx="585">
                  <c:v>19.5</c:v>
                </c:pt>
                <c:pt idx="586">
                  <c:v>19.533333333333335</c:v>
                </c:pt>
                <c:pt idx="587">
                  <c:v>19.566666666666666</c:v>
                </c:pt>
                <c:pt idx="588">
                  <c:v>19.600000000000001</c:v>
                </c:pt>
                <c:pt idx="589">
                  <c:v>19.633333333333333</c:v>
                </c:pt>
                <c:pt idx="590">
                  <c:v>19.666666666666668</c:v>
                </c:pt>
                <c:pt idx="591">
                  <c:v>19.7</c:v>
                </c:pt>
                <c:pt idx="592">
                  <c:v>19.733333333333334</c:v>
                </c:pt>
                <c:pt idx="593">
                  <c:v>19.766666666666666</c:v>
                </c:pt>
                <c:pt idx="594">
                  <c:v>19.8</c:v>
                </c:pt>
                <c:pt idx="595">
                  <c:v>19.833333333333332</c:v>
                </c:pt>
                <c:pt idx="596">
                  <c:v>19.866666666666667</c:v>
                </c:pt>
                <c:pt idx="597">
                  <c:v>19.899999999999999</c:v>
                </c:pt>
                <c:pt idx="598">
                  <c:v>19.933333333333334</c:v>
                </c:pt>
                <c:pt idx="599">
                  <c:v>19.966666666666665</c:v>
                </c:pt>
                <c:pt idx="600">
                  <c:v>20</c:v>
                </c:pt>
                <c:pt idx="601">
                  <c:v>20.033333333333335</c:v>
                </c:pt>
                <c:pt idx="602">
                  <c:v>20.066666666666666</c:v>
                </c:pt>
                <c:pt idx="603">
                  <c:v>20.100000000000001</c:v>
                </c:pt>
                <c:pt idx="604">
                  <c:v>20.133333333333333</c:v>
                </c:pt>
                <c:pt idx="605">
                  <c:v>20.166666666666668</c:v>
                </c:pt>
                <c:pt idx="606">
                  <c:v>20.2</c:v>
                </c:pt>
                <c:pt idx="607">
                  <c:v>20.233333333333334</c:v>
                </c:pt>
                <c:pt idx="608">
                  <c:v>20.266666666666666</c:v>
                </c:pt>
                <c:pt idx="609">
                  <c:v>20.3</c:v>
                </c:pt>
                <c:pt idx="610">
                  <c:v>20.333333333333332</c:v>
                </c:pt>
                <c:pt idx="611">
                  <c:v>20.366666666666667</c:v>
                </c:pt>
                <c:pt idx="612">
                  <c:v>20.399999999999999</c:v>
                </c:pt>
                <c:pt idx="613">
                  <c:v>20.433333333333334</c:v>
                </c:pt>
                <c:pt idx="614">
                  <c:v>20.466666666666665</c:v>
                </c:pt>
                <c:pt idx="615">
                  <c:v>20.5</c:v>
                </c:pt>
                <c:pt idx="616">
                  <c:v>20.533333333333335</c:v>
                </c:pt>
                <c:pt idx="617">
                  <c:v>20.566666666666666</c:v>
                </c:pt>
                <c:pt idx="618">
                  <c:v>20.6</c:v>
                </c:pt>
                <c:pt idx="619">
                  <c:v>20.633333333333333</c:v>
                </c:pt>
                <c:pt idx="620">
                  <c:v>20.666666666666668</c:v>
                </c:pt>
                <c:pt idx="621">
                  <c:v>20.7</c:v>
                </c:pt>
                <c:pt idx="622">
                  <c:v>20.733333333333334</c:v>
                </c:pt>
                <c:pt idx="623">
                  <c:v>20.766666666666666</c:v>
                </c:pt>
                <c:pt idx="624">
                  <c:v>20.8</c:v>
                </c:pt>
                <c:pt idx="625">
                  <c:v>20.833333333333332</c:v>
                </c:pt>
                <c:pt idx="626">
                  <c:v>20.866666666666667</c:v>
                </c:pt>
                <c:pt idx="627">
                  <c:v>20.9</c:v>
                </c:pt>
                <c:pt idx="628">
                  <c:v>20.933333333333334</c:v>
                </c:pt>
                <c:pt idx="629">
                  <c:v>20.966666666666665</c:v>
                </c:pt>
                <c:pt idx="630">
                  <c:v>21</c:v>
                </c:pt>
                <c:pt idx="631">
                  <c:v>21.033333333333335</c:v>
                </c:pt>
                <c:pt idx="632">
                  <c:v>21.066666666666666</c:v>
                </c:pt>
                <c:pt idx="633">
                  <c:v>21.1</c:v>
                </c:pt>
                <c:pt idx="634">
                  <c:v>21.133333333333333</c:v>
                </c:pt>
                <c:pt idx="635">
                  <c:v>21.166666666666668</c:v>
                </c:pt>
                <c:pt idx="636">
                  <c:v>21.2</c:v>
                </c:pt>
                <c:pt idx="637">
                  <c:v>21.233333333333334</c:v>
                </c:pt>
                <c:pt idx="638">
                  <c:v>21.266666666666666</c:v>
                </c:pt>
                <c:pt idx="639">
                  <c:v>21.3</c:v>
                </c:pt>
                <c:pt idx="640">
                  <c:v>21.333333333333332</c:v>
                </c:pt>
                <c:pt idx="641">
                  <c:v>21.366666666666667</c:v>
                </c:pt>
                <c:pt idx="642">
                  <c:v>21.4</c:v>
                </c:pt>
                <c:pt idx="643">
                  <c:v>21.433333333333334</c:v>
                </c:pt>
                <c:pt idx="644">
                  <c:v>21.466666666666665</c:v>
                </c:pt>
                <c:pt idx="645">
                  <c:v>21.5</c:v>
                </c:pt>
                <c:pt idx="646">
                  <c:v>21.533333333333335</c:v>
                </c:pt>
                <c:pt idx="647">
                  <c:v>21.566666666666666</c:v>
                </c:pt>
                <c:pt idx="648">
                  <c:v>21.6</c:v>
                </c:pt>
                <c:pt idx="649">
                  <c:v>21.633333333333333</c:v>
                </c:pt>
                <c:pt idx="650">
                  <c:v>21.666666666666668</c:v>
                </c:pt>
                <c:pt idx="651">
                  <c:v>21.7</c:v>
                </c:pt>
                <c:pt idx="652">
                  <c:v>21.733333333333334</c:v>
                </c:pt>
                <c:pt idx="653">
                  <c:v>21.766666666666666</c:v>
                </c:pt>
                <c:pt idx="654">
                  <c:v>21.8</c:v>
                </c:pt>
                <c:pt idx="655">
                  <c:v>21.833333333333332</c:v>
                </c:pt>
                <c:pt idx="656">
                  <c:v>21.866666666666667</c:v>
                </c:pt>
                <c:pt idx="657">
                  <c:v>21.9</c:v>
                </c:pt>
                <c:pt idx="658">
                  <c:v>21.933333333333334</c:v>
                </c:pt>
                <c:pt idx="659">
                  <c:v>21.966666666666665</c:v>
                </c:pt>
                <c:pt idx="660">
                  <c:v>22</c:v>
                </c:pt>
                <c:pt idx="661">
                  <c:v>22.033333333333335</c:v>
                </c:pt>
                <c:pt idx="662">
                  <c:v>22.066666666666666</c:v>
                </c:pt>
                <c:pt idx="663">
                  <c:v>22.1</c:v>
                </c:pt>
                <c:pt idx="664">
                  <c:v>22.133333333333333</c:v>
                </c:pt>
                <c:pt idx="665">
                  <c:v>22.166666666666668</c:v>
                </c:pt>
                <c:pt idx="666">
                  <c:v>22.2</c:v>
                </c:pt>
                <c:pt idx="667">
                  <c:v>22.233333333333334</c:v>
                </c:pt>
                <c:pt idx="668">
                  <c:v>22.266666666666666</c:v>
                </c:pt>
                <c:pt idx="669">
                  <c:v>22.3</c:v>
                </c:pt>
                <c:pt idx="670">
                  <c:v>22.333333333333332</c:v>
                </c:pt>
                <c:pt idx="671">
                  <c:v>22.366666666666667</c:v>
                </c:pt>
                <c:pt idx="672">
                  <c:v>22.4</c:v>
                </c:pt>
                <c:pt idx="673">
                  <c:v>22.433333333333334</c:v>
                </c:pt>
                <c:pt idx="674">
                  <c:v>22.466666666666665</c:v>
                </c:pt>
                <c:pt idx="675">
                  <c:v>22.5</c:v>
                </c:pt>
                <c:pt idx="676">
                  <c:v>22.533333333333335</c:v>
                </c:pt>
                <c:pt idx="677">
                  <c:v>22.566666666666666</c:v>
                </c:pt>
                <c:pt idx="678">
                  <c:v>22.6</c:v>
                </c:pt>
                <c:pt idx="679">
                  <c:v>22.633333333333333</c:v>
                </c:pt>
                <c:pt idx="680">
                  <c:v>22.666666666666668</c:v>
                </c:pt>
                <c:pt idx="681">
                  <c:v>22.7</c:v>
                </c:pt>
                <c:pt idx="682">
                  <c:v>22.733333333333334</c:v>
                </c:pt>
                <c:pt idx="683">
                  <c:v>22.766666666666666</c:v>
                </c:pt>
                <c:pt idx="684">
                  <c:v>22.8</c:v>
                </c:pt>
                <c:pt idx="685">
                  <c:v>22.833333333333332</c:v>
                </c:pt>
                <c:pt idx="686">
                  <c:v>22.866666666666667</c:v>
                </c:pt>
                <c:pt idx="687">
                  <c:v>22.9</c:v>
                </c:pt>
                <c:pt idx="688">
                  <c:v>22.933333333333334</c:v>
                </c:pt>
                <c:pt idx="689">
                  <c:v>22.966666666666665</c:v>
                </c:pt>
                <c:pt idx="690">
                  <c:v>23</c:v>
                </c:pt>
                <c:pt idx="691">
                  <c:v>23.033333333333335</c:v>
                </c:pt>
                <c:pt idx="692">
                  <c:v>23.066666666666666</c:v>
                </c:pt>
                <c:pt idx="693">
                  <c:v>23.1</c:v>
                </c:pt>
                <c:pt idx="694">
                  <c:v>23.133333333333333</c:v>
                </c:pt>
                <c:pt idx="695">
                  <c:v>23.166666666666668</c:v>
                </c:pt>
                <c:pt idx="696">
                  <c:v>23.2</c:v>
                </c:pt>
                <c:pt idx="697">
                  <c:v>23.233333333333334</c:v>
                </c:pt>
                <c:pt idx="698">
                  <c:v>23.266666666666666</c:v>
                </c:pt>
                <c:pt idx="699">
                  <c:v>23.3</c:v>
                </c:pt>
                <c:pt idx="700">
                  <c:v>23.333333333333332</c:v>
                </c:pt>
                <c:pt idx="701">
                  <c:v>23.366666666666667</c:v>
                </c:pt>
                <c:pt idx="702">
                  <c:v>23.4</c:v>
                </c:pt>
                <c:pt idx="703">
                  <c:v>23.433333333333334</c:v>
                </c:pt>
                <c:pt idx="704">
                  <c:v>23.466666666666665</c:v>
                </c:pt>
                <c:pt idx="705">
                  <c:v>23.5</c:v>
                </c:pt>
                <c:pt idx="706">
                  <c:v>23.533333333333335</c:v>
                </c:pt>
                <c:pt idx="707">
                  <c:v>23.566666666666666</c:v>
                </c:pt>
                <c:pt idx="708">
                  <c:v>23.6</c:v>
                </c:pt>
                <c:pt idx="709">
                  <c:v>23.633333333333333</c:v>
                </c:pt>
                <c:pt idx="710">
                  <c:v>23.666666666666668</c:v>
                </c:pt>
                <c:pt idx="711">
                  <c:v>23.7</c:v>
                </c:pt>
                <c:pt idx="712">
                  <c:v>23.733333333333334</c:v>
                </c:pt>
                <c:pt idx="713">
                  <c:v>23.766666666666666</c:v>
                </c:pt>
                <c:pt idx="714">
                  <c:v>23.8</c:v>
                </c:pt>
                <c:pt idx="715">
                  <c:v>23.833333333333332</c:v>
                </c:pt>
                <c:pt idx="716">
                  <c:v>23.866666666666667</c:v>
                </c:pt>
                <c:pt idx="717">
                  <c:v>23.9</c:v>
                </c:pt>
                <c:pt idx="718">
                  <c:v>23.933333333333334</c:v>
                </c:pt>
                <c:pt idx="719">
                  <c:v>23.966666666666665</c:v>
                </c:pt>
                <c:pt idx="720">
                  <c:v>24</c:v>
                </c:pt>
                <c:pt idx="721">
                  <c:v>24.033333333333335</c:v>
                </c:pt>
                <c:pt idx="722">
                  <c:v>24.066666666666666</c:v>
                </c:pt>
                <c:pt idx="723">
                  <c:v>24.1</c:v>
                </c:pt>
                <c:pt idx="724">
                  <c:v>24.133333333333333</c:v>
                </c:pt>
                <c:pt idx="725">
                  <c:v>24.166666666666668</c:v>
                </c:pt>
                <c:pt idx="726">
                  <c:v>24.2</c:v>
                </c:pt>
                <c:pt idx="727">
                  <c:v>24.233333333333334</c:v>
                </c:pt>
                <c:pt idx="728">
                  <c:v>24.266666666666666</c:v>
                </c:pt>
                <c:pt idx="729">
                  <c:v>24.3</c:v>
                </c:pt>
                <c:pt idx="730">
                  <c:v>24.333333333333332</c:v>
                </c:pt>
                <c:pt idx="731">
                  <c:v>24.366666666666667</c:v>
                </c:pt>
                <c:pt idx="732">
                  <c:v>24.4</c:v>
                </c:pt>
                <c:pt idx="733">
                  <c:v>24.433333333333334</c:v>
                </c:pt>
                <c:pt idx="734">
                  <c:v>24.466666666666665</c:v>
                </c:pt>
                <c:pt idx="735">
                  <c:v>24.5</c:v>
                </c:pt>
                <c:pt idx="736">
                  <c:v>24.533333333333335</c:v>
                </c:pt>
                <c:pt idx="737">
                  <c:v>24.566666666666666</c:v>
                </c:pt>
                <c:pt idx="738">
                  <c:v>24.6</c:v>
                </c:pt>
                <c:pt idx="739">
                  <c:v>24.633333333333333</c:v>
                </c:pt>
                <c:pt idx="740">
                  <c:v>24.666666666666668</c:v>
                </c:pt>
                <c:pt idx="741">
                  <c:v>24.7</c:v>
                </c:pt>
                <c:pt idx="742">
                  <c:v>24.733333333333334</c:v>
                </c:pt>
                <c:pt idx="743">
                  <c:v>24.766666666666666</c:v>
                </c:pt>
                <c:pt idx="744">
                  <c:v>24.8</c:v>
                </c:pt>
                <c:pt idx="745">
                  <c:v>24.833333333333332</c:v>
                </c:pt>
                <c:pt idx="746">
                  <c:v>24.866666666666667</c:v>
                </c:pt>
                <c:pt idx="747">
                  <c:v>24.9</c:v>
                </c:pt>
                <c:pt idx="748">
                  <c:v>24.933333333333334</c:v>
                </c:pt>
                <c:pt idx="749">
                  <c:v>24.966666666666665</c:v>
                </c:pt>
                <c:pt idx="750">
                  <c:v>25</c:v>
                </c:pt>
                <c:pt idx="751">
                  <c:v>25.033333333333335</c:v>
                </c:pt>
                <c:pt idx="752">
                  <c:v>25.066666666666666</c:v>
                </c:pt>
                <c:pt idx="753">
                  <c:v>25.1</c:v>
                </c:pt>
                <c:pt idx="754">
                  <c:v>25.133333333333333</c:v>
                </c:pt>
                <c:pt idx="755">
                  <c:v>25.166666666666668</c:v>
                </c:pt>
                <c:pt idx="756">
                  <c:v>25.2</c:v>
                </c:pt>
                <c:pt idx="757">
                  <c:v>25.233333333333334</c:v>
                </c:pt>
                <c:pt idx="758">
                  <c:v>25.266666666666666</c:v>
                </c:pt>
                <c:pt idx="759">
                  <c:v>25.3</c:v>
                </c:pt>
                <c:pt idx="760">
                  <c:v>25.333333333333332</c:v>
                </c:pt>
                <c:pt idx="761">
                  <c:v>25.366666666666667</c:v>
                </c:pt>
                <c:pt idx="762">
                  <c:v>25.4</c:v>
                </c:pt>
                <c:pt idx="763">
                  <c:v>25.433333333333334</c:v>
                </c:pt>
                <c:pt idx="764">
                  <c:v>25.466666666666665</c:v>
                </c:pt>
                <c:pt idx="765">
                  <c:v>25.5</c:v>
                </c:pt>
                <c:pt idx="766">
                  <c:v>25.533333333333335</c:v>
                </c:pt>
                <c:pt idx="767">
                  <c:v>25.566666666666666</c:v>
                </c:pt>
                <c:pt idx="768">
                  <c:v>25.6</c:v>
                </c:pt>
                <c:pt idx="769">
                  <c:v>25.633333333333333</c:v>
                </c:pt>
                <c:pt idx="770">
                  <c:v>25.666666666666668</c:v>
                </c:pt>
                <c:pt idx="771">
                  <c:v>25.7</c:v>
                </c:pt>
                <c:pt idx="772">
                  <c:v>25.733333333333334</c:v>
                </c:pt>
                <c:pt idx="773">
                  <c:v>25.766666666666666</c:v>
                </c:pt>
                <c:pt idx="774">
                  <c:v>25.8</c:v>
                </c:pt>
                <c:pt idx="775">
                  <c:v>25.833333333333332</c:v>
                </c:pt>
                <c:pt idx="776">
                  <c:v>25.866666666666667</c:v>
                </c:pt>
                <c:pt idx="777">
                  <c:v>25.9</c:v>
                </c:pt>
                <c:pt idx="778">
                  <c:v>25.933333333333334</c:v>
                </c:pt>
                <c:pt idx="779">
                  <c:v>25.966666666666665</c:v>
                </c:pt>
                <c:pt idx="780">
                  <c:v>26</c:v>
                </c:pt>
                <c:pt idx="781">
                  <c:v>26.033333333333335</c:v>
                </c:pt>
                <c:pt idx="782">
                  <c:v>26.066666666666666</c:v>
                </c:pt>
                <c:pt idx="783">
                  <c:v>26.1</c:v>
                </c:pt>
                <c:pt idx="784">
                  <c:v>26.133333333333333</c:v>
                </c:pt>
                <c:pt idx="785">
                  <c:v>26.166666666666668</c:v>
                </c:pt>
                <c:pt idx="786">
                  <c:v>26.2</c:v>
                </c:pt>
                <c:pt idx="787">
                  <c:v>26.233333333333334</c:v>
                </c:pt>
                <c:pt idx="788">
                  <c:v>26.266666666666666</c:v>
                </c:pt>
                <c:pt idx="789">
                  <c:v>26.3</c:v>
                </c:pt>
                <c:pt idx="790">
                  <c:v>26.333333333333332</c:v>
                </c:pt>
                <c:pt idx="791">
                  <c:v>26.366666666666667</c:v>
                </c:pt>
                <c:pt idx="792">
                  <c:v>26.4</c:v>
                </c:pt>
                <c:pt idx="793">
                  <c:v>26.433333333333334</c:v>
                </c:pt>
                <c:pt idx="794">
                  <c:v>26.466666666666665</c:v>
                </c:pt>
                <c:pt idx="795">
                  <c:v>26.5</c:v>
                </c:pt>
                <c:pt idx="796">
                  <c:v>26.533333333333335</c:v>
                </c:pt>
                <c:pt idx="797">
                  <c:v>26.566666666666666</c:v>
                </c:pt>
                <c:pt idx="798">
                  <c:v>26.6</c:v>
                </c:pt>
                <c:pt idx="799">
                  <c:v>26.633333333333333</c:v>
                </c:pt>
                <c:pt idx="800">
                  <c:v>26.666666666666668</c:v>
                </c:pt>
                <c:pt idx="801">
                  <c:v>26.7</c:v>
                </c:pt>
                <c:pt idx="802">
                  <c:v>26.733333333333334</c:v>
                </c:pt>
                <c:pt idx="803">
                  <c:v>26.766666666666666</c:v>
                </c:pt>
                <c:pt idx="804">
                  <c:v>26.8</c:v>
                </c:pt>
                <c:pt idx="805">
                  <c:v>26.833333333333332</c:v>
                </c:pt>
                <c:pt idx="806">
                  <c:v>26.866666666666667</c:v>
                </c:pt>
                <c:pt idx="807">
                  <c:v>26.9</c:v>
                </c:pt>
                <c:pt idx="808">
                  <c:v>26.933333333333334</c:v>
                </c:pt>
                <c:pt idx="809">
                  <c:v>26.966666666666665</c:v>
                </c:pt>
                <c:pt idx="810">
                  <c:v>27</c:v>
                </c:pt>
                <c:pt idx="811">
                  <c:v>27.033333333333335</c:v>
                </c:pt>
                <c:pt idx="812">
                  <c:v>27.066666666666666</c:v>
                </c:pt>
                <c:pt idx="813">
                  <c:v>27.1</c:v>
                </c:pt>
                <c:pt idx="814">
                  <c:v>27.133333333333333</c:v>
                </c:pt>
                <c:pt idx="815">
                  <c:v>27.166666666666668</c:v>
                </c:pt>
                <c:pt idx="816">
                  <c:v>27.2</c:v>
                </c:pt>
                <c:pt idx="817">
                  <c:v>27.233333333333334</c:v>
                </c:pt>
                <c:pt idx="818">
                  <c:v>27.266666666666666</c:v>
                </c:pt>
                <c:pt idx="819">
                  <c:v>27.3</c:v>
                </c:pt>
                <c:pt idx="820">
                  <c:v>27.333333333333332</c:v>
                </c:pt>
                <c:pt idx="821">
                  <c:v>27.366666666666667</c:v>
                </c:pt>
                <c:pt idx="822">
                  <c:v>27.4</c:v>
                </c:pt>
                <c:pt idx="823">
                  <c:v>27.433333333333334</c:v>
                </c:pt>
                <c:pt idx="824">
                  <c:v>27.466666666666665</c:v>
                </c:pt>
                <c:pt idx="825">
                  <c:v>27.5</c:v>
                </c:pt>
                <c:pt idx="826">
                  <c:v>27.533333333333335</c:v>
                </c:pt>
                <c:pt idx="827">
                  <c:v>27.566666666666666</c:v>
                </c:pt>
                <c:pt idx="828">
                  <c:v>27.6</c:v>
                </c:pt>
                <c:pt idx="829">
                  <c:v>27.633333333333333</c:v>
                </c:pt>
                <c:pt idx="830">
                  <c:v>27.666666666666668</c:v>
                </c:pt>
                <c:pt idx="831">
                  <c:v>27.7</c:v>
                </c:pt>
                <c:pt idx="832">
                  <c:v>27.733333333333334</c:v>
                </c:pt>
                <c:pt idx="833">
                  <c:v>27.766666666666666</c:v>
                </c:pt>
                <c:pt idx="834">
                  <c:v>27.8</c:v>
                </c:pt>
                <c:pt idx="835">
                  <c:v>27.833333333333332</c:v>
                </c:pt>
                <c:pt idx="836">
                  <c:v>27.866666666666667</c:v>
                </c:pt>
                <c:pt idx="837">
                  <c:v>27.9</c:v>
                </c:pt>
                <c:pt idx="838">
                  <c:v>27.933333333333334</c:v>
                </c:pt>
                <c:pt idx="839">
                  <c:v>27.966666666666665</c:v>
                </c:pt>
                <c:pt idx="840">
                  <c:v>28</c:v>
                </c:pt>
                <c:pt idx="841">
                  <c:v>28.033333333333335</c:v>
                </c:pt>
                <c:pt idx="842">
                  <c:v>28.066666666666666</c:v>
                </c:pt>
                <c:pt idx="843">
                  <c:v>28.1</c:v>
                </c:pt>
                <c:pt idx="844">
                  <c:v>28.133333333333333</c:v>
                </c:pt>
                <c:pt idx="845">
                  <c:v>28.166666666666668</c:v>
                </c:pt>
                <c:pt idx="846">
                  <c:v>28.2</c:v>
                </c:pt>
                <c:pt idx="847">
                  <c:v>28.233333333333334</c:v>
                </c:pt>
                <c:pt idx="848">
                  <c:v>28.266666666666666</c:v>
                </c:pt>
                <c:pt idx="849">
                  <c:v>28.3</c:v>
                </c:pt>
                <c:pt idx="850">
                  <c:v>28.333333333333332</c:v>
                </c:pt>
                <c:pt idx="851">
                  <c:v>28.366666666666667</c:v>
                </c:pt>
                <c:pt idx="852">
                  <c:v>28.4</c:v>
                </c:pt>
                <c:pt idx="853">
                  <c:v>28.433333333333334</c:v>
                </c:pt>
                <c:pt idx="854">
                  <c:v>28.466666666666665</c:v>
                </c:pt>
                <c:pt idx="855">
                  <c:v>28.5</c:v>
                </c:pt>
                <c:pt idx="856">
                  <c:v>28.533333333333335</c:v>
                </c:pt>
                <c:pt idx="857">
                  <c:v>28.566666666666666</c:v>
                </c:pt>
                <c:pt idx="858">
                  <c:v>28.6</c:v>
                </c:pt>
                <c:pt idx="859">
                  <c:v>28.633333333333333</c:v>
                </c:pt>
                <c:pt idx="860">
                  <c:v>28.666666666666668</c:v>
                </c:pt>
                <c:pt idx="861">
                  <c:v>28.7</c:v>
                </c:pt>
                <c:pt idx="862">
                  <c:v>28.733333333333334</c:v>
                </c:pt>
                <c:pt idx="863">
                  <c:v>28.766666666666666</c:v>
                </c:pt>
                <c:pt idx="864">
                  <c:v>28.8</c:v>
                </c:pt>
                <c:pt idx="865">
                  <c:v>28.833333333333332</c:v>
                </c:pt>
                <c:pt idx="866">
                  <c:v>28.866666666666667</c:v>
                </c:pt>
                <c:pt idx="867">
                  <c:v>28.9</c:v>
                </c:pt>
                <c:pt idx="868">
                  <c:v>28.933333333333334</c:v>
                </c:pt>
                <c:pt idx="869">
                  <c:v>28.966666666666665</c:v>
                </c:pt>
                <c:pt idx="870">
                  <c:v>29</c:v>
                </c:pt>
                <c:pt idx="871">
                  <c:v>29.033333333333335</c:v>
                </c:pt>
                <c:pt idx="872">
                  <c:v>29.066666666666666</c:v>
                </c:pt>
                <c:pt idx="873">
                  <c:v>29.1</c:v>
                </c:pt>
                <c:pt idx="874">
                  <c:v>29.133333333333333</c:v>
                </c:pt>
                <c:pt idx="875">
                  <c:v>29.166666666666668</c:v>
                </c:pt>
                <c:pt idx="876">
                  <c:v>29.2</c:v>
                </c:pt>
                <c:pt idx="877">
                  <c:v>29.233333333333334</c:v>
                </c:pt>
                <c:pt idx="878">
                  <c:v>29.266666666666666</c:v>
                </c:pt>
                <c:pt idx="879">
                  <c:v>29.3</c:v>
                </c:pt>
                <c:pt idx="880">
                  <c:v>29.333333333333332</c:v>
                </c:pt>
                <c:pt idx="881">
                  <c:v>29.366666666666667</c:v>
                </c:pt>
                <c:pt idx="882">
                  <c:v>29.4</c:v>
                </c:pt>
                <c:pt idx="883">
                  <c:v>29.433333333333334</c:v>
                </c:pt>
                <c:pt idx="884">
                  <c:v>29.466666666666665</c:v>
                </c:pt>
                <c:pt idx="885">
                  <c:v>29.5</c:v>
                </c:pt>
                <c:pt idx="886">
                  <c:v>29.533333333333335</c:v>
                </c:pt>
                <c:pt idx="887">
                  <c:v>29.566666666666666</c:v>
                </c:pt>
                <c:pt idx="888">
                  <c:v>29.6</c:v>
                </c:pt>
                <c:pt idx="889">
                  <c:v>29.633333333333333</c:v>
                </c:pt>
                <c:pt idx="890">
                  <c:v>29.666666666666668</c:v>
                </c:pt>
                <c:pt idx="891">
                  <c:v>29.7</c:v>
                </c:pt>
                <c:pt idx="892">
                  <c:v>29.733333333333334</c:v>
                </c:pt>
                <c:pt idx="893">
                  <c:v>29.766666666666666</c:v>
                </c:pt>
                <c:pt idx="894">
                  <c:v>29.8</c:v>
                </c:pt>
                <c:pt idx="895">
                  <c:v>29.833333333333332</c:v>
                </c:pt>
                <c:pt idx="896">
                  <c:v>29.866666666666667</c:v>
                </c:pt>
                <c:pt idx="897">
                  <c:v>29.9</c:v>
                </c:pt>
                <c:pt idx="898">
                  <c:v>29.933333333333334</c:v>
                </c:pt>
                <c:pt idx="899">
                  <c:v>29.966666666666665</c:v>
                </c:pt>
                <c:pt idx="900">
                  <c:v>30</c:v>
                </c:pt>
              </c:numCache>
            </c:numRef>
          </c:xVal>
          <c:yVal>
            <c:numRef>
              <c:f>重心!$B$2:$B$902</c:f>
              <c:numCache>
                <c:formatCode>General</c:formatCode>
                <c:ptCount val="901"/>
                <c:pt idx="0">
                  <c:v>-14.836365284506222</c:v>
                </c:pt>
                <c:pt idx="1">
                  <c:v>-14.826706865404713</c:v>
                </c:pt>
                <c:pt idx="2">
                  <c:v>-14.82446306657928</c:v>
                </c:pt>
                <c:pt idx="3">
                  <c:v>-14.822139922676632</c:v>
                </c:pt>
                <c:pt idx="4">
                  <c:v>-14.815850795123326</c:v>
                </c:pt>
                <c:pt idx="5">
                  <c:v>-14.81222288022202</c:v>
                </c:pt>
                <c:pt idx="6">
                  <c:v>-14.807785284042431</c:v>
                </c:pt>
                <c:pt idx="7">
                  <c:v>-14.805664774757783</c:v>
                </c:pt>
                <c:pt idx="8">
                  <c:v>-14.801515686292074</c:v>
                </c:pt>
                <c:pt idx="9">
                  <c:v>-14.794588789287168</c:v>
                </c:pt>
                <c:pt idx="10">
                  <c:v>-14.79202631278938</c:v>
                </c:pt>
                <c:pt idx="11">
                  <c:v>-14.784945812955183</c:v>
                </c:pt>
                <c:pt idx="12">
                  <c:v>-14.781852119702403</c:v>
                </c:pt>
                <c:pt idx="13">
                  <c:v>-14.773784773408487</c:v>
                </c:pt>
                <c:pt idx="14">
                  <c:v>-14.767800714387525</c:v>
                </c:pt>
                <c:pt idx="15">
                  <c:v>-14.760531631258864</c:v>
                </c:pt>
                <c:pt idx="16">
                  <c:v>-14.754232773434746</c:v>
                </c:pt>
                <c:pt idx="17">
                  <c:v>-14.749404079844254</c:v>
                </c:pt>
                <c:pt idx="18">
                  <c:v>-14.746056322072677</c:v>
                </c:pt>
                <c:pt idx="19">
                  <c:v>-14.736675959446851</c:v>
                </c:pt>
                <c:pt idx="20">
                  <c:v>-14.732116811362316</c:v>
                </c:pt>
                <c:pt idx="21">
                  <c:v>-14.72612810655705</c:v>
                </c:pt>
                <c:pt idx="22">
                  <c:v>-14.723567440429218</c:v>
                </c:pt>
                <c:pt idx="23">
                  <c:v>-14.718994853598034</c:v>
                </c:pt>
                <c:pt idx="24">
                  <c:v>-14.714585344714529</c:v>
                </c:pt>
                <c:pt idx="25">
                  <c:v>-14.712666080990882</c:v>
                </c:pt>
                <c:pt idx="26">
                  <c:v>-14.709293021182017</c:v>
                </c:pt>
                <c:pt idx="27">
                  <c:v>-14.70591201043862</c:v>
                </c:pt>
                <c:pt idx="28">
                  <c:v>-14.700917677821153</c:v>
                </c:pt>
                <c:pt idx="29">
                  <c:v>-14.698369864999085</c:v>
                </c:pt>
                <c:pt idx="30">
                  <c:v>-14.695488347944355</c:v>
                </c:pt>
                <c:pt idx="31">
                  <c:v>-14.69281532867482</c:v>
                </c:pt>
                <c:pt idx="32">
                  <c:v>-14.68592857173393</c:v>
                </c:pt>
                <c:pt idx="33">
                  <c:v>-14.677678345894686</c:v>
                </c:pt>
                <c:pt idx="34">
                  <c:v>-14.672755434556517</c:v>
                </c:pt>
                <c:pt idx="35">
                  <c:v>-14.670910386495814</c:v>
                </c:pt>
                <c:pt idx="36">
                  <c:v>-14.667453099266798</c:v>
                </c:pt>
                <c:pt idx="37">
                  <c:v>-14.661550750337771</c:v>
                </c:pt>
                <c:pt idx="38">
                  <c:v>-14.656711800898064</c:v>
                </c:pt>
                <c:pt idx="39">
                  <c:v>-14.651034871406935</c:v>
                </c:pt>
                <c:pt idx="40">
                  <c:v>-14.645624059323609</c:v>
                </c:pt>
                <c:pt idx="41">
                  <c:v>-14.642487784725388</c:v>
                </c:pt>
                <c:pt idx="42">
                  <c:v>-14.634046513343161</c:v>
                </c:pt>
                <c:pt idx="43">
                  <c:v>-14.627314031957445</c:v>
                </c:pt>
                <c:pt idx="44">
                  <c:v>-14.618116179668471</c:v>
                </c:pt>
                <c:pt idx="45">
                  <c:v>-14.614385525027616</c:v>
                </c:pt>
                <c:pt idx="46">
                  <c:v>-14.610905810736371</c:v>
                </c:pt>
                <c:pt idx="47">
                  <c:v>-14.605640183087086</c:v>
                </c:pt>
                <c:pt idx="48">
                  <c:v>-14.603346907337107</c:v>
                </c:pt>
                <c:pt idx="49">
                  <c:v>-14.59571945023499</c:v>
                </c:pt>
                <c:pt idx="50">
                  <c:v>-14.590110618990304</c:v>
                </c:pt>
                <c:pt idx="51">
                  <c:v>-14.582867866524113</c:v>
                </c:pt>
                <c:pt idx="52">
                  <c:v>-14.577738715350103</c:v>
                </c:pt>
                <c:pt idx="53">
                  <c:v>-14.573427253774481</c:v>
                </c:pt>
                <c:pt idx="54">
                  <c:v>-14.569715922534218</c:v>
                </c:pt>
                <c:pt idx="55">
                  <c:v>-14.565284914563945</c:v>
                </c:pt>
                <c:pt idx="56">
                  <c:v>-14.561548232523363</c:v>
                </c:pt>
                <c:pt idx="57">
                  <c:v>-14.556824391363385</c:v>
                </c:pt>
                <c:pt idx="58">
                  <c:v>-14.553982617634325</c:v>
                </c:pt>
                <c:pt idx="59">
                  <c:v>-14.549093000725037</c:v>
                </c:pt>
                <c:pt idx="60">
                  <c:v>-14.545209052637109</c:v>
                </c:pt>
                <c:pt idx="61">
                  <c:v>-14.538184845037815</c:v>
                </c:pt>
                <c:pt idx="62">
                  <c:v>-14.531427318680629</c:v>
                </c:pt>
                <c:pt idx="63">
                  <c:v>-14.52602819138853</c:v>
                </c:pt>
                <c:pt idx="64">
                  <c:v>-14.518848252314985</c:v>
                </c:pt>
                <c:pt idx="65">
                  <c:v>-14.513063663864756</c:v>
                </c:pt>
                <c:pt idx="66">
                  <c:v>-14.508734715682085</c:v>
                </c:pt>
                <c:pt idx="67">
                  <c:v>-14.505152343006751</c:v>
                </c:pt>
                <c:pt idx="68">
                  <c:v>-14.504497382028946</c:v>
                </c:pt>
                <c:pt idx="69">
                  <c:v>-14.498693332126317</c:v>
                </c:pt>
                <c:pt idx="70">
                  <c:v>-14.489311269127423</c:v>
                </c:pt>
                <c:pt idx="71">
                  <c:v>-14.479501773442157</c:v>
                </c:pt>
                <c:pt idx="72">
                  <c:v>-14.473618444615566</c:v>
                </c:pt>
                <c:pt idx="73">
                  <c:v>-14.465376181388091</c:v>
                </c:pt>
                <c:pt idx="74">
                  <c:v>-14.457612531548063</c:v>
                </c:pt>
                <c:pt idx="75">
                  <c:v>-14.449423088398559</c:v>
                </c:pt>
                <c:pt idx="76">
                  <c:v>-14.439382274457381</c:v>
                </c:pt>
                <c:pt idx="77">
                  <c:v>-14.434610871149694</c:v>
                </c:pt>
                <c:pt idx="78">
                  <c:v>-14.428478342108731</c:v>
                </c:pt>
                <c:pt idx="79">
                  <c:v>-14.422658198068511</c:v>
                </c:pt>
                <c:pt idx="80">
                  <c:v>-14.417116800982196</c:v>
                </c:pt>
                <c:pt idx="81">
                  <c:v>-14.412795836840536</c:v>
                </c:pt>
                <c:pt idx="82">
                  <c:v>-14.406281322044537</c:v>
                </c:pt>
                <c:pt idx="83">
                  <c:v>-14.399652831607982</c:v>
                </c:pt>
                <c:pt idx="84">
                  <c:v>-14.397686865961715</c:v>
                </c:pt>
                <c:pt idx="85">
                  <c:v>-14.390189529589227</c:v>
                </c:pt>
                <c:pt idx="86">
                  <c:v>-14.383162593973152</c:v>
                </c:pt>
                <c:pt idx="87">
                  <c:v>-14.376941794587561</c:v>
                </c:pt>
                <c:pt idx="88">
                  <c:v>-14.374771029003558</c:v>
                </c:pt>
                <c:pt idx="89">
                  <c:v>-14.367033959274805</c:v>
                </c:pt>
                <c:pt idx="90">
                  <c:v>-14.362092157397049</c:v>
                </c:pt>
                <c:pt idx="91">
                  <c:v>-14.354859671268198</c:v>
                </c:pt>
                <c:pt idx="92">
                  <c:v>-14.352722225277487</c:v>
                </c:pt>
                <c:pt idx="93">
                  <c:v>-14.345862018512257</c:v>
                </c:pt>
                <c:pt idx="94">
                  <c:v>-14.33890449718688</c:v>
                </c:pt>
                <c:pt idx="95">
                  <c:v>-14.334223644867198</c:v>
                </c:pt>
                <c:pt idx="96">
                  <c:v>-14.33066483388007</c:v>
                </c:pt>
                <c:pt idx="97">
                  <c:v>-14.32397556819225</c:v>
                </c:pt>
                <c:pt idx="98">
                  <c:v>-14.320351836318084</c:v>
                </c:pt>
                <c:pt idx="99">
                  <c:v>-14.315755773761895</c:v>
                </c:pt>
                <c:pt idx="100">
                  <c:v>-14.309454385462082</c:v>
                </c:pt>
                <c:pt idx="101">
                  <c:v>-14.302235563485951</c:v>
                </c:pt>
                <c:pt idx="102">
                  <c:v>-14.291069834219849</c:v>
                </c:pt>
                <c:pt idx="103">
                  <c:v>-14.283660277165156</c:v>
                </c:pt>
                <c:pt idx="104">
                  <c:v>-14.274760631938358</c:v>
                </c:pt>
                <c:pt idx="105">
                  <c:v>-14.267804421905488</c:v>
                </c:pt>
                <c:pt idx="106">
                  <c:v>-14.263331244143112</c:v>
                </c:pt>
                <c:pt idx="107">
                  <c:v>-14.256679703067869</c:v>
                </c:pt>
                <c:pt idx="108">
                  <c:v>-14.25328634131848</c:v>
                </c:pt>
                <c:pt idx="109">
                  <c:v>-14.247024252621083</c:v>
                </c:pt>
                <c:pt idx="110">
                  <c:v>-14.239925486486111</c:v>
                </c:pt>
                <c:pt idx="111">
                  <c:v>-14.231503898138982</c:v>
                </c:pt>
                <c:pt idx="112">
                  <c:v>-14.227701146701653</c:v>
                </c:pt>
                <c:pt idx="113">
                  <c:v>-14.219328134090837</c:v>
                </c:pt>
                <c:pt idx="114">
                  <c:v>-14.210027376186353</c:v>
                </c:pt>
                <c:pt idx="115">
                  <c:v>-14.196323872497064</c:v>
                </c:pt>
                <c:pt idx="116">
                  <c:v>-14.189437939011681</c:v>
                </c:pt>
                <c:pt idx="117">
                  <c:v>-14.184690456764431</c:v>
                </c:pt>
                <c:pt idx="118">
                  <c:v>-14.181516442246465</c:v>
                </c:pt>
                <c:pt idx="119">
                  <c:v>-14.173787744998741</c:v>
                </c:pt>
                <c:pt idx="120">
                  <c:v>-14.169131499782585</c:v>
                </c:pt>
                <c:pt idx="121">
                  <c:v>-14.16421044723714</c:v>
                </c:pt>
                <c:pt idx="122">
                  <c:v>-14.158578863019565</c:v>
                </c:pt>
                <c:pt idx="123">
                  <c:v>-14.150624371830556</c:v>
                </c:pt>
                <c:pt idx="124">
                  <c:v>-14.144643738426243</c:v>
                </c:pt>
                <c:pt idx="125">
                  <c:v>-14.1389023365687</c:v>
                </c:pt>
                <c:pt idx="126">
                  <c:v>-14.131973421430448</c:v>
                </c:pt>
                <c:pt idx="127">
                  <c:v>-14.123782105595687</c:v>
                </c:pt>
                <c:pt idx="128">
                  <c:v>-14.118243248298597</c:v>
                </c:pt>
                <c:pt idx="129">
                  <c:v>-14.110846937679783</c:v>
                </c:pt>
                <c:pt idx="130">
                  <c:v>-14.106827357545022</c:v>
                </c:pt>
                <c:pt idx="131">
                  <c:v>-14.100728838930985</c:v>
                </c:pt>
                <c:pt idx="132">
                  <c:v>-14.091961697322414</c:v>
                </c:pt>
                <c:pt idx="133">
                  <c:v>-14.085783657333979</c:v>
                </c:pt>
                <c:pt idx="134">
                  <c:v>-14.078127465526634</c:v>
                </c:pt>
                <c:pt idx="135">
                  <c:v>-14.070540711151821</c:v>
                </c:pt>
                <c:pt idx="136">
                  <c:v>-14.066986826592004</c:v>
                </c:pt>
                <c:pt idx="137">
                  <c:v>-14.060492173825631</c:v>
                </c:pt>
                <c:pt idx="138">
                  <c:v>-14.055599392773475</c:v>
                </c:pt>
                <c:pt idx="139">
                  <c:v>-14.05031814739568</c:v>
                </c:pt>
                <c:pt idx="140">
                  <c:v>-14.042920450694352</c:v>
                </c:pt>
                <c:pt idx="141">
                  <c:v>-14.026032344122299</c:v>
                </c:pt>
                <c:pt idx="142">
                  <c:v>-14.020523551573048</c:v>
                </c:pt>
                <c:pt idx="143">
                  <c:v>-14.011346666542236</c:v>
                </c:pt>
                <c:pt idx="144">
                  <c:v>-14.00245622961646</c:v>
                </c:pt>
                <c:pt idx="145">
                  <c:v>-14.00019739872579</c:v>
                </c:pt>
                <c:pt idx="146">
                  <c:v>-13.992790782654536</c:v>
                </c:pt>
                <c:pt idx="147">
                  <c:v>-13.987956656483302</c:v>
                </c:pt>
                <c:pt idx="148">
                  <c:v>-13.980511764408131</c:v>
                </c:pt>
                <c:pt idx="149">
                  <c:v>-13.969893241628494</c:v>
                </c:pt>
                <c:pt idx="150">
                  <c:v>-13.964282397466253</c:v>
                </c:pt>
                <c:pt idx="151">
                  <c:v>-13.950111485142173</c:v>
                </c:pt>
                <c:pt idx="152">
                  <c:v>-13.941646923016487</c:v>
                </c:pt>
                <c:pt idx="153">
                  <c:v>-13.936188400114709</c:v>
                </c:pt>
                <c:pt idx="154">
                  <c:v>-13.92884478307316</c:v>
                </c:pt>
                <c:pt idx="155">
                  <c:v>-13.920431246854593</c:v>
                </c:pt>
                <c:pt idx="156">
                  <c:v>-13.913347339695973</c:v>
                </c:pt>
                <c:pt idx="157">
                  <c:v>-13.908729353338735</c:v>
                </c:pt>
                <c:pt idx="158">
                  <c:v>-13.903815155805681</c:v>
                </c:pt>
                <c:pt idx="159">
                  <c:v>-13.897390489521285</c:v>
                </c:pt>
                <c:pt idx="160">
                  <c:v>-13.88832722101268</c:v>
                </c:pt>
                <c:pt idx="161">
                  <c:v>-13.881406217432366</c:v>
                </c:pt>
                <c:pt idx="162">
                  <c:v>-13.874544166046823</c:v>
                </c:pt>
                <c:pt idx="163">
                  <c:v>-13.866425246505978</c:v>
                </c:pt>
                <c:pt idx="164">
                  <c:v>-13.854141109825942</c:v>
                </c:pt>
                <c:pt idx="165">
                  <c:v>-13.844842555454836</c:v>
                </c:pt>
                <c:pt idx="166">
                  <c:v>-13.838554012311397</c:v>
                </c:pt>
                <c:pt idx="167">
                  <c:v>-13.830488922542239</c:v>
                </c:pt>
                <c:pt idx="168">
                  <c:v>-13.820756583901353</c:v>
                </c:pt>
                <c:pt idx="169">
                  <c:v>-13.816042584623004</c:v>
                </c:pt>
                <c:pt idx="170">
                  <c:v>-13.809986169232456</c:v>
                </c:pt>
                <c:pt idx="171">
                  <c:v>-13.803300446664581</c:v>
                </c:pt>
                <c:pt idx="172">
                  <c:v>-13.794335579016725</c:v>
                </c:pt>
                <c:pt idx="173">
                  <c:v>-13.786586119933885</c:v>
                </c:pt>
                <c:pt idx="174">
                  <c:v>-13.776254970044963</c:v>
                </c:pt>
                <c:pt idx="175">
                  <c:v>-13.762485634845406</c:v>
                </c:pt>
                <c:pt idx="176">
                  <c:v>-13.753777659776405</c:v>
                </c:pt>
                <c:pt idx="177">
                  <c:v>-13.745785540704281</c:v>
                </c:pt>
                <c:pt idx="178">
                  <c:v>-13.734362076363789</c:v>
                </c:pt>
                <c:pt idx="179">
                  <c:v>-13.728247784221008</c:v>
                </c:pt>
                <c:pt idx="180">
                  <c:v>-13.722984224787043</c:v>
                </c:pt>
                <c:pt idx="181">
                  <c:v>-13.716418392119492</c:v>
                </c:pt>
                <c:pt idx="182">
                  <c:v>-13.708564746984635</c:v>
                </c:pt>
                <c:pt idx="183">
                  <c:v>-13.69929313524951</c:v>
                </c:pt>
                <c:pt idx="184">
                  <c:v>-13.689778799950416</c:v>
                </c:pt>
                <c:pt idx="185">
                  <c:v>-13.681477520394415</c:v>
                </c:pt>
                <c:pt idx="186">
                  <c:v>-13.672113080564573</c:v>
                </c:pt>
                <c:pt idx="187">
                  <c:v>-13.663569477587769</c:v>
                </c:pt>
                <c:pt idx="188">
                  <c:v>-13.655876894897764</c:v>
                </c:pt>
                <c:pt idx="189">
                  <c:v>-13.647825318425994</c:v>
                </c:pt>
                <c:pt idx="190">
                  <c:v>-13.64193603363735</c:v>
                </c:pt>
                <c:pt idx="191">
                  <c:v>-13.629842033675569</c:v>
                </c:pt>
                <c:pt idx="192">
                  <c:v>-13.62200243694156</c:v>
                </c:pt>
                <c:pt idx="193">
                  <c:v>-13.609877825717506</c:v>
                </c:pt>
                <c:pt idx="194">
                  <c:v>-13.597512492162531</c:v>
                </c:pt>
                <c:pt idx="195">
                  <c:v>-13.58596735312852</c:v>
                </c:pt>
                <c:pt idx="196">
                  <c:v>-13.576661483684179</c:v>
                </c:pt>
                <c:pt idx="197">
                  <c:v>-13.569202916397478</c:v>
                </c:pt>
                <c:pt idx="198">
                  <c:v>-13.56312158406117</c:v>
                </c:pt>
                <c:pt idx="199">
                  <c:v>-13.55787857290915</c:v>
                </c:pt>
                <c:pt idx="200">
                  <c:v>-13.550988557141972</c:v>
                </c:pt>
                <c:pt idx="201">
                  <c:v>-13.54188495897248</c:v>
                </c:pt>
                <c:pt idx="202">
                  <c:v>-13.532662200066977</c:v>
                </c:pt>
                <c:pt idx="203">
                  <c:v>-13.525903741683065</c:v>
                </c:pt>
                <c:pt idx="204">
                  <c:v>-13.517397475062811</c:v>
                </c:pt>
                <c:pt idx="205">
                  <c:v>-13.508662126012338</c:v>
                </c:pt>
                <c:pt idx="206">
                  <c:v>-13.498182067932333</c:v>
                </c:pt>
                <c:pt idx="207">
                  <c:v>-13.489235118973625</c:v>
                </c:pt>
                <c:pt idx="208">
                  <c:v>-13.482629304856411</c:v>
                </c:pt>
                <c:pt idx="209">
                  <c:v>-13.474769575666594</c:v>
                </c:pt>
                <c:pt idx="210">
                  <c:v>-13.465503095050019</c:v>
                </c:pt>
                <c:pt idx="211">
                  <c:v>-13.457758966799551</c:v>
                </c:pt>
                <c:pt idx="212">
                  <c:v>-13.447543111539382</c:v>
                </c:pt>
                <c:pt idx="213">
                  <c:v>-13.438919107944363</c:v>
                </c:pt>
                <c:pt idx="214">
                  <c:v>-13.426721665415151</c:v>
                </c:pt>
                <c:pt idx="215">
                  <c:v>-13.411148518791265</c:v>
                </c:pt>
                <c:pt idx="216">
                  <c:v>-13.398419888376859</c:v>
                </c:pt>
                <c:pt idx="217">
                  <c:v>-13.393173108512373</c:v>
                </c:pt>
                <c:pt idx="218">
                  <c:v>-13.378485469625634</c:v>
                </c:pt>
                <c:pt idx="219">
                  <c:v>-13.368759968568488</c:v>
                </c:pt>
                <c:pt idx="220">
                  <c:v>-13.362502381465537</c:v>
                </c:pt>
                <c:pt idx="221">
                  <c:v>-13.354257593417293</c:v>
                </c:pt>
                <c:pt idx="222">
                  <c:v>-13.345552776931724</c:v>
                </c:pt>
                <c:pt idx="223">
                  <c:v>-13.335246852707543</c:v>
                </c:pt>
                <c:pt idx="224">
                  <c:v>-13.324426725814302</c:v>
                </c:pt>
                <c:pt idx="225">
                  <c:v>-13.314980714597711</c:v>
                </c:pt>
                <c:pt idx="226">
                  <c:v>-13.308873663796112</c:v>
                </c:pt>
                <c:pt idx="227">
                  <c:v>-13.299531492759852</c:v>
                </c:pt>
                <c:pt idx="228">
                  <c:v>-13.288478566956403</c:v>
                </c:pt>
                <c:pt idx="229">
                  <c:v>-13.280982601477785</c:v>
                </c:pt>
                <c:pt idx="230">
                  <c:v>-13.272943302613143</c:v>
                </c:pt>
                <c:pt idx="231">
                  <c:v>-13.265665626433373</c:v>
                </c:pt>
                <c:pt idx="232">
                  <c:v>-13.25652537607173</c:v>
                </c:pt>
                <c:pt idx="233">
                  <c:v>-13.244535692653313</c:v>
                </c:pt>
                <c:pt idx="234">
                  <c:v>-13.232134756277322</c:v>
                </c:pt>
                <c:pt idx="235">
                  <c:v>-13.221304172900288</c:v>
                </c:pt>
                <c:pt idx="236">
                  <c:v>-13.211268876150807</c:v>
                </c:pt>
                <c:pt idx="237">
                  <c:v>-13.205405799887787</c:v>
                </c:pt>
                <c:pt idx="238">
                  <c:v>-13.192951761872294</c:v>
                </c:pt>
                <c:pt idx="239">
                  <c:v>-13.182332232247983</c:v>
                </c:pt>
                <c:pt idx="240">
                  <c:v>-13.170229338013556</c:v>
                </c:pt>
                <c:pt idx="241">
                  <c:v>-13.159299661435842</c:v>
                </c:pt>
                <c:pt idx="242">
                  <c:v>-13.147589481127161</c:v>
                </c:pt>
                <c:pt idx="243">
                  <c:v>-13.136611759944197</c:v>
                </c:pt>
                <c:pt idx="244">
                  <c:v>-13.125571994773003</c:v>
                </c:pt>
                <c:pt idx="245">
                  <c:v>-13.116640523879477</c:v>
                </c:pt>
                <c:pt idx="246">
                  <c:v>-13.104654013825581</c:v>
                </c:pt>
                <c:pt idx="247">
                  <c:v>-13.090471272201635</c:v>
                </c:pt>
                <c:pt idx="248">
                  <c:v>-13.079214964650312</c:v>
                </c:pt>
                <c:pt idx="249">
                  <c:v>-13.066342341495798</c:v>
                </c:pt>
                <c:pt idx="250">
                  <c:v>-13.057705248206352</c:v>
                </c:pt>
                <c:pt idx="251">
                  <c:v>-13.050155383633799</c:v>
                </c:pt>
                <c:pt idx="252">
                  <c:v>-13.041874187092169</c:v>
                </c:pt>
                <c:pt idx="253">
                  <c:v>-13.031318655413216</c:v>
                </c:pt>
                <c:pt idx="254">
                  <c:v>-13.022389424631816</c:v>
                </c:pt>
                <c:pt idx="255">
                  <c:v>-13.010360337980439</c:v>
                </c:pt>
                <c:pt idx="256">
                  <c:v>-13.00030477146931</c:v>
                </c:pt>
                <c:pt idx="257">
                  <c:v>-12.988893651877319</c:v>
                </c:pt>
                <c:pt idx="258">
                  <c:v>-12.975796928902176</c:v>
                </c:pt>
                <c:pt idx="259">
                  <c:v>-12.964635203693826</c:v>
                </c:pt>
                <c:pt idx="260">
                  <c:v>-12.953973062073148</c:v>
                </c:pt>
                <c:pt idx="261">
                  <c:v>-12.943612837916952</c:v>
                </c:pt>
                <c:pt idx="262">
                  <c:v>-12.933868055787917</c:v>
                </c:pt>
                <c:pt idx="263">
                  <c:v>-12.924211319898561</c:v>
                </c:pt>
                <c:pt idx="264">
                  <c:v>-12.911871501151969</c:v>
                </c:pt>
                <c:pt idx="265">
                  <c:v>-12.901249646219384</c:v>
                </c:pt>
                <c:pt idx="266">
                  <c:v>-12.890024977925361</c:v>
                </c:pt>
                <c:pt idx="267">
                  <c:v>-12.881080224355125</c:v>
                </c:pt>
                <c:pt idx="268">
                  <c:v>-12.870891288651148</c:v>
                </c:pt>
                <c:pt idx="269">
                  <c:v>-12.860433111277398</c:v>
                </c:pt>
                <c:pt idx="270">
                  <c:v>-12.850903129591408</c:v>
                </c:pt>
                <c:pt idx="271">
                  <c:v>-12.842580367767418</c:v>
                </c:pt>
                <c:pt idx="272">
                  <c:v>-12.830774006510447</c:v>
                </c:pt>
                <c:pt idx="273">
                  <c:v>-12.820659111865176</c:v>
                </c:pt>
                <c:pt idx="274">
                  <c:v>-12.807817424986826</c:v>
                </c:pt>
                <c:pt idx="275">
                  <c:v>-12.790749622813793</c:v>
                </c:pt>
                <c:pt idx="276">
                  <c:v>-12.775671805965473</c:v>
                </c:pt>
                <c:pt idx="277">
                  <c:v>-12.761849904219115</c:v>
                </c:pt>
                <c:pt idx="278">
                  <c:v>-12.748221342450163</c:v>
                </c:pt>
                <c:pt idx="279">
                  <c:v>-12.738237100159434</c:v>
                </c:pt>
                <c:pt idx="280">
                  <c:v>-12.724484892932342</c:v>
                </c:pt>
                <c:pt idx="281">
                  <c:v>-12.712900711281218</c:v>
                </c:pt>
                <c:pt idx="282">
                  <c:v>-12.702589813405222</c:v>
                </c:pt>
                <c:pt idx="283">
                  <c:v>-12.694320314501995</c:v>
                </c:pt>
                <c:pt idx="284">
                  <c:v>-12.681134846215299</c:v>
                </c:pt>
                <c:pt idx="285">
                  <c:v>-12.668997078713483</c:v>
                </c:pt>
                <c:pt idx="286">
                  <c:v>-12.66038600963032</c:v>
                </c:pt>
                <c:pt idx="287">
                  <c:v>-12.645282748429906</c:v>
                </c:pt>
                <c:pt idx="288">
                  <c:v>-12.636446857657088</c:v>
                </c:pt>
                <c:pt idx="289">
                  <c:v>-12.625804399930075</c:v>
                </c:pt>
                <c:pt idx="290">
                  <c:v>-12.607162209370651</c:v>
                </c:pt>
                <c:pt idx="291">
                  <c:v>-12.596658074341029</c:v>
                </c:pt>
                <c:pt idx="292">
                  <c:v>-12.586459406626631</c:v>
                </c:pt>
                <c:pt idx="293">
                  <c:v>-12.574102487760202</c:v>
                </c:pt>
                <c:pt idx="294">
                  <c:v>-12.56257480332871</c:v>
                </c:pt>
                <c:pt idx="295">
                  <c:v>-12.549805826344075</c:v>
                </c:pt>
                <c:pt idx="296">
                  <c:v>-12.535813472862841</c:v>
                </c:pt>
                <c:pt idx="297">
                  <c:v>-12.524296134301613</c:v>
                </c:pt>
                <c:pt idx="298">
                  <c:v>-12.513763364103612</c:v>
                </c:pt>
                <c:pt idx="299">
                  <c:v>-12.503611861721039</c:v>
                </c:pt>
                <c:pt idx="300">
                  <c:v>-12.491212249248854</c:v>
                </c:pt>
                <c:pt idx="301">
                  <c:v>-12.482306812724735</c:v>
                </c:pt>
                <c:pt idx="302">
                  <c:v>-12.473353415292491</c:v>
                </c:pt>
                <c:pt idx="303">
                  <c:v>-12.463562258665009</c:v>
                </c:pt>
                <c:pt idx="304">
                  <c:v>-12.449214382640729</c:v>
                </c:pt>
                <c:pt idx="305">
                  <c:v>-12.434061184906913</c:v>
                </c:pt>
                <c:pt idx="306">
                  <c:v>-12.421946704196623</c:v>
                </c:pt>
                <c:pt idx="307">
                  <c:v>-12.407383893443724</c:v>
                </c:pt>
                <c:pt idx="308">
                  <c:v>-12.394087337677941</c:v>
                </c:pt>
                <c:pt idx="309">
                  <c:v>-12.380427047092624</c:v>
                </c:pt>
                <c:pt idx="310">
                  <c:v>-12.368405668020015</c:v>
                </c:pt>
                <c:pt idx="311">
                  <c:v>-12.35448551106934</c:v>
                </c:pt>
                <c:pt idx="312">
                  <c:v>-12.34316221141547</c:v>
                </c:pt>
                <c:pt idx="313">
                  <c:v>-12.328754691428664</c:v>
                </c:pt>
                <c:pt idx="314">
                  <c:v>-12.314892774981891</c:v>
                </c:pt>
                <c:pt idx="315">
                  <c:v>-12.299584784160333</c:v>
                </c:pt>
                <c:pt idx="316">
                  <c:v>-12.285196611686393</c:v>
                </c:pt>
                <c:pt idx="317">
                  <c:v>-12.26812827562089</c:v>
                </c:pt>
                <c:pt idx="318">
                  <c:v>-12.252758916129741</c:v>
                </c:pt>
                <c:pt idx="319">
                  <c:v>-12.241542326362858</c:v>
                </c:pt>
                <c:pt idx="320">
                  <c:v>-12.22975528736692</c:v>
                </c:pt>
                <c:pt idx="321">
                  <c:v>-12.216028183300187</c:v>
                </c:pt>
                <c:pt idx="322">
                  <c:v>-12.203299459770198</c:v>
                </c:pt>
                <c:pt idx="323">
                  <c:v>-12.194400006484866</c:v>
                </c:pt>
                <c:pt idx="324">
                  <c:v>-12.181466806425565</c:v>
                </c:pt>
                <c:pt idx="325">
                  <c:v>-12.166195844621324</c:v>
                </c:pt>
                <c:pt idx="326">
                  <c:v>-12.153546210829456</c:v>
                </c:pt>
                <c:pt idx="327">
                  <c:v>-12.140063848836524</c:v>
                </c:pt>
                <c:pt idx="328">
                  <c:v>-12.122734424546422</c:v>
                </c:pt>
                <c:pt idx="329">
                  <c:v>-12.108577075414294</c:v>
                </c:pt>
                <c:pt idx="330">
                  <c:v>-12.093251950989112</c:v>
                </c:pt>
                <c:pt idx="331">
                  <c:v>-12.081586136232538</c:v>
                </c:pt>
                <c:pt idx="332">
                  <c:v>-12.069750426523534</c:v>
                </c:pt>
                <c:pt idx="333">
                  <c:v>-12.057470076502971</c:v>
                </c:pt>
                <c:pt idx="334">
                  <c:v>-12.048624748632825</c:v>
                </c:pt>
                <c:pt idx="335">
                  <c:v>-12.033898090705604</c:v>
                </c:pt>
                <c:pt idx="336">
                  <c:v>-12.020310165454928</c:v>
                </c:pt>
                <c:pt idx="337">
                  <c:v>-12.005419880943029</c:v>
                </c:pt>
                <c:pt idx="338">
                  <c:v>-11.991246117308501</c:v>
                </c:pt>
                <c:pt idx="339">
                  <c:v>-11.977180895295186</c:v>
                </c:pt>
                <c:pt idx="340">
                  <c:v>-11.962736536332917</c:v>
                </c:pt>
                <c:pt idx="341">
                  <c:v>-11.951553131459583</c:v>
                </c:pt>
                <c:pt idx="342">
                  <c:v>-11.936661090665057</c:v>
                </c:pt>
                <c:pt idx="343">
                  <c:v>-11.925744434404224</c:v>
                </c:pt>
                <c:pt idx="344">
                  <c:v>-11.912153083747418</c:v>
                </c:pt>
                <c:pt idx="345">
                  <c:v>-11.896683357536533</c:v>
                </c:pt>
                <c:pt idx="346">
                  <c:v>-11.877418222520911</c:v>
                </c:pt>
                <c:pt idx="347">
                  <c:v>-11.864785417773382</c:v>
                </c:pt>
                <c:pt idx="348">
                  <c:v>-11.854231067445735</c:v>
                </c:pt>
                <c:pt idx="349">
                  <c:v>-11.835994944031244</c:v>
                </c:pt>
                <c:pt idx="350">
                  <c:v>-11.817230031294816</c:v>
                </c:pt>
                <c:pt idx="351">
                  <c:v>-11.804147720759204</c:v>
                </c:pt>
                <c:pt idx="352">
                  <c:v>-11.792384063482533</c:v>
                </c:pt>
                <c:pt idx="353">
                  <c:v>-11.774469631822965</c:v>
                </c:pt>
                <c:pt idx="354">
                  <c:v>-11.757004618699737</c:v>
                </c:pt>
                <c:pt idx="355">
                  <c:v>-11.743539526621019</c:v>
                </c:pt>
                <c:pt idx="356">
                  <c:v>-11.725107490481976</c:v>
                </c:pt>
                <c:pt idx="357">
                  <c:v>-11.712940326402812</c:v>
                </c:pt>
                <c:pt idx="358">
                  <c:v>-11.697236498772863</c:v>
                </c:pt>
                <c:pt idx="359">
                  <c:v>-11.682189315299972</c:v>
                </c:pt>
                <c:pt idx="360">
                  <c:v>-11.668645442001981</c:v>
                </c:pt>
                <c:pt idx="361">
                  <c:v>-11.65310331317651</c:v>
                </c:pt>
                <c:pt idx="362">
                  <c:v>-11.637698255692001</c:v>
                </c:pt>
                <c:pt idx="363">
                  <c:v>-11.623016108671029</c:v>
                </c:pt>
                <c:pt idx="364">
                  <c:v>-11.607691547298488</c:v>
                </c:pt>
                <c:pt idx="365">
                  <c:v>-11.593660727119818</c:v>
                </c:pt>
                <c:pt idx="366">
                  <c:v>-11.580006551829239</c:v>
                </c:pt>
                <c:pt idx="367">
                  <c:v>-11.564751377726461</c:v>
                </c:pt>
                <c:pt idx="368">
                  <c:v>-11.549357717266838</c:v>
                </c:pt>
                <c:pt idx="369">
                  <c:v>-11.534435589369618</c:v>
                </c:pt>
                <c:pt idx="370">
                  <c:v>-11.519917907859712</c:v>
                </c:pt>
                <c:pt idx="371">
                  <c:v>-11.497538619518902</c:v>
                </c:pt>
                <c:pt idx="372">
                  <c:v>-11.482823290457196</c:v>
                </c:pt>
                <c:pt idx="373">
                  <c:v>-11.467078832826779</c:v>
                </c:pt>
                <c:pt idx="374">
                  <c:v>-11.448426899659832</c:v>
                </c:pt>
                <c:pt idx="375">
                  <c:v>-11.428714370431628</c:v>
                </c:pt>
                <c:pt idx="376">
                  <c:v>-11.416235294190487</c:v>
                </c:pt>
                <c:pt idx="377">
                  <c:v>-11.400575070050463</c:v>
                </c:pt>
                <c:pt idx="378">
                  <c:v>-11.385119239985123</c:v>
                </c:pt>
                <c:pt idx="379">
                  <c:v>-11.371611367646693</c:v>
                </c:pt>
                <c:pt idx="380">
                  <c:v>-11.351806959703307</c:v>
                </c:pt>
                <c:pt idx="381">
                  <c:v>-11.337176214388881</c:v>
                </c:pt>
                <c:pt idx="382">
                  <c:v>-11.315648179114403</c:v>
                </c:pt>
                <c:pt idx="383">
                  <c:v>-11.303614840288345</c:v>
                </c:pt>
                <c:pt idx="384">
                  <c:v>-11.290068570004825</c:v>
                </c:pt>
                <c:pt idx="385">
                  <c:v>-11.275417108322248</c:v>
                </c:pt>
                <c:pt idx="386">
                  <c:v>-11.261904987957186</c:v>
                </c:pt>
                <c:pt idx="387">
                  <c:v>-11.240224615871446</c:v>
                </c:pt>
                <c:pt idx="388">
                  <c:v>-11.223708982514422</c:v>
                </c:pt>
                <c:pt idx="389">
                  <c:v>-11.20969667880208</c:v>
                </c:pt>
                <c:pt idx="390">
                  <c:v>-11.195534004778807</c:v>
                </c:pt>
                <c:pt idx="391">
                  <c:v>-11.175880895011813</c:v>
                </c:pt>
                <c:pt idx="392">
                  <c:v>-11.15887597905717</c:v>
                </c:pt>
                <c:pt idx="393">
                  <c:v>-11.139855692419733</c:v>
                </c:pt>
                <c:pt idx="394">
                  <c:v>-11.123723023350129</c:v>
                </c:pt>
                <c:pt idx="395">
                  <c:v>-11.103206327916698</c:v>
                </c:pt>
                <c:pt idx="396">
                  <c:v>-11.090311832166549</c:v>
                </c:pt>
                <c:pt idx="397">
                  <c:v>-11.068889340320277</c:v>
                </c:pt>
                <c:pt idx="398">
                  <c:v>-11.047729298751817</c:v>
                </c:pt>
                <c:pt idx="399">
                  <c:v>-11.029731645875506</c:v>
                </c:pt>
                <c:pt idx="400">
                  <c:v>-11.012825599370817</c:v>
                </c:pt>
                <c:pt idx="401">
                  <c:v>-10.993614624913318</c:v>
                </c:pt>
                <c:pt idx="402">
                  <c:v>-10.980520955038211</c:v>
                </c:pt>
                <c:pt idx="403">
                  <c:v>-10.967130658790992</c:v>
                </c:pt>
                <c:pt idx="404">
                  <c:v>-10.953095497196259</c:v>
                </c:pt>
                <c:pt idx="405">
                  <c:v>-10.934940472699967</c:v>
                </c:pt>
                <c:pt idx="406">
                  <c:v>-10.916124707180211</c:v>
                </c:pt>
                <c:pt idx="407">
                  <c:v>-10.897829063292008</c:v>
                </c:pt>
                <c:pt idx="408">
                  <c:v>-10.879541146300072</c:v>
                </c:pt>
                <c:pt idx="409">
                  <c:v>-10.86065179304763</c:v>
                </c:pt>
                <c:pt idx="410">
                  <c:v>-10.840962056025308</c:v>
                </c:pt>
                <c:pt idx="411">
                  <c:v>-10.82567962698092</c:v>
                </c:pt>
                <c:pt idx="412">
                  <c:v>-10.804733381589147</c:v>
                </c:pt>
                <c:pt idx="413">
                  <c:v>-10.785166307318596</c:v>
                </c:pt>
                <c:pt idx="414">
                  <c:v>-10.769427077944954</c:v>
                </c:pt>
                <c:pt idx="415">
                  <c:v>-10.750145139555361</c:v>
                </c:pt>
                <c:pt idx="416">
                  <c:v>-10.72817160259155</c:v>
                </c:pt>
                <c:pt idx="417">
                  <c:v>-10.708084209456118</c:v>
                </c:pt>
                <c:pt idx="418">
                  <c:v>-10.689949522312233</c:v>
                </c:pt>
                <c:pt idx="419">
                  <c:v>-10.672857322143795</c:v>
                </c:pt>
                <c:pt idx="420">
                  <c:v>-10.649476289905362</c:v>
                </c:pt>
                <c:pt idx="421">
                  <c:v>-10.63282860793586</c:v>
                </c:pt>
                <c:pt idx="422">
                  <c:v>-10.612087339445493</c:v>
                </c:pt>
                <c:pt idx="423">
                  <c:v>-10.598290364835684</c:v>
                </c:pt>
                <c:pt idx="424">
                  <c:v>-10.580319362723191</c:v>
                </c:pt>
                <c:pt idx="425">
                  <c:v>-10.562998436695569</c:v>
                </c:pt>
                <c:pt idx="426">
                  <c:v>-10.543561300095675</c:v>
                </c:pt>
                <c:pt idx="427">
                  <c:v>-10.523446021442254</c:v>
                </c:pt>
                <c:pt idx="428">
                  <c:v>-10.502112981593251</c:v>
                </c:pt>
                <c:pt idx="429">
                  <c:v>-10.483160088387855</c:v>
                </c:pt>
                <c:pt idx="430">
                  <c:v>-10.461298848645335</c:v>
                </c:pt>
                <c:pt idx="431">
                  <c:v>-10.439068509199243</c:v>
                </c:pt>
                <c:pt idx="432">
                  <c:v>-10.419787462404987</c:v>
                </c:pt>
                <c:pt idx="433">
                  <c:v>-10.400113638836364</c:v>
                </c:pt>
                <c:pt idx="434">
                  <c:v>-10.37786519061431</c:v>
                </c:pt>
                <c:pt idx="435">
                  <c:v>-10.359687407350057</c:v>
                </c:pt>
                <c:pt idx="436">
                  <c:v>-10.342635559637626</c:v>
                </c:pt>
                <c:pt idx="437">
                  <c:v>-10.324028371136777</c:v>
                </c:pt>
                <c:pt idx="438">
                  <c:v>-10.307040711819134</c:v>
                </c:pt>
                <c:pt idx="439">
                  <c:v>-10.286807233936834</c:v>
                </c:pt>
                <c:pt idx="440">
                  <c:v>-10.267838163687438</c:v>
                </c:pt>
                <c:pt idx="441">
                  <c:v>-10.246638532625452</c:v>
                </c:pt>
                <c:pt idx="442">
                  <c:v>-10.223893217603269</c:v>
                </c:pt>
                <c:pt idx="443">
                  <c:v>-10.204640443975407</c:v>
                </c:pt>
                <c:pt idx="444">
                  <c:v>-10.178554588184799</c:v>
                </c:pt>
                <c:pt idx="445">
                  <c:v>-10.161199221447115</c:v>
                </c:pt>
                <c:pt idx="446">
                  <c:v>-10.138588812516028</c:v>
                </c:pt>
                <c:pt idx="447">
                  <c:v>-10.1150111391627</c:v>
                </c:pt>
                <c:pt idx="448">
                  <c:v>-10.09489059812641</c:v>
                </c:pt>
                <c:pt idx="449">
                  <c:v>-10.076528461203418</c:v>
                </c:pt>
                <c:pt idx="450">
                  <c:v>-10.057555124036053</c:v>
                </c:pt>
                <c:pt idx="451">
                  <c:v>-10.038896837572103</c:v>
                </c:pt>
                <c:pt idx="452">
                  <c:v>-10.012401059225201</c:v>
                </c:pt>
                <c:pt idx="453">
                  <c:v>-9.9915972100826345</c:v>
                </c:pt>
                <c:pt idx="454">
                  <c:v>-9.9694571393038114</c:v>
                </c:pt>
                <c:pt idx="455">
                  <c:v>-9.9461903941358418</c:v>
                </c:pt>
                <c:pt idx="456">
                  <c:v>-9.9268674849490939</c:v>
                </c:pt>
                <c:pt idx="457">
                  <c:v>-9.9097660523372326</c:v>
                </c:pt>
                <c:pt idx="458">
                  <c:v>-9.8861817247571988</c:v>
                </c:pt>
                <c:pt idx="459">
                  <c:v>-9.8618762441304817</c:v>
                </c:pt>
                <c:pt idx="460">
                  <c:v>-9.8391730121255172</c:v>
                </c:pt>
                <c:pt idx="461">
                  <c:v>-9.8132922713368522</c:v>
                </c:pt>
                <c:pt idx="462">
                  <c:v>-9.7928418939114792</c:v>
                </c:pt>
                <c:pt idx="463">
                  <c:v>-9.7738007389110901</c:v>
                </c:pt>
                <c:pt idx="464">
                  <c:v>-9.7495028375353687</c:v>
                </c:pt>
                <c:pt idx="465">
                  <c:v>-9.7246808810841756</c:v>
                </c:pt>
                <c:pt idx="466">
                  <c:v>-9.7066215955226269</c:v>
                </c:pt>
                <c:pt idx="467">
                  <c:v>-9.6813222631299549</c:v>
                </c:pt>
                <c:pt idx="468">
                  <c:v>-9.6569904558579172</c:v>
                </c:pt>
                <c:pt idx="469">
                  <c:v>-9.6368496808482345</c:v>
                </c:pt>
                <c:pt idx="470">
                  <c:v>-9.6128770803422476</c:v>
                </c:pt>
                <c:pt idx="471">
                  <c:v>-9.5881084667905636</c:v>
                </c:pt>
                <c:pt idx="472">
                  <c:v>-9.5699870534402045</c:v>
                </c:pt>
                <c:pt idx="473">
                  <c:v>-9.5484366903028519</c:v>
                </c:pt>
                <c:pt idx="474">
                  <c:v>-9.5241651345080172</c:v>
                </c:pt>
                <c:pt idx="475">
                  <c:v>-9.4933639038553252</c:v>
                </c:pt>
                <c:pt idx="476">
                  <c:v>-9.471908456952546</c:v>
                </c:pt>
                <c:pt idx="477">
                  <c:v>-9.4494472407911179</c:v>
                </c:pt>
                <c:pt idx="478">
                  <c:v>-9.4266929015742686</c:v>
                </c:pt>
                <c:pt idx="479">
                  <c:v>-9.4017204834235919</c:v>
                </c:pt>
                <c:pt idx="480">
                  <c:v>-9.3749543507887765</c:v>
                </c:pt>
                <c:pt idx="481">
                  <c:v>-9.3540965510300982</c:v>
                </c:pt>
                <c:pt idx="482">
                  <c:v>-9.3300955318972765</c:v>
                </c:pt>
                <c:pt idx="483">
                  <c:v>-9.3103180748700058</c:v>
                </c:pt>
                <c:pt idx="484">
                  <c:v>-9.2851371770010136</c:v>
                </c:pt>
                <c:pt idx="485">
                  <c:v>-9.2557416768916578</c:v>
                </c:pt>
                <c:pt idx="486">
                  <c:v>-9.2305937077419724</c:v>
                </c:pt>
                <c:pt idx="487">
                  <c:v>-9.2051052474605495</c:v>
                </c:pt>
                <c:pt idx="488">
                  <c:v>-9.1777620198033159</c:v>
                </c:pt>
                <c:pt idx="489">
                  <c:v>-9.1530093745235863</c:v>
                </c:pt>
                <c:pt idx="490">
                  <c:v>-9.1275327014342871</c:v>
                </c:pt>
                <c:pt idx="491">
                  <c:v>-9.0995154975317387</c:v>
                </c:pt>
                <c:pt idx="492">
                  <c:v>-9.0749049073139378</c:v>
                </c:pt>
                <c:pt idx="493">
                  <c:v>-9.0497749932022913</c:v>
                </c:pt>
                <c:pt idx="494">
                  <c:v>-9.0213745742995037</c:v>
                </c:pt>
                <c:pt idx="495">
                  <c:v>-8.9930713405253027</c:v>
                </c:pt>
                <c:pt idx="496">
                  <c:v>-8.974264571062907</c:v>
                </c:pt>
                <c:pt idx="497">
                  <c:v>-8.9473771282761962</c:v>
                </c:pt>
                <c:pt idx="498">
                  <c:v>-8.920064030944328</c:v>
                </c:pt>
                <c:pt idx="499">
                  <c:v>-8.9003251944828623</c:v>
                </c:pt>
                <c:pt idx="500">
                  <c:v>-8.8695096969096596</c:v>
                </c:pt>
                <c:pt idx="501">
                  <c:v>-8.8434389240432942</c:v>
                </c:pt>
                <c:pt idx="502">
                  <c:v>-8.8177815292204649</c:v>
                </c:pt>
                <c:pt idx="503">
                  <c:v>-8.7912558675890597</c:v>
                </c:pt>
                <c:pt idx="504">
                  <c:v>-8.7622283447544369</c:v>
                </c:pt>
                <c:pt idx="505">
                  <c:v>-8.7316939038553993</c:v>
                </c:pt>
                <c:pt idx="506">
                  <c:v>-8.7021281214180402</c:v>
                </c:pt>
                <c:pt idx="507">
                  <c:v>-8.6745487403815549</c:v>
                </c:pt>
                <c:pt idx="508">
                  <c:v>-8.652900057531566</c:v>
                </c:pt>
                <c:pt idx="509">
                  <c:v>-8.6287124507619062</c:v>
                </c:pt>
                <c:pt idx="510">
                  <c:v>-8.5961863109235477</c:v>
                </c:pt>
                <c:pt idx="511">
                  <c:v>-8.5675276527879412</c:v>
                </c:pt>
                <c:pt idx="512">
                  <c:v>-8.5347886888022391</c:v>
                </c:pt>
                <c:pt idx="513">
                  <c:v>-8.5026507587022024</c:v>
                </c:pt>
                <c:pt idx="514">
                  <c:v>-8.4698093900281393</c:v>
                </c:pt>
                <c:pt idx="515">
                  <c:v>-8.4373632434326442</c:v>
                </c:pt>
                <c:pt idx="516">
                  <c:v>-8.4090809373067312</c:v>
                </c:pt>
                <c:pt idx="517">
                  <c:v>-8.3811791877490727</c:v>
                </c:pt>
                <c:pt idx="518">
                  <c:v>-8.3490044815779285</c:v>
                </c:pt>
                <c:pt idx="519">
                  <c:v>-8.324503545225836</c:v>
                </c:pt>
                <c:pt idx="520">
                  <c:v>-8.2921691261733219</c:v>
                </c:pt>
                <c:pt idx="521">
                  <c:v>-8.2613511675138209</c:v>
                </c:pt>
                <c:pt idx="522">
                  <c:v>-8.2308654245981927</c:v>
                </c:pt>
                <c:pt idx="523">
                  <c:v>-8.202467025040816</c:v>
                </c:pt>
                <c:pt idx="524">
                  <c:v>-8.175284578509654</c:v>
                </c:pt>
                <c:pt idx="525">
                  <c:v>-8.1408837113338564</c:v>
                </c:pt>
                <c:pt idx="526">
                  <c:v>-8.1063748047881798</c:v>
                </c:pt>
                <c:pt idx="527">
                  <c:v>-8.0752478889834194</c:v>
                </c:pt>
                <c:pt idx="528">
                  <c:v>-8.0399930920223017</c:v>
                </c:pt>
                <c:pt idx="529">
                  <c:v>-8.0072823684589576</c:v>
                </c:pt>
                <c:pt idx="530">
                  <c:v>-7.9819228200929935</c:v>
                </c:pt>
                <c:pt idx="531">
                  <c:v>-7.9520760750492778</c:v>
                </c:pt>
                <c:pt idx="532">
                  <c:v>-7.9190825498408675</c:v>
                </c:pt>
                <c:pt idx="533">
                  <c:v>-7.8835726368167149</c:v>
                </c:pt>
                <c:pt idx="534">
                  <c:v>-7.8453490245674553</c:v>
                </c:pt>
                <c:pt idx="535">
                  <c:v>-7.8111631419902805</c:v>
                </c:pt>
                <c:pt idx="536">
                  <c:v>-7.7815073841357432</c:v>
                </c:pt>
                <c:pt idx="537">
                  <c:v>-7.749161963779148</c:v>
                </c:pt>
                <c:pt idx="538">
                  <c:v>-7.7197093500935789</c:v>
                </c:pt>
                <c:pt idx="539">
                  <c:v>-7.6854369066677481</c:v>
                </c:pt>
                <c:pt idx="540">
                  <c:v>-7.6446024978024685</c:v>
                </c:pt>
                <c:pt idx="541">
                  <c:v>-7.6113233033807779</c:v>
                </c:pt>
                <c:pt idx="542">
                  <c:v>-7.577101083104834</c:v>
                </c:pt>
                <c:pt idx="543">
                  <c:v>-7.5409773229476134</c:v>
                </c:pt>
                <c:pt idx="544">
                  <c:v>-7.5039095252279706</c:v>
                </c:pt>
                <c:pt idx="545">
                  <c:v>-7.4620506051744089</c:v>
                </c:pt>
                <c:pt idx="546">
                  <c:v>-7.4280283045663946</c:v>
                </c:pt>
                <c:pt idx="547">
                  <c:v>-7.3973101293210837</c:v>
                </c:pt>
                <c:pt idx="548">
                  <c:v>-7.3561137547521334</c:v>
                </c:pt>
                <c:pt idx="549">
                  <c:v>-7.3172106009051729</c:v>
                </c:pt>
                <c:pt idx="550">
                  <c:v>-7.2754910632840977</c:v>
                </c:pt>
                <c:pt idx="551">
                  <c:v>-7.2444933719325109</c:v>
                </c:pt>
                <c:pt idx="552">
                  <c:v>-7.1975907316684093</c:v>
                </c:pt>
                <c:pt idx="553">
                  <c:v>-7.1664792180887646</c:v>
                </c:pt>
                <c:pt idx="554">
                  <c:v>-7.1287783460773468</c:v>
                </c:pt>
                <c:pt idx="555">
                  <c:v>-7.0929186479392445</c:v>
                </c:pt>
                <c:pt idx="556">
                  <c:v>-7.0519675118612</c:v>
                </c:pt>
                <c:pt idx="557">
                  <c:v>-7.0047666991593358</c:v>
                </c:pt>
                <c:pt idx="558">
                  <c:v>-6.966151032115933</c:v>
                </c:pt>
                <c:pt idx="559">
                  <c:v>-6.9271114548676911</c:v>
                </c:pt>
                <c:pt idx="560">
                  <c:v>-6.8848636281111562</c:v>
                </c:pt>
                <c:pt idx="561">
                  <c:v>-6.8467881914530624</c:v>
                </c:pt>
                <c:pt idx="562">
                  <c:v>-6.8079791395403912</c:v>
                </c:pt>
                <c:pt idx="563">
                  <c:v>-6.7666197511855222</c:v>
                </c:pt>
                <c:pt idx="564">
                  <c:v>-6.7253305404740376</c:v>
                </c:pt>
                <c:pt idx="565">
                  <c:v>-6.6812611046429566</c:v>
                </c:pt>
                <c:pt idx="566">
                  <c:v>-6.64111583072581</c:v>
                </c:pt>
                <c:pt idx="567">
                  <c:v>-6.5923170805347286</c:v>
                </c:pt>
                <c:pt idx="568">
                  <c:v>-6.5499115432563251</c:v>
                </c:pt>
                <c:pt idx="569">
                  <c:v>-6.5108889849469573</c:v>
                </c:pt>
                <c:pt idx="570">
                  <c:v>-6.4685741327689366</c:v>
                </c:pt>
                <c:pt idx="571">
                  <c:v>-6.4271391597604959</c:v>
                </c:pt>
                <c:pt idx="572">
                  <c:v>-6.377544251952493</c:v>
                </c:pt>
                <c:pt idx="573">
                  <c:v>-6.3285395143711529</c:v>
                </c:pt>
                <c:pt idx="574">
                  <c:v>-6.2811871728827811</c:v>
                </c:pt>
                <c:pt idx="575">
                  <c:v>-6.2257762322298742</c:v>
                </c:pt>
                <c:pt idx="576">
                  <c:v>-6.1837453518597592</c:v>
                </c:pt>
                <c:pt idx="577">
                  <c:v>-6.1353750923591326</c:v>
                </c:pt>
                <c:pt idx="578">
                  <c:v>-6.0871004980420214</c:v>
                </c:pt>
                <c:pt idx="579">
                  <c:v>-6.0283872757970425</c:v>
                </c:pt>
                <c:pt idx="580">
                  <c:v>-5.9740632390851083</c:v>
                </c:pt>
                <c:pt idx="581">
                  <c:v>-5.9287191819439569</c:v>
                </c:pt>
                <c:pt idx="582">
                  <c:v>-5.878192313918035</c:v>
                </c:pt>
                <c:pt idx="583">
                  <c:v>-5.8324100016706586</c:v>
                </c:pt>
                <c:pt idx="584">
                  <c:v>-5.778703457055121</c:v>
                </c:pt>
                <c:pt idx="585">
                  <c:v>-5.7218743791094759</c:v>
                </c:pt>
                <c:pt idx="586">
                  <c:v>-5.6609675560018369</c:v>
                </c:pt>
                <c:pt idx="587">
                  <c:v>-5.6131727753399874</c:v>
                </c:pt>
                <c:pt idx="588">
                  <c:v>-5.5632810473028504</c:v>
                </c:pt>
                <c:pt idx="589">
                  <c:v>-5.4958835257787575</c:v>
                </c:pt>
                <c:pt idx="590">
                  <c:v>-5.4381268020696156</c:v>
                </c:pt>
                <c:pt idx="591">
                  <c:v>-5.3817814620246152</c:v>
                </c:pt>
                <c:pt idx="592">
                  <c:v>-5.3235091572634268</c:v>
                </c:pt>
                <c:pt idx="593">
                  <c:v>-5.2735388648145172</c:v>
                </c:pt>
                <c:pt idx="594">
                  <c:v>-5.2079078330097923</c:v>
                </c:pt>
                <c:pt idx="595">
                  <c:v>-5.1474842427750573</c:v>
                </c:pt>
                <c:pt idx="596">
                  <c:v>-5.0840206832292383</c:v>
                </c:pt>
                <c:pt idx="597">
                  <c:v>-5.0190930545543484</c:v>
                </c:pt>
                <c:pt idx="598">
                  <c:v>-4.9656574263197824</c:v>
                </c:pt>
                <c:pt idx="599">
                  <c:v>-4.900848516382708</c:v>
                </c:pt>
                <c:pt idx="600">
                  <c:v>-4.8284521974300958</c:v>
                </c:pt>
                <c:pt idx="601">
                  <c:v>-4.7641602478410423</c:v>
                </c:pt>
                <c:pt idx="602">
                  <c:v>-4.6981308234394419</c:v>
                </c:pt>
                <c:pt idx="603">
                  <c:v>-4.635093875716092</c:v>
                </c:pt>
                <c:pt idx="604">
                  <c:v>-4.5631400321571789</c:v>
                </c:pt>
                <c:pt idx="605">
                  <c:v>-4.4779888715484217</c:v>
                </c:pt>
                <c:pt idx="606">
                  <c:v>-4.4099780284677346</c:v>
                </c:pt>
                <c:pt idx="607">
                  <c:v>-4.3324775925635262</c:v>
                </c:pt>
                <c:pt idx="608">
                  <c:v>-4.2481011846655701</c:v>
                </c:pt>
                <c:pt idx="609">
                  <c:v>-4.1684536474503551</c:v>
                </c:pt>
                <c:pt idx="610">
                  <c:v>-4.0849721996284396</c:v>
                </c:pt>
                <c:pt idx="611">
                  <c:v>-4.0110681048086434</c:v>
                </c:pt>
                <c:pt idx="612">
                  <c:v>-3.9280024782727261</c:v>
                </c:pt>
                <c:pt idx="613">
                  <c:v>-3.8365436339678638</c:v>
                </c:pt>
                <c:pt idx="614">
                  <c:v>-3.7490598619926701</c:v>
                </c:pt>
                <c:pt idx="615">
                  <c:v>-3.6653197098134926</c:v>
                </c:pt>
                <c:pt idx="616">
                  <c:v>-3.5795931142462076</c:v>
                </c:pt>
                <c:pt idx="617">
                  <c:v>-3.4819741263194803</c:v>
                </c:pt>
                <c:pt idx="618">
                  <c:v>-3.4164906798842898</c:v>
                </c:pt>
                <c:pt idx="619">
                  <c:v>-3.435073230069229</c:v>
                </c:pt>
                <c:pt idx="620">
                  <c:v>-3.4388350424685825</c:v>
                </c:pt>
                <c:pt idx="621">
                  <c:v>-3.4339920015135226</c:v>
                </c:pt>
                <c:pt idx="622">
                  <c:v>-3.4417381970288714</c:v>
                </c:pt>
                <c:pt idx="623">
                  <c:v>-3.438351026277696</c:v>
                </c:pt>
                <c:pt idx="624">
                  <c:v>-3.4292413628529461</c:v>
                </c:pt>
                <c:pt idx="625">
                  <c:v>-3.4222007163721333</c:v>
                </c:pt>
                <c:pt idx="626">
                  <c:v>-3.4150717910117341</c:v>
                </c:pt>
                <c:pt idx="627">
                  <c:v>-3.4128709652349145</c:v>
                </c:pt>
                <c:pt idx="628">
                  <c:v>-3.4147798817760746</c:v>
                </c:pt>
                <c:pt idx="629">
                  <c:v>-3.4171228317344875</c:v>
                </c:pt>
                <c:pt idx="630">
                  <c:v>-3.4247252654628779</c:v>
                </c:pt>
                <c:pt idx="631">
                  <c:v>-3.4329718014976844</c:v>
                </c:pt>
                <c:pt idx="632">
                  <c:v>-3.4388743932996428</c:v>
                </c:pt>
                <c:pt idx="633">
                  <c:v>-3.4434888425632613</c:v>
                </c:pt>
                <c:pt idx="634">
                  <c:v>-3.4405161525794092</c:v>
                </c:pt>
                <c:pt idx="635">
                  <c:v>-3.4413962062418308</c:v>
                </c:pt>
                <c:pt idx="636">
                  <c:v>-3.4371051865648394</c:v>
                </c:pt>
                <c:pt idx="637">
                  <c:v>-3.4389375220858671</c:v>
                </c:pt>
                <c:pt idx="638">
                  <c:v>-3.4380577840570319</c:v>
                </c:pt>
                <c:pt idx="639">
                  <c:v>-3.4429643226215565</c:v>
                </c:pt>
                <c:pt idx="640">
                  <c:v>-3.4489320983537901</c:v>
                </c:pt>
                <c:pt idx="641">
                  <c:v>-3.4589337219690046</c:v>
                </c:pt>
                <c:pt idx="642">
                  <c:v>-3.4606834461258607</c:v>
                </c:pt>
                <c:pt idx="643">
                  <c:v>-3.4630203435177656</c:v>
                </c:pt>
                <c:pt idx="644">
                  <c:v>-3.4607944816112948</c:v>
                </c:pt>
                <c:pt idx="645">
                  <c:v>-3.4595254393240422</c:v>
                </c:pt>
                <c:pt idx="646">
                  <c:v>-3.4573189694074538</c:v>
                </c:pt>
                <c:pt idx="647">
                  <c:v>-3.4559677979138441</c:v>
                </c:pt>
                <c:pt idx="648">
                  <c:v>-3.452786889518884</c:v>
                </c:pt>
                <c:pt idx="649">
                  <c:v>-3.4601044665543594</c:v>
                </c:pt>
                <c:pt idx="650">
                  <c:v>-3.4643998554676343</c:v>
                </c:pt>
                <c:pt idx="651">
                  <c:v>-3.4650844240182299</c:v>
                </c:pt>
                <c:pt idx="652">
                  <c:v>-3.4668963281205509</c:v>
                </c:pt>
                <c:pt idx="653">
                  <c:v>-3.4665783502566287</c:v>
                </c:pt>
                <c:pt idx="654">
                  <c:v>-3.4683297491759499</c:v>
                </c:pt>
                <c:pt idx="655">
                  <c:v>-3.4688461396343233</c:v>
                </c:pt>
                <c:pt idx="656">
                  <c:v>-3.4705242578075226</c:v>
                </c:pt>
                <c:pt idx="657">
                  <c:v>-3.4720882056743871</c:v>
                </c:pt>
                <c:pt idx="658">
                  <c:v>-3.4742391979837142</c:v>
                </c:pt>
                <c:pt idx="659">
                  <c:v>-3.4747552348846185</c:v>
                </c:pt>
                <c:pt idx="660">
                  <c:v>-3.4769701908954818</c:v>
                </c:pt>
                <c:pt idx="661">
                  <c:v>-3.4780823462400816</c:v>
                </c:pt>
                <c:pt idx="662">
                  <c:v>-3.4869513313807134</c:v>
                </c:pt>
                <c:pt idx="663">
                  <c:v>-3.4807263521717977</c:v>
                </c:pt>
                <c:pt idx="664">
                  <c:v>-3.4847988243897139</c:v>
                </c:pt>
                <c:pt idx="665">
                  <c:v>-3.4863496854195319</c:v>
                </c:pt>
                <c:pt idx="666">
                  <c:v>-3.488249362521131</c:v>
                </c:pt>
                <c:pt idx="667">
                  <c:v>-3.4918400870538311</c:v>
                </c:pt>
                <c:pt idx="668">
                  <c:v>-3.4942323215580564</c:v>
                </c:pt>
                <c:pt idx="669">
                  <c:v>-3.4993016107133688</c:v>
                </c:pt>
                <c:pt idx="670">
                  <c:v>-3.498949185606941</c:v>
                </c:pt>
                <c:pt idx="671">
                  <c:v>-3.5000858848700509</c:v>
                </c:pt>
                <c:pt idx="672">
                  <c:v>-3.5062331991651732</c:v>
                </c:pt>
                <c:pt idx="673">
                  <c:v>-3.5047055362527861</c:v>
                </c:pt>
                <c:pt idx="674">
                  <c:v>-3.5094986038957807</c:v>
                </c:pt>
                <c:pt idx="675">
                  <c:v>-3.511297500944413</c:v>
                </c:pt>
                <c:pt idx="676">
                  <c:v>-3.5152950287490099</c:v>
                </c:pt>
                <c:pt idx="677">
                  <c:v>-3.5159324229584215</c:v>
                </c:pt>
                <c:pt idx="678">
                  <c:v>-3.5185645495098719</c:v>
                </c:pt>
                <c:pt idx="679">
                  <c:v>-3.5202791527741306</c:v>
                </c:pt>
                <c:pt idx="680">
                  <c:v>-3.51883331351037</c:v>
                </c:pt>
                <c:pt idx="681">
                  <c:v>-3.5173393951084182</c:v>
                </c:pt>
                <c:pt idx="682">
                  <c:v>-3.517703206962318</c:v>
                </c:pt>
                <c:pt idx="683">
                  <c:v>-3.5184993187567173</c:v>
                </c:pt>
                <c:pt idx="684">
                  <c:v>-3.5207569230980127</c:v>
                </c:pt>
                <c:pt idx="685">
                  <c:v>-3.5243310014485725</c:v>
                </c:pt>
                <c:pt idx="686">
                  <c:v>-3.5272653931843774</c:v>
                </c:pt>
                <c:pt idx="687">
                  <c:v>-3.5295846994284923</c:v>
                </c:pt>
                <c:pt idx="688">
                  <c:v>-3.5274497931655624</c:v>
                </c:pt>
                <c:pt idx="689">
                  <c:v>-3.5278010111278419</c:v>
                </c:pt>
                <c:pt idx="690">
                  <c:v>-3.5260704727994661</c:v>
                </c:pt>
                <c:pt idx="691">
                  <c:v>-3.5258188267165362</c:v>
                </c:pt>
                <c:pt idx="692">
                  <c:v>-3.5295902248602227</c:v>
                </c:pt>
                <c:pt idx="693">
                  <c:v>-3.5300616720618438</c:v>
                </c:pt>
                <c:pt idx="694">
                  <c:v>-3.5326794106076607</c:v>
                </c:pt>
                <c:pt idx="695">
                  <c:v>-3.5406914706912911</c:v>
                </c:pt>
                <c:pt idx="696">
                  <c:v>-3.5427882330688263</c:v>
                </c:pt>
                <c:pt idx="697">
                  <c:v>-3.5452139452066351</c:v>
                </c:pt>
                <c:pt idx="698">
                  <c:v>-3.5452837117006033</c:v>
                </c:pt>
                <c:pt idx="699">
                  <c:v>-3.5418557186585882</c:v>
                </c:pt>
                <c:pt idx="700">
                  <c:v>-3.5463969040661216</c:v>
                </c:pt>
                <c:pt idx="701">
                  <c:v>-3.547648645870384</c:v>
                </c:pt>
                <c:pt idx="702">
                  <c:v>-3.5505070369975789</c:v>
                </c:pt>
                <c:pt idx="703">
                  <c:v>-3.5511492109207388</c:v>
                </c:pt>
                <c:pt idx="704">
                  <c:v>-3.5528978685049215</c:v>
                </c:pt>
                <c:pt idx="705">
                  <c:v>-3.5550485119273754</c:v>
                </c:pt>
                <c:pt idx="706">
                  <c:v>-3.5559775307682631</c:v>
                </c:pt>
                <c:pt idx="707">
                  <c:v>-3.5579127567688089</c:v>
                </c:pt>
                <c:pt idx="708">
                  <c:v>-3.5608494163915507</c:v>
                </c:pt>
                <c:pt idx="709">
                  <c:v>-3.5605498318775153</c:v>
                </c:pt>
                <c:pt idx="710">
                  <c:v>-3.564143708542034</c:v>
                </c:pt>
                <c:pt idx="711">
                  <c:v>-3.5647519035646327</c:v>
                </c:pt>
                <c:pt idx="712">
                  <c:v>-3.5650740712275173</c:v>
                </c:pt>
                <c:pt idx="713">
                  <c:v>-3.5663257945269509</c:v>
                </c:pt>
                <c:pt idx="714">
                  <c:v>-3.5657288574424606</c:v>
                </c:pt>
                <c:pt idx="715">
                  <c:v>-3.5643624216026599</c:v>
                </c:pt>
                <c:pt idx="716">
                  <c:v>-3.5654450885719395</c:v>
                </c:pt>
                <c:pt idx="717">
                  <c:v>-3.5654737640893379</c:v>
                </c:pt>
                <c:pt idx="718">
                  <c:v>-3.5669035145982391</c:v>
                </c:pt>
                <c:pt idx="719">
                  <c:v>-3.5694040161125611</c:v>
                </c:pt>
                <c:pt idx="720">
                  <c:v>-3.5716407622596678</c:v>
                </c:pt>
                <c:pt idx="721">
                  <c:v>-3.5772954432900441</c:v>
                </c:pt>
                <c:pt idx="722">
                  <c:v>-3.5778364691102618</c:v>
                </c:pt>
                <c:pt idx="723">
                  <c:v>-3.5784355518905828</c:v>
                </c:pt>
                <c:pt idx="724">
                  <c:v>-3.5807159010523208</c:v>
                </c:pt>
                <c:pt idx="725">
                  <c:v>-3.5767377079369265</c:v>
                </c:pt>
                <c:pt idx="726">
                  <c:v>-3.576305818579534</c:v>
                </c:pt>
                <c:pt idx="727">
                  <c:v>-3.57611695779396</c:v>
                </c:pt>
                <c:pt idx="728">
                  <c:v>-3.5804872043271154</c:v>
                </c:pt>
                <c:pt idx="729">
                  <c:v>-3.5852113542836732</c:v>
                </c:pt>
                <c:pt idx="730">
                  <c:v>-3.5900059869142584</c:v>
                </c:pt>
                <c:pt idx="731">
                  <c:v>-3.595105089932281</c:v>
                </c:pt>
                <c:pt idx="732">
                  <c:v>-3.597565384345792</c:v>
                </c:pt>
                <c:pt idx="733">
                  <c:v>-3.5988294093402624</c:v>
                </c:pt>
                <c:pt idx="734">
                  <c:v>-3.5985308158550615</c:v>
                </c:pt>
                <c:pt idx="735">
                  <c:v>-3.5928012781481526</c:v>
                </c:pt>
                <c:pt idx="736">
                  <c:v>-3.5948850338232772</c:v>
                </c:pt>
                <c:pt idx="737">
                  <c:v>-3.5981234167210476</c:v>
                </c:pt>
                <c:pt idx="738">
                  <c:v>-3.5988609572830348</c:v>
                </c:pt>
                <c:pt idx="739">
                  <c:v>-3.6007864556911962</c:v>
                </c:pt>
                <c:pt idx="740">
                  <c:v>-3.607129474139231</c:v>
                </c:pt>
                <c:pt idx="741">
                  <c:v>-3.6097988800816778</c:v>
                </c:pt>
                <c:pt idx="742">
                  <c:v>-3.6117810397428975</c:v>
                </c:pt>
                <c:pt idx="743">
                  <c:v>-3.6139156836378166</c:v>
                </c:pt>
                <c:pt idx="744">
                  <c:v>-3.6149520547394003</c:v>
                </c:pt>
                <c:pt idx="745">
                  <c:v>-3.6170130795105457</c:v>
                </c:pt>
                <c:pt idx="746">
                  <c:v>-3.6171796968512537</c:v>
                </c:pt>
                <c:pt idx="747">
                  <c:v>-3.618495948491891</c:v>
                </c:pt>
                <c:pt idx="748">
                  <c:v>-3.620438602246598</c:v>
                </c:pt>
                <c:pt idx="749">
                  <c:v>-3.6218770449106805</c:v>
                </c:pt>
                <c:pt idx="750">
                  <c:v>-3.6217885613329845</c:v>
                </c:pt>
                <c:pt idx="751">
                  <c:v>-3.6232770287131197</c:v>
                </c:pt>
                <c:pt idx="752">
                  <c:v>-3.6244789477902852</c:v>
                </c:pt>
                <c:pt idx="753">
                  <c:v>-3.6233407275681637</c:v>
                </c:pt>
                <c:pt idx="754">
                  <c:v>-3.6302777380195943</c:v>
                </c:pt>
                <c:pt idx="755">
                  <c:v>-3.628839118039604</c:v>
                </c:pt>
                <c:pt idx="756">
                  <c:v>-3.6282163331123178</c:v>
                </c:pt>
                <c:pt idx="757">
                  <c:v>-3.6307849037035114</c:v>
                </c:pt>
                <c:pt idx="758">
                  <c:v>-3.6326551436884187</c:v>
                </c:pt>
                <c:pt idx="759">
                  <c:v>-3.6330398270492008</c:v>
                </c:pt>
                <c:pt idx="760">
                  <c:v>-3.6330952913046874</c:v>
                </c:pt>
                <c:pt idx="761">
                  <c:v>-3.6309846872619258</c:v>
                </c:pt>
                <c:pt idx="762">
                  <c:v>-3.6333000530211725</c:v>
                </c:pt>
                <c:pt idx="763">
                  <c:v>-3.6326410860371698</c:v>
                </c:pt>
                <c:pt idx="764">
                  <c:v>-3.6293369735039396</c:v>
                </c:pt>
                <c:pt idx="765">
                  <c:v>-3.6322151669300151</c:v>
                </c:pt>
                <c:pt idx="766">
                  <c:v>-3.6315177156034557</c:v>
                </c:pt>
                <c:pt idx="767">
                  <c:v>-3.6413890250442509</c:v>
                </c:pt>
                <c:pt idx="768">
                  <c:v>-3.6479734989067421</c:v>
                </c:pt>
                <c:pt idx="769">
                  <c:v>-3.6446006832294398</c:v>
                </c:pt>
                <c:pt idx="770">
                  <c:v>-3.643450364782777</c:v>
                </c:pt>
                <c:pt idx="771">
                  <c:v>-3.6458669438665461</c:v>
                </c:pt>
                <c:pt idx="772">
                  <c:v>-3.6453097082893899</c:v>
                </c:pt>
                <c:pt idx="773">
                  <c:v>-3.6444465881810162</c:v>
                </c:pt>
                <c:pt idx="774">
                  <c:v>-3.6468128974612606</c:v>
                </c:pt>
                <c:pt idx="775">
                  <c:v>-3.6483880095829746</c:v>
                </c:pt>
                <c:pt idx="776">
                  <c:v>-3.6514675943582691</c:v>
                </c:pt>
                <c:pt idx="777">
                  <c:v>-3.6544240160984724</c:v>
                </c:pt>
                <c:pt idx="778">
                  <c:v>-3.6559631977009017</c:v>
                </c:pt>
                <c:pt idx="779">
                  <c:v>-3.658155482319577</c:v>
                </c:pt>
                <c:pt idx="780">
                  <c:v>-3.6579032730561027</c:v>
                </c:pt>
                <c:pt idx="781">
                  <c:v>-3.6582682597361211</c:v>
                </c:pt>
                <c:pt idx="782">
                  <c:v>-3.6570860236446245</c:v>
                </c:pt>
                <c:pt idx="783">
                  <c:v>-3.6568710618606581</c:v>
                </c:pt>
                <c:pt idx="784">
                  <c:v>-3.6573246267834292</c:v>
                </c:pt>
                <c:pt idx="785">
                  <c:v>-3.6607771003192848</c:v>
                </c:pt>
                <c:pt idx="786">
                  <c:v>-3.6607936303169004</c:v>
                </c:pt>
                <c:pt idx="787">
                  <c:v>-3.6634026025588691</c:v>
                </c:pt>
                <c:pt idx="788">
                  <c:v>-3.6648323987074947</c:v>
                </c:pt>
                <c:pt idx="789">
                  <c:v>-3.6666036692226913</c:v>
                </c:pt>
                <c:pt idx="790">
                  <c:v>-3.6685874834765224</c:v>
                </c:pt>
                <c:pt idx="791">
                  <c:v>-3.6710442180162093</c:v>
                </c:pt>
                <c:pt idx="792">
                  <c:v>-3.6701472159919226</c:v>
                </c:pt>
                <c:pt idx="793">
                  <c:v>-3.6741494124087768</c:v>
                </c:pt>
                <c:pt idx="794">
                  <c:v>-3.6746804099830408</c:v>
                </c:pt>
                <c:pt idx="795">
                  <c:v>-3.6787395232874993</c:v>
                </c:pt>
                <c:pt idx="796">
                  <c:v>-3.682114469913496</c:v>
                </c:pt>
                <c:pt idx="797">
                  <c:v>-3.682073310021591</c:v>
                </c:pt>
                <c:pt idx="798">
                  <c:v>-3.6834510643016452</c:v>
                </c:pt>
                <c:pt idx="799">
                  <c:v>-3.6843139612563185</c:v>
                </c:pt>
                <c:pt idx="800">
                  <c:v>-3.6875744788749638</c:v>
                </c:pt>
                <c:pt idx="801">
                  <c:v>-3.6860410023689605</c:v>
                </c:pt>
                <c:pt idx="802">
                  <c:v>-3.6874181269705999</c:v>
                </c:pt>
                <c:pt idx="803">
                  <c:v>-3.6889803261655119</c:v>
                </c:pt>
                <c:pt idx="804">
                  <c:v>-3.6894717116726339</c:v>
                </c:pt>
                <c:pt idx="805">
                  <c:v>-3.6951370008988293</c:v>
                </c:pt>
                <c:pt idx="806">
                  <c:v>-3.6976569676803384</c:v>
                </c:pt>
                <c:pt idx="807">
                  <c:v>-3.6991484476171084</c:v>
                </c:pt>
                <c:pt idx="808">
                  <c:v>-3.7022876826871745</c:v>
                </c:pt>
                <c:pt idx="809">
                  <c:v>-3.7033101518024973</c:v>
                </c:pt>
                <c:pt idx="810">
                  <c:v>-3.7031965421605757</c:v>
                </c:pt>
                <c:pt idx="811">
                  <c:v>-3.7002617408043013</c:v>
                </c:pt>
                <c:pt idx="812">
                  <c:v>-3.699389004878181</c:v>
                </c:pt>
                <c:pt idx="813">
                  <c:v>-3.6989298509686597</c:v>
                </c:pt>
                <c:pt idx="814">
                  <c:v>-3.6994452001353695</c:v>
                </c:pt>
                <c:pt idx="815">
                  <c:v>-3.7000198228578061</c:v>
                </c:pt>
                <c:pt idx="816">
                  <c:v>-3.7029303044521837</c:v>
                </c:pt>
                <c:pt idx="817">
                  <c:v>-3.7046227511121854</c:v>
                </c:pt>
                <c:pt idx="818">
                  <c:v>-3.7047553432715032</c:v>
                </c:pt>
                <c:pt idx="819">
                  <c:v>-3.7070622037608709</c:v>
                </c:pt>
                <c:pt idx="820">
                  <c:v>-3.7082222578692856</c:v>
                </c:pt>
                <c:pt idx="821">
                  <c:v>-3.7117719785532288</c:v>
                </c:pt>
                <c:pt idx="822">
                  <c:v>-3.7114125271527225</c:v>
                </c:pt>
                <c:pt idx="823">
                  <c:v>-3.712475537823976</c:v>
                </c:pt>
                <c:pt idx="824">
                  <c:v>-3.7123523868101844</c:v>
                </c:pt>
                <c:pt idx="825">
                  <c:v>-3.7123657712338236</c:v>
                </c:pt>
                <c:pt idx="826">
                  <c:v>-3.7139464036116725</c:v>
                </c:pt>
                <c:pt idx="827">
                  <c:v>-3.7155797266472321</c:v>
                </c:pt>
                <c:pt idx="828">
                  <c:v>-3.7173230040612948</c:v>
                </c:pt>
                <c:pt idx="829">
                  <c:v>-3.7215722989217603</c:v>
                </c:pt>
                <c:pt idx="830">
                  <c:v>-3.7231061454936532</c:v>
                </c:pt>
                <c:pt idx="831">
                  <c:v>-3.7225341463017374</c:v>
                </c:pt>
                <c:pt idx="832">
                  <c:v>-3.7241489103507264</c:v>
                </c:pt>
                <c:pt idx="833">
                  <c:v>-3.7267098896236246</c:v>
                </c:pt>
                <c:pt idx="834">
                  <c:v>-3.7266931810444315</c:v>
                </c:pt>
                <c:pt idx="835">
                  <c:v>-3.7286177761982744</c:v>
                </c:pt>
                <c:pt idx="836">
                  <c:v>-3.7306532756899515</c:v>
                </c:pt>
                <c:pt idx="837">
                  <c:v>-3.7308247731798323</c:v>
                </c:pt>
                <c:pt idx="838">
                  <c:v>-3.7355492143450277</c:v>
                </c:pt>
                <c:pt idx="839">
                  <c:v>-3.7356667430567163</c:v>
                </c:pt>
                <c:pt idx="840">
                  <c:v>-3.7389061016462732</c:v>
                </c:pt>
                <c:pt idx="841">
                  <c:v>-3.7411910508986712</c:v>
                </c:pt>
                <c:pt idx="842">
                  <c:v>-3.7444703890824571</c:v>
                </c:pt>
                <c:pt idx="843">
                  <c:v>-3.7467055262759295</c:v>
                </c:pt>
                <c:pt idx="844">
                  <c:v>-3.7470552641706156</c:v>
                </c:pt>
                <c:pt idx="845">
                  <c:v>-3.7524553053844345</c:v>
                </c:pt>
                <c:pt idx="846">
                  <c:v>-3.7492129120473145</c:v>
                </c:pt>
                <c:pt idx="847">
                  <c:v>-3.7497511174347133</c:v>
                </c:pt>
                <c:pt idx="848">
                  <c:v>-3.7516303292963729</c:v>
                </c:pt>
                <c:pt idx="849">
                  <c:v>-3.7500880279673616</c:v>
                </c:pt>
                <c:pt idx="850">
                  <c:v>-3.7513792537078361</c:v>
                </c:pt>
                <c:pt idx="851">
                  <c:v>-3.7511417770099031</c:v>
                </c:pt>
                <c:pt idx="852">
                  <c:v>-3.750832816755211</c:v>
                </c:pt>
                <c:pt idx="853">
                  <c:v>-3.7505113534582537</c:v>
                </c:pt>
                <c:pt idx="854">
                  <c:v>-3.7505327298270563</c:v>
                </c:pt>
                <c:pt idx="855">
                  <c:v>-3.7512376069269866</c:v>
                </c:pt>
                <c:pt idx="856">
                  <c:v>-3.7531250416261233</c:v>
                </c:pt>
                <c:pt idx="857">
                  <c:v>-3.755222705833368</c:v>
                </c:pt>
                <c:pt idx="858">
                  <c:v>-3.7555073625800532</c:v>
                </c:pt>
                <c:pt idx="859">
                  <c:v>-3.7535238013113941</c:v>
                </c:pt>
                <c:pt idx="860">
                  <c:v>-3.7557519296717143</c:v>
                </c:pt>
                <c:pt idx="861">
                  <c:v>-3.755504403790308</c:v>
                </c:pt>
                <c:pt idx="862">
                  <c:v>-3.75661601159806</c:v>
                </c:pt>
                <c:pt idx="863">
                  <c:v>-3.7574237756610174</c:v>
                </c:pt>
                <c:pt idx="864">
                  <c:v>-3.7581366353380155</c:v>
                </c:pt>
                <c:pt idx="865">
                  <c:v>-3.7614413482771427</c:v>
                </c:pt>
                <c:pt idx="866">
                  <c:v>-3.7643443506496959</c:v>
                </c:pt>
                <c:pt idx="867">
                  <c:v>-3.766748783274497</c:v>
                </c:pt>
                <c:pt idx="868">
                  <c:v>-3.7673353079541214</c:v>
                </c:pt>
                <c:pt idx="869">
                  <c:v>-3.7680923691053954</c:v>
                </c:pt>
                <c:pt idx="870">
                  <c:v>-3.7689733278752784</c:v>
                </c:pt>
                <c:pt idx="871">
                  <c:v>-3.7690441838571194</c:v>
                </c:pt>
                <c:pt idx="872">
                  <c:v>-3.7708207439174561</c:v>
                </c:pt>
                <c:pt idx="873">
                  <c:v>-3.7726104834364387</c:v>
                </c:pt>
                <c:pt idx="874">
                  <c:v>-3.772610982893827</c:v>
                </c:pt>
                <c:pt idx="875">
                  <c:v>-3.7746287387822446</c:v>
                </c:pt>
                <c:pt idx="876">
                  <c:v>-3.7745246698288688</c:v>
                </c:pt>
                <c:pt idx="877">
                  <c:v>-3.7758182558043005</c:v>
                </c:pt>
                <c:pt idx="878">
                  <c:v>-3.7797582768983871</c:v>
                </c:pt>
                <c:pt idx="879">
                  <c:v>-3.7840329396804147</c:v>
                </c:pt>
                <c:pt idx="880">
                  <c:v>-3.7845687456405948</c:v>
                </c:pt>
                <c:pt idx="881">
                  <c:v>-3.7845726752931927</c:v>
                </c:pt>
                <c:pt idx="882">
                  <c:v>-3.7836655619493267</c:v>
                </c:pt>
                <c:pt idx="883">
                  <c:v>-3.7806925424716118</c:v>
                </c:pt>
                <c:pt idx="884">
                  <c:v>-3.7844430734866523</c:v>
                </c:pt>
                <c:pt idx="885">
                  <c:v>-3.7860759519348157</c:v>
                </c:pt>
                <c:pt idx="886">
                  <c:v>-3.7843581945298248</c:v>
                </c:pt>
                <c:pt idx="887">
                  <c:v>-3.7890981032777207</c:v>
                </c:pt>
                <c:pt idx="888">
                  <c:v>-3.7855599987810344</c:v>
                </c:pt>
                <c:pt idx="889">
                  <c:v>-3.7921703130129711</c:v>
                </c:pt>
                <c:pt idx="890">
                  <c:v>-3.7937407593894834</c:v>
                </c:pt>
                <c:pt idx="891">
                  <c:v>-3.7858513097030184</c:v>
                </c:pt>
                <c:pt idx="892">
                  <c:v>-3.7841566850304096</c:v>
                </c:pt>
                <c:pt idx="893">
                  <c:v>-3.7867394472698557</c:v>
                </c:pt>
                <c:pt idx="894">
                  <c:v>-3.787872958220976</c:v>
                </c:pt>
                <c:pt idx="895">
                  <c:v>-3.7897869710446868</c:v>
                </c:pt>
                <c:pt idx="896">
                  <c:v>-3.7923381140607026</c:v>
                </c:pt>
                <c:pt idx="897">
                  <c:v>-3.7958210937085433</c:v>
                </c:pt>
                <c:pt idx="898">
                  <c:v>-3.798076168431014</c:v>
                </c:pt>
                <c:pt idx="899">
                  <c:v>-3.799871986740563</c:v>
                </c:pt>
                <c:pt idx="900">
                  <c:v>-3.801549208361434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18E0-454B-95A5-FF2BA77B579B}"/>
            </c:ext>
          </c:extLst>
        </c:ser>
        <c:ser>
          <c:idx val="1"/>
          <c:order val="1"/>
          <c:tx>
            <c:strRef>
              <c:f>重心!$D$1</c:f>
              <c:strCache>
                <c:ptCount val="1"/>
                <c:pt idx="0">
                  <c:v>実x座標 [cm]</c:v>
                </c:pt>
              </c:strCache>
            </c:strRef>
          </c:tx>
          <c:spPr>
            <a:ln w="381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重心!$A$2:$A$902</c:f>
              <c:numCache>
                <c:formatCode>General</c:formatCode>
                <c:ptCount val="901"/>
                <c:pt idx="0">
                  <c:v>0</c:v>
                </c:pt>
                <c:pt idx="1">
                  <c:v>3.3333333333333333E-2</c:v>
                </c:pt>
                <c:pt idx="2">
                  <c:v>6.6666666666666666E-2</c:v>
                </c:pt>
                <c:pt idx="3">
                  <c:v>0.1</c:v>
                </c:pt>
                <c:pt idx="4">
                  <c:v>0.13333333333333333</c:v>
                </c:pt>
                <c:pt idx="5">
                  <c:v>0.16666666666666666</c:v>
                </c:pt>
                <c:pt idx="6">
                  <c:v>0.2</c:v>
                </c:pt>
                <c:pt idx="7">
                  <c:v>0.23333333333333334</c:v>
                </c:pt>
                <c:pt idx="8">
                  <c:v>0.26666666666666666</c:v>
                </c:pt>
                <c:pt idx="9">
                  <c:v>0.3</c:v>
                </c:pt>
                <c:pt idx="10">
                  <c:v>0.33333333333333331</c:v>
                </c:pt>
                <c:pt idx="11">
                  <c:v>0.36666666666666664</c:v>
                </c:pt>
                <c:pt idx="12">
                  <c:v>0.4</c:v>
                </c:pt>
                <c:pt idx="13">
                  <c:v>0.43333333333333335</c:v>
                </c:pt>
                <c:pt idx="14">
                  <c:v>0.46666666666666667</c:v>
                </c:pt>
                <c:pt idx="15">
                  <c:v>0.5</c:v>
                </c:pt>
                <c:pt idx="16">
                  <c:v>0.53333333333333333</c:v>
                </c:pt>
                <c:pt idx="17">
                  <c:v>0.56666666666666665</c:v>
                </c:pt>
                <c:pt idx="18">
                  <c:v>0.6</c:v>
                </c:pt>
                <c:pt idx="19">
                  <c:v>0.6333333333333333</c:v>
                </c:pt>
                <c:pt idx="20">
                  <c:v>0.66666666666666663</c:v>
                </c:pt>
                <c:pt idx="21">
                  <c:v>0.7</c:v>
                </c:pt>
                <c:pt idx="22">
                  <c:v>0.73333333333333328</c:v>
                </c:pt>
                <c:pt idx="23">
                  <c:v>0.76666666666666672</c:v>
                </c:pt>
                <c:pt idx="24">
                  <c:v>0.8</c:v>
                </c:pt>
                <c:pt idx="25">
                  <c:v>0.83333333333333337</c:v>
                </c:pt>
                <c:pt idx="26">
                  <c:v>0.8666666666666667</c:v>
                </c:pt>
                <c:pt idx="27">
                  <c:v>0.9</c:v>
                </c:pt>
                <c:pt idx="28">
                  <c:v>0.93333333333333335</c:v>
                </c:pt>
                <c:pt idx="29">
                  <c:v>0.96666666666666667</c:v>
                </c:pt>
                <c:pt idx="30">
                  <c:v>1</c:v>
                </c:pt>
                <c:pt idx="31">
                  <c:v>1.0333333333333334</c:v>
                </c:pt>
                <c:pt idx="32">
                  <c:v>1.0666666666666667</c:v>
                </c:pt>
                <c:pt idx="33">
                  <c:v>1.1000000000000001</c:v>
                </c:pt>
                <c:pt idx="34">
                  <c:v>1.1333333333333333</c:v>
                </c:pt>
                <c:pt idx="35">
                  <c:v>1.1666666666666667</c:v>
                </c:pt>
                <c:pt idx="36">
                  <c:v>1.2</c:v>
                </c:pt>
                <c:pt idx="37">
                  <c:v>1.2333333333333334</c:v>
                </c:pt>
                <c:pt idx="38">
                  <c:v>1.2666666666666666</c:v>
                </c:pt>
                <c:pt idx="39">
                  <c:v>1.3</c:v>
                </c:pt>
                <c:pt idx="40">
                  <c:v>1.3333333333333333</c:v>
                </c:pt>
                <c:pt idx="41">
                  <c:v>1.3666666666666667</c:v>
                </c:pt>
                <c:pt idx="42">
                  <c:v>1.4</c:v>
                </c:pt>
                <c:pt idx="43">
                  <c:v>1.4333333333333333</c:v>
                </c:pt>
                <c:pt idx="44">
                  <c:v>1.4666666666666666</c:v>
                </c:pt>
                <c:pt idx="45">
                  <c:v>1.5</c:v>
                </c:pt>
                <c:pt idx="46">
                  <c:v>1.5333333333333334</c:v>
                </c:pt>
                <c:pt idx="47">
                  <c:v>1.5666666666666667</c:v>
                </c:pt>
                <c:pt idx="48">
                  <c:v>1.6</c:v>
                </c:pt>
                <c:pt idx="49">
                  <c:v>1.6333333333333333</c:v>
                </c:pt>
                <c:pt idx="50">
                  <c:v>1.6666666666666667</c:v>
                </c:pt>
                <c:pt idx="51">
                  <c:v>1.7</c:v>
                </c:pt>
                <c:pt idx="52">
                  <c:v>1.7333333333333334</c:v>
                </c:pt>
                <c:pt idx="53">
                  <c:v>1.7666666666666666</c:v>
                </c:pt>
                <c:pt idx="54">
                  <c:v>1.8</c:v>
                </c:pt>
                <c:pt idx="55">
                  <c:v>1.8333333333333333</c:v>
                </c:pt>
                <c:pt idx="56">
                  <c:v>1.8666666666666667</c:v>
                </c:pt>
                <c:pt idx="57">
                  <c:v>1.9</c:v>
                </c:pt>
                <c:pt idx="58">
                  <c:v>1.9333333333333333</c:v>
                </c:pt>
                <c:pt idx="59">
                  <c:v>1.9666666666666666</c:v>
                </c:pt>
                <c:pt idx="60">
                  <c:v>2</c:v>
                </c:pt>
                <c:pt idx="61">
                  <c:v>2.0333333333333332</c:v>
                </c:pt>
                <c:pt idx="62">
                  <c:v>2.0666666666666669</c:v>
                </c:pt>
                <c:pt idx="63">
                  <c:v>2.1</c:v>
                </c:pt>
                <c:pt idx="64">
                  <c:v>2.1333333333333333</c:v>
                </c:pt>
                <c:pt idx="65">
                  <c:v>2.1666666666666665</c:v>
                </c:pt>
                <c:pt idx="66">
                  <c:v>2.2000000000000002</c:v>
                </c:pt>
                <c:pt idx="67">
                  <c:v>2.2333333333333334</c:v>
                </c:pt>
                <c:pt idx="68">
                  <c:v>2.2666666666666666</c:v>
                </c:pt>
                <c:pt idx="69">
                  <c:v>2.2999999999999998</c:v>
                </c:pt>
                <c:pt idx="70">
                  <c:v>2.3333333333333335</c:v>
                </c:pt>
                <c:pt idx="71">
                  <c:v>2.3666666666666667</c:v>
                </c:pt>
                <c:pt idx="72">
                  <c:v>2.4</c:v>
                </c:pt>
                <c:pt idx="73">
                  <c:v>2.4333333333333331</c:v>
                </c:pt>
                <c:pt idx="74">
                  <c:v>2.4666666666666668</c:v>
                </c:pt>
                <c:pt idx="75">
                  <c:v>2.5</c:v>
                </c:pt>
                <c:pt idx="76">
                  <c:v>2.5333333333333332</c:v>
                </c:pt>
                <c:pt idx="77">
                  <c:v>2.5666666666666669</c:v>
                </c:pt>
                <c:pt idx="78">
                  <c:v>2.6</c:v>
                </c:pt>
                <c:pt idx="79">
                  <c:v>2.6333333333333333</c:v>
                </c:pt>
                <c:pt idx="80">
                  <c:v>2.6666666666666665</c:v>
                </c:pt>
                <c:pt idx="81">
                  <c:v>2.7</c:v>
                </c:pt>
                <c:pt idx="82">
                  <c:v>2.7333333333333334</c:v>
                </c:pt>
                <c:pt idx="83">
                  <c:v>2.7666666666666666</c:v>
                </c:pt>
                <c:pt idx="84">
                  <c:v>2.8</c:v>
                </c:pt>
                <c:pt idx="85">
                  <c:v>2.8333333333333335</c:v>
                </c:pt>
                <c:pt idx="86">
                  <c:v>2.8666666666666667</c:v>
                </c:pt>
                <c:pt idx="87">
                  <c:v>2.9</c:v>
                </c:pt>
                <c:pt idx="88">
                  <c:v>2.9333333333333331</c:v>
                </c:pt>
                <c:pt idx="89">
                  <c:v>2.9666666666666668</c:v>
                </c:pt>
                <c:pt idx="90">
                  <c:v>3</c:v>
                </c:pt>
                <c:pt idx="91">
                  <c:v>3.0333333333333332</c:v>
                </c:pt>
                <c:pt idx="92">
                  <c:v>3.0666666666666669</c:v>
                </c:pt>
                <c:pt idx="93">
                  <c:v>3.1</c:v>
                </c:pt>
                <c:pt idx="94">
                  <c:v>3.1333333333333333</c:v>
                </c:pt>
                <c:pt idx="95">
                  <c:v>3.1666666666666665</c:v>
                </c:pt>
                <c:pt idx="96">
                  <c:v>3.2</c:v>
                </c:pt>
                <c:pt idx="97">
                  <c:v>3.2333333333333334</c:v>
                </c:pt>
                <c:pt idx="98">
                  <c:v>3.2666666666666666</c:v>
                </c:pt>
                <c:pt idx="99">
                  <c:v>3.3</c:v>
                </c:pt>
                <c:pt idx="100">
                  <c:v>3.3333333333333335</c:v>
                </c:pt>
                <c:pt idx="101">
                  <c:v>3.3666666666666667</c:v>
                </c:pt>
                <c:pt idx="102">
                  <c:v>3.4</c:v>
                </c:pt>
                <c:pt idx="103">
                  <c:v>3.4333333333333331</c:v>
                </c:pt>
                <c:pt idx="104">
                  <c:v>3.4666666666666668</c:v>
                </c:pt>
                <c:pt idx="105">
                  <c:v>3.5</c:v>
                </c:pt>
                <c:pt idx="106">
                  <c:v>3.5333333333333332</c:v>
                </c:pt>
                <c:pt idx="107">
                  <c:v>3.5666666666666669</c:v>
                </c:pt>
                <c:pt idx="108">
                  <c:v>3.6</c:v>
                </c:pt>
                <c:pt idx="109">
                  <c:v>3.6333333333333333</c:v>
                </c:pt>
                <c:pt idx="110">
                  <c:v>3.6666666666666665</c:v>
                </c:pt>
                <c:pt idx="111">
                  <c:v>3.7</c:v>
                </c:pt>
                <c:pt idx="112">
                  <c:v>3.7333333333333334</c:v>
                </c:pt>
                <c:pt idx="113">
                  <c:v>3.7666666666666666</c:v>
                </c:pt>
                <c:pt idx="114">
                  <c:v>3.8</c:v>
                </c:pt>
                <c:pt idx="115">
                  <c:v>3.8333333333333335</c:v>
                </c:pt>
                <c:pt idx="116">
                  <c:v>3.8666666666666667</c:v>
                </c:pt>
                <c:pt idx="117">
                  <c:v>3.9</c:v>
                </c:pt>
                <c:pt idx="118">
                  <c:v>3.9333333333333331</c:v>
                </c:pt>
                <c:pt idx="119">
                  <c:v>3.9666666666666668</c:v>
                </c:pt>
                <c:pt idx="120">
                  <c:v>4</c:v>
                </c:pt>
                <c:pt idx="121">
                  <c:v>4.0333333333333332</c:v>
                </c:pt>
                <c:pt idx="122">
                  <c:v>4.0666666666666664</c:v>
                </c:pt>
                <c:pt idx="123">
                  <c:v>4.0999999999999996</c:v>
                </c:pt>
                <c:pt idx="124">
                  <c:v>4.1333333333333337</c:v>
                </c:pt>
                <c:pt idx="125">
                  <c:v>4.166666666666667</c:v>
                </c:pt>
                <c:pt idx="126">
                  <c:v>4.2</c:v>
                </c:pt>
                <c:pt idx="127">
                  <c:v>4.2333333333333334</c:v>
                </c:pt>
                <c:pt idx="128">
                  <c:v>4.2666666666666666</c:v>
                </c:pt>
                <c:pt idx="129">
                  <c:v>4.3</c:v>
                </c:pt>
                <c:pt idx="130">
                  <c:v>4.333333333333333</c:v>
                </c:pt>
                <c:pt idx="131">
                  <c:v>4.3666666666666663</c:v>
                </c:pt>
                <c:pt idx="132">
                  <c:v>4.4000000000000004</c:v>
                </c:pt>
                <c:pt idx="133">
                  <c:v>4.4333333333333336</c:v>
                </c:pt>
                <c:pt idx="134">
                  <c:v>4.4666666666666668</c:v>
                </c:pt>
                <c:pt idx="135">
                  <c:v>4.5</c:v>
                </c:pt>
                <c:pt idx="136">
                  <c:v>4.5333333333333332</c:v>
                </c:pt>
                <c:pt idx="137">
                  <c:v>4.5666666666666664</c:v>
                </c:pt>
                <c:pt idx="138">
                  <c:v>4.5999999999999996</c:v>
                </c:pt>
                <c:pt idx="139">
                  <c:v>4.6333333333333337</c:v>
                </c:pt>
                <c:pt idx="140">
                  <c:v>4.666666666666667</c:v>
                </c:pt>
                <c:pt idx="141">
                  <c:v>4.7</c:v>
                </c:pt>
                <c:pt idx="142">
                  <c:v>4.7333333333333334</c:v>
                </c:pt>
                <c:pt idx="143">
                  <c:v>4.7666666666666666</c:v>
                </c:pt>
                <c:pt idx="144">
                  <c:v>4.8</c:v>
                </c:pt>
                <c:pt idx="145">
                  <c:v>4.833333333333333</c:v>
                </c:pt>
                <c:pt idx="146">
                  <c:v>4.8666666666666663</c:v>
                </c:pt>
                <c:pt idx="147">
                  <c:v>4.9000000000000004</c:v>
                </c:pt>
                <c:pt idx="148">
                  <c:v>4.9333333333333336</c:v>
                </c:pt>
                <c:pt idx="149">
                  <c:v>4.9666666666666668</c:v>
                </c:pt>
                <c:pt idx="150">
                  <c:v>5</c:v>
                </c:pt>
                <c:pt idx="151">
                  <c:v>5.0333333333333332</c:v>
                </c:pt>
                <c:pt idx="152">
                  <c:v>5.0666666666666664</c:v>
                </c:pt>
                <c:pt idx="153">
                  <c:v>5.0999999999999996</c:v>
                </c:pt>
                <c:pt idx="154">
                  <c:v>5.1333333333333337</c:v>
                </c:pt>
                <c:pt idx="155">
                  <c:v>5.166666666666667</c:v>
                </c:pt>
                <c:pt idx="156">
                  <c:v>5.2</c:v>
                </c:pt>
                <c:pt idx="157">
                  <c:v>5.2333333333333334</c:v>
                </c:pt>
                <c:pt idx="158">
                  <c:v>5.2666666666666666</c:v>
                </c:pt>
                <c:pt idx="159">
                  <c:v>5.3</c:v>
                </c:pt>
                <c:pt idx="160">
                  <c:v>5.333333333333333</c:v>
                </c:pt>
                <c:pt idx="161">
                  <c:v>5.3666666666666663</c:v>
                </c:pt>
                <c:pt idx="162">
                  <c:v>5.4</c:v>
                </c:pt>
                <c:pt idx="163">
                  <c:v>5.4333333333333336</c:v>
                </c:pt>
                <c:pt idx="164">
                  <c:v>5.4666666666666668</c:v>
                </c:pt>
                <c:pt idx="165">
                  <c:v>5.5</c:v>
                </c:pt>
                <c:pt idx="166">
                  <c:v>5.5333333333333332</c:v>
                </c:pt>
                <c:pt idx="167">
                  <c:v>5.5666666666666664</c:v>
                </c:pt>
                <c:pt idx="168">
                  <c:v>5.6</c:v>
                </c:pt>
                <c:pt idx="169">
                  <c:v>5.6333333333333337</c:v>
                </c:pt>
                <c:pt idx="170">
                  <c:v>5.666666666666667</c:v>
                </c:pt>
                <c:pt idx="171">
                  <c:v>5.7</c:v>
                </c:pt>
                <c:pt idx="172">
                  <c:v>5.7333333333333334</c:v>
                </c:pt>
                <c:pt idx="173">
                  <c:v>5.7666666666666666</c:v>
                </c:pt>
                <c:pt idx="174">
                  <c:v>5.8</c:v>
                </c:pt>
                <c:pt idx="175">
                  <c:v>5.833333333333333</c:v>
                </c:pt>
                <c:pt idx="176">
                  <c:v>5.8666666666666663</c:v>
                </c:pt>
                <c:pt idx="177">
                  <c:v>5.9</c:v>
                </c:pt>
                <c:pt idx="178">
                  <c:v>5.9333333333333336</c:v>
                </c:pt>
                <c:pt idx="179">
                  <c:v>5.9666666666666668</c:v>
                </c:pt>
                <c:pt idx="180">
                  <c:v>6</c:v>
                </c:pt>
                <c:pt idx="181">
                  <c:v>6.0333333333333332</c:v>
                </c:pt>
                <c:pt idx="182">
                  <c:v>6.0666666666666664</c:v>
                </c:pt>
                <c:pt idx="183">
                  <c:v>6.1</c:v>
                </c:pt>
                <c:pt idx="184">
                  <c:v>6.1333333333333337</c:v>
                </c:pt>
                <c:pt idx="185">
                  <c:v>6.166666666666667</c:v>
                </c:pt>
                <c:pt idx="186">
                  <c:v>6.2</c:v>
                </c:pt>
                <c:pt idx="187">
                  <c:v>6.2333333333333334</c:v>
                </c:pt>
                <c:pt idx="188">
                  <c:v>6.2666666666666666</c:v>
                </c:pt>
                <c:pt idx="189">
                  <c:v>6.3</c:v>
                </c:pt>
                <c:pt idx="190">
                  <c:v>6.333333333333333</c:v>
                </c:pt>
                <c:pt idx="191">
                  <c:v>6.3666666666666663</c:v>
                </c:pt>
                <c:pt idx="192">
                  <c:v>6.4</c:v>
                </c:pt>
                <c:pt idx="193">
                  <c:v>6.4333333333333336</c:v>
                </c:pt>
                <c:pt idx="194">
                  <c:v>6.4666666666666668</c:v>
                </c:pt>
                <c:pt idx="195">
                  <c:v>6.5</c:v>
                </c:pt>
                <c:pt idx="196">
                  <c:v>6.5333333333333332</c:v>
                </c:pt>
                <c:pt idx="197">
                  <c:v>6.5666666666666664</c:v>
                </c:pt>
                <c:pt idx="198">
                  <c:v>6.6</c:v>
                </c:pt>
                <c:pt idx="199">
                  <c:v>6.6333333333333337</c:v>
                </c:pt>
                <c:pt idx="200">
                  <c:v>6.666666666666667</c:v>
                </c:pt>
                <c:pt idx="201">
                  <c:v>6.7</c:v>
                </c:pt>
                <c:pt idx="202">
                  <c:v>6.7333333333333334</c:v>
                </c:pt>
                <c:pt idx="203">
                  <c:v>6.7666666666666666</c:v>
                </c:pt>
                <c:pt idx="204">
                  <c:v>6.8</c:v>
                </c:pt>
                <c:pt idx="205">
                  <c:v>6.833333333333333</c:v>
                </c:pt>
                <c:pt idx="206">
                  <c:v>6.8666666666666663</c:v>
                </c:pt>
                <c:pt idx="207">
                  <c:v>6.9</c:v>
                </c:pt>
                <c:pt idx="208">
                  <c:v>6.9333333333333336</c:v>
                </c:pt>
                <c:pt idx="209">
                  <c:v>6.9666666666666668</c:v>
                </c:pt>
                <c:pt idx="210">
                  <c:v>7</c:v>
                </c:pt>
                <c:pt idx="211">
                  <c:v>7.0333333333333332</c:v>
                </c:pt>
                <c:pt idx="212">
                  <c:v>7.0666666666666664</c:v>
                </c:pt>
                <c:pt idx="213">
                  <c:v>7.1</c:v>
                </c:pt>
                <c:pt idx="214">
                  <c:v>7.1333333333333337</c:v>
                </c:pt>
                <c:pt idx="215">
                  <c:v>7.166666666666667</c:v>
                </c:pt>
                <c:pt idx="216">
                  <c:v>7.2</c:v>
                </c:pt>
                <c:pt idx="217">
                  <c:v>7.2333333333333334</c:v>
                </c:pt>
                <c:pt idx="218">
                  <c:v>7.2666666666666666</c:v>
                </c:pt>
                <c:pt idx="219">
                  <c:v>7.3</c:v>
                </c:pt>
                <c:pt idx="220">
                  <c:v>7.333333333333333</c:v>
                </c:pt>
                <c:pt idx="221">
                  <c:v>7.3666666666666663</c:v>
                </c:pt>
                <c:pt idx="222">
                  <c:v>7.4</c:v>
                </c:pt>
                <c:pt idx="223">
                  <c:v>7.4333333333333336</c:v>
                </c:pt>
                <c:pt idx="224">
                  <c:v>7.4666666666666668</c:v>
                </c:pt>
                <c:pt idx="225">
                  <c:v>7.5</c:v>
                </c:pt>
                <c:pt idx="226">
                  <c:v>7.5333333333333332</c:v>
                </c:pt>
                <c:pt idx="227">
                  <c:v>7.5666666666666664</c:v>
                </c:pt>
                <c:pt idx="228">
                  <c:v>7.6</c:v>
                </c:pt>
                <c:pt idx="229">
                  <c:v>7.6333333333333337</c:v>
                </c:pt>
                <c:pt idx="230">
                  <c:v>7.666666666666667</c:v>
                </c:pt>
                <c:pt idx="231">
                  <c:v>7.7</c:v>
                </c:pt>
                <c:pt idx="232">
                  <c:v>7.7333333333333334</c:v>
                </c:pt>
                <c:pt idx="233">
                  <c:v>7.7666666666666666</c:v>
                </c:pt>
                <c:pt idx="234">
                  <c:v>7.8</c:v>
                </c:pt>
                <c:pt idx="235">
                  <c:v>7.833333333333333</c:v>
                </c:pt>
                <c:pt idx="236">
                  <c:v>7.8666666666666663</c:v>
                </c:pt>
                <c:pt idx="237">
                  <c:v>7.9</c:v>
                </c:pt>
                <c:pt idx="238">
                  <c:v>7.9333333333333336</c:v>
                </c:pt>
                <c:pt idx="239">
                  <c:v>7.9666666666666668</c:v>
                </c:pt>
                <c:pt idx="240">
                  <c:v>8</c:v>
                </c:pt>
                <c:pt idx="241">
                  <c:v>8.0333333333333332</c:v>
                </c:pt>
                <c:pt idx="242">
                  <c:v>8.0666666666666664</c:v>
                </c:pt>
                <c:pt idx="243">
                  <c:v>8.1</c:v>
                </c:pt>
                <c:pt idx="244">
                  <c:v>8.1333333333333329</c:v>
                </c:pt>
                <c:pt idx="245">
                  <c:v>8.1666666666666661</c:v>
                </c:pt>
                <c:pt idx="246">
                  <c:v>8.1999999999999993</c:v>
                </c:pt>
                <c:pt idx="247">
                  <c:v>8.2333333333333325</c:v>
                </c:pt>
                <c:pt idx="248">
                  <c:v>8.2666666666666675</c:v>
                </c:pt>
                <c:pt idx="249">
                  <c:v>8.3000000000000007</c:v>
                </c:pt>
                <c:pt idx="250">
                  <c:v>8.3333333333333339</c:v>
                </c:pt>
                <c:pt idx="251">
                  <c:v>8.3666666666666671</c:v>
                </c:pt>
                <c:pt idx="252">
                  <c:v>8.4</c:v>
                </c:pt>
                <c:pt idx="253">
                  <c:v>8.4333333333333336</c:v>
                </c:pt>
                <c:pt idx="254">
                  <c:v>8.4666666666666668</c:v>
                </c:pt>
                <c:pt idx="255">
                  <c:v>8.5</c:v>
                </c:pt>
                <c:pt idx="256">
                  <c:v>8.5333333333333332</c:v>
                </c:pt>
                <c:pt idx="257">
                  <c:v>8.5666666666666664</c:v>
                </c:pt>
                <c:pt idx="258">
                  <c:v>8.6</c:v>
                </c:pt>
                <c:pt idx="259">
                  <c:v>8.6333333333333329</c:v>
                </c:pt>
                <c:pt idx="260">
                  <c:v>8.6666666666666661</c:v>
                </c:pt>
                <c:pt idx="261">
                  <c:v>8.6999999999999993</c:v>
                </c:pt>
                <c:pt idx="262">
                  <c:v>8.7333333333333325</c:v>
                </c:pt>
                <c:pt idx="263">
                  <c:v>8.7666666666666675</c:v>
                </c:pt>
                <c:pt idx="264">
                  <c:v>8.8000000000000007</c:v>
                </c:pt>
                <c:pt idx="265">
                  <c:v>8.8333333333333339</c:v>
                </c:pt>
                <c:pt idx="266">
                  <c:v>8.8666666666666671</c:v>
                </c:pt>
                <c:pt idx="267">
                  <c:v>8.9</c:v>
                </c:pt>
                <c:pt idx="268">
                  <c:v>8.9333333333333336</c:v>
                </c:pt>
                <c:pt idx="269">
                  <c:v>8.9666666666666668</c:v>
                </c:pt>
                <c:pt idx="270">
                  <c:v>9</c:v>
                </c:pt>
                <c:pt idx="271">
                  <c:v>9.0333333333333332</c:v>
                </c:pt>
                <c:pt idx="272">
                  <c:v>9.0666666666666664</c:v>
                </c:pt>
                <c:pt idx="273">
                  <c:v>9.1</c:v>
                </c:pt>
                <c:pt idx="274">
                  <c:v>9.1333333333333329</c:v>
                </c:pt>
                <c:pt idx="275">
                  <c:v>9.1666666666666661</c:v>
                </c:pt>
                <c:pt idx="276">
                  <c:v>9.1999999999999993</c:v>
                </c:pt>
                <c:pt idx="277">
                  <c:v>9.2333333333333325</c:v>
                </c:pt>
                <c:pt idx="278">
                  <c:v>9.2666666666666675</c:v>
                </c:pt>
                <c:pt idx="279">
                  <c:v>9.3000000000000007</c:v>
                </c:pt>
                <c:pt idx="280">
                  <c:v>9.3333333333333339</c:v>
                </c:pt>
                <c:pt idx="281">
                  <c:v>9.3666666666666671</c:v>
                </c:pt>
                <c:pt idx="282">
                  <c:v>9.4</c:v>
                </c:pt>
                <c:pt idx="283">
                  <c:v>9.4333333333333336</c:v>
                </c:pt>
                <c:pt idx="284">
                  <c:v>9.4666666666666668</c:v>
                </c:pt>
                <c:pt idx="285">
                  <c:v>9.5</c:v>
                </c:pt>
                <c:pt idx="286">
                  <c:v>9.5333333333333332</c:v>
                </c:pt>
                <c:pt idx="287">
                  <c:v>9.5666666666666664</c:v>
                </c:pt>
                <c:pt idx="288">
                  <c:v>9.6</c:v>
                </c:pt>
                <c:pt idx="289">
                  <c:v>9.6333333333333329</c:v>
                </c:pt>
                <c:pt idx="290">
                  <c:v>9.6666666666666661</c:v>
                </c:pt>
                <c:pt idx="291">
                  <c:v>9.6999999999999993</c:v>
                </c:pt>
                <c:pt idx="292">
                  <c:v>9.7333333333333325</c:v>
                </c:pt>
                <c:pt idx="293">
                  <c:v>9.7666666666666675</c:v>
                </c:pt>
                <c:pt idx="294">
                  <c:v>9.8000000000000007</c:v>
                </c:pt>
                <c:pt idx="295">
                  <c:v>9.8333333333333339</c:v>
                </c:pt>
                <c:pt idx="296">
                  <c:v>9.8666666666666671</c:v>
                </c:pt>
                <c:pt idx="297">
                  <c:v>9.9</c:v>
                </c:pt>
                <c:pt idx="298">
                  <c:v>9.9333333333333336</c:v>
                </c:pt>
                <c:pt idx="299">
                  <c:v>9.9666666666666668</c:v>
                </c:pt>
                <c:pt idx="300">
                  <c:v>10</c:v>
                </c:pt>
                <c:pt idx="301">
                  <c:v>10.033333333333333</c:v>
                </c:pt>
                <c:pt idx="302">
                  <c:v>10.066666666666666</c:v>
                </c:pt>
                <c:pt idx="303">
                  <c:v>10.1</c:v>
                </c:pt>
                <c:pt idx="304">
                  <c:v>10.133333333333333</c:v>
                </c:pt>
                <c:pt idx="305">
                  <c:v>10.166666666666666</c:v>
                </c:pt>
                <c:pt idx="306">
                  <c:v>10.199999999999999</c:v>
                </c:pt>
                <c:pt idx="307">
                  <c:v>10.233333333333333</c:v>
                </c:pt>
                <c:pt idx="308">
                  <c:v>10.266666666666667</c:v>
                </c:pt>
                <c:pt idx="309">
                  <c:v>10.3</c:v>
                </c:pt>
                <c:pt idx="310">
                  <c:v>10.333333333333334</c:v>
                </c:pt>
                <c:pt idx="311">
                  <c:v>10.366666666666667</c:v>
                </c:pt>
                <c:pt idx="312">
                  <c:v>10.4</c:v>
                </c:pt>
                <c:pt idx="313">
                  <c:v>10.433333333333334</c:v>
                </c:pt>
                <c:pt idx="314">
                  <c:v>10.466666666666667</c:v>
                </c:pt>
                <c:pt idx="315">
                  <c:v>10.5</c:v>
                </c:pt>
                <c:pt idx="316">
                  <c:v>10.533333333333333</c:v>
                </c:pt>
                <c:pt idx="317">
                  <c:v>10.566666666666666</c:v>
                </c:pt>
                <c:pt idx="318">
                  <c:v>10.6</c:v>
                </c:pt>
                <c:pt idx="319">
                  <c:v>10.633333333333333</c:v>
                </c:pt>
                <c:pt idx="320">
                  <c:v>10.666666666666666</c:v>
                </c:pt>
                <c:pt idx="321">
                  <c:v>10.7</c:v>
                </c:pt>
                <c:pt idx="322">
                  <c:v>10.733333333333333</c:v>
                </c:pt>
                <c:pt idx="323">
                  <c:v>10.766666666666667</c:v>
                </c:pt>
                <c:pt idx="324">
                  <c:v>10.8</c:v>
                </c:pt>
                <c:pt idx="325">
                  <c:v>10.833333333333334</c:v>
                </c:pt>
                <c:pt idx="326">
                  <c:v>10.866666666666667</c:v>
                </c:pt>
                <c:pt idx="327">
                  <c:v>10.9</c:v>
                </c:pt>
                <c:pt idx="328">
                  <c:v>10.933333333333334</c:v>
                </c:pt>
                <c:pt idx="329">
                  <c:v>10.966666666666667</c:v>
                </c:pt>
                <c:pt idx="330">
                  <c:v>11</c:v>
                </c:pt>
                <c:pt idx="331">
                  <c:v>11.033333333333333</c:v>
                </c:pt>
                <c:pt idx="332">
                  <c:v>11.066666666666666</c:v>
                </c:pt>
                <c:pt idx="333">
                  <c:v>11.1</c:v>
                </c:pt>
                <c:pt idx="334">
                  <c:v>11.133333333333333</c:v>
                </c:pt>
                <c:pt idx="335">
                  <c:v>11.166666666666666</c:v>
                </c:pt>
                <c:pt idx="336">
                  <c:v>11.2</c:v>
                </c:pt>
                <c:pt idx="337">
                  <c:v>11.233333333333333</c:v>
                </c:pt>
                <c:pt idx="338">
                  <c:v>11.266666666666667</c:v>
                </c:pt>
                <c:pt idx="339">
                  <c:v>11.3</c:v>
                </c:pt>
                <c:pt idx="340">
                  <c:v>11.333333333333334</c:v>
                </c:pt>
                <c:pt idx="341">
                  <c:v>11.366666666666667</c:v>
                </c:pt>
                <c:pt idx="342">
                  <c:v>11.4</c:v>
                </c:pt>
                <c:pt idx="343">
                  <c:v>11.433333333333334</c:v>
                </c:pt>
                <c:pt idx="344">
                  <c:v>11.466666666666667</c:v>
                </c:pt>
                <c:pt idx="345">
                  <c:v>11.5</c:v>
                </c:pt>
                <c:pt idx="346">
                  <c:v>11.533333333333333</c:v>
                </c:pt>
                <c:pt idx="347">
                  <c:v>11.566666666666666</c:v>
                </c:pt>
                <c:pt idx="348">
                  <c:v>11.6</c:v>
                </c:pt>
                <c:pt idx="349">
                  <c:v>11.633333333333333</c:v>
                </c:pt>
                <c:pt idx="350">
                  <c:v>11.666666666666666</c:v>
                </c:pt>
                <c:pt idx="351">
                  <c:v>11.7</c:v>
                </c:pt>
                <c:pt idx="352">
                  <c:v>11.733333333333333</c:v>
                </c:pt>
                <c:pt idx="353">
                  <c:v>11.766666666666667</c:v>
                </c:pt>
                <c:pt idx="354">
                  <c:v>11.8</c:v>
                </c:pt>
                <c:pt idx="355">
                  <c:v>11.833333333333334</c:v>
                </c:pt>
                <c:pt idx="356">
                  <c:v>11.866666666666667</c:v>
                </c:pt>
                <c:pt idx="357">
                  <c:v>11.9</c:v>
                </c:pt>
                <c:pt idx="358">
                  <c:v>11.933333333333334</c:v>
                </c:pt>
                <c:pt idx="359">
                  <c:v>11.966666666666667</c:v>
                </c:pt>
                <c:pt idx="360">
                  <c:v>12</c:v>
                </c:pt>
                <c:pt idx="361">
                  <c:v>12.033333333333333</c:v>
                </c:pt>
                <c:pt idx="362">
                  <c:v>12.066666666666666</c:v>
                </c:pt>
                <c:pt idx="363">
                  <c:v>12.1</c:v>
                </c:pt>
                <c:pt idx="364">
                  <c:v>12.133333333333333</c:v>
                </c:pt>
                <c:pt idx="365">
                  <c:v>12.166666666666666</c:v>
                </c:pt>
                <c:pt idx="366">
                  <c:v>12.2</c:v>
                </c:pt>
                <c:pt idx="367">
                  <c:v>12.233333333333333</c:v>
                </c:pt>
                <c:pt idx="368">
                  <c:v>12.266666666666667</c:v>
                </c:pt>
                <c:pt idx="369">
                  <c:v>12.3</c:v>
                </c:pt>
                <c:pt idx="370">
                  <c:v>12.333333333333334</c:v>
                </c:pt>
                <c:pt idx="371">
                  <c:v>12.366666666666667</c:v>
                </c:pt>
                <c:pt idx="372">
                  <c:v>12.4</c:v>
                </c:pt>
                <c:pt idx="373">
                  <c:v>12.433333333333334</c:v>
                </c:pt>
                <c:pt idx="374">
                  <c:v>12.466666666666667</c:v>
                </c:pt>
                <c:pt idx="375">
                  <c:v>12.5</c:v>
                </c:pt>
                <c:pt idx="376">
                  <c:v>12.533333333333333</c:v>
                </c:pt>
                <c:pt idx="377">
                  <c:v>12.566666666666666</c:v>
                </c:pt>
                <c:pt idx="378">
                  <c:v>12.6</c:v>
                </c:pt>
                <c:pt idx="379">
                  <c:v>12.633333333333333</c:v>
                </c:pt>
                <c:pt idx="380">
                  <c:v>12.666666666666666</c:v>
                </c:pt>
                <c:pt idx="381">
                  <c:v>12.7</c:v>
                </c:pt>
                <c:pt idx="382">
                  <c:v>12.733333333333333</c:v>
                </c:pt>
                <c:pt idx="383">
                  <c:v>12.766666666666667</c:v>
                </c:pt>
                <c:pt idx="384">
                  <c:v>12.8</c:v>
                </c:pt>
                <c:pt idx="385">
                  <c:v>12.833333333333334</c:v>
                </c:pt>
                <c:pt idx="386">
                  <c:v>12.866666666666667</c:v>
                </c:pt>
                <c:pt idx="387">
                  <c:v>12.9</c:v>
                </c:pt>
                <c:pt idx="388">
                  <c:v>12.933333333333334</c:v>
                </c:pt>
                <c:pt idx="389">
                  <c:v>12.966666666666667</c:v>
                </c:pt>
                <c:pt idx="390">
                  <c:v>13</c:v>
                </c:pt>
                <c:pt idx="391">
                  <c:v>13.033333333333333</c:v>
                </c:pt>
                <c:pt idx="392">
                  <c:v>13.066666666666666</c:v>
                </c:pt>
                <c:pt idx="393">
                  <c:v>13.1</c:v>
                </c:pt>
                <c:pt idx="394">
                  <c:v>13.133333333333333</c:v>
                </c:pt>
                <c:pt idx="395">
                  <c:v>13.166666666666666</c:v>
                </c:pt>
                <c:pt idx="396">
                  <c:v>13.2</c:v>
                </c:pt>
                <c:pt idx="397">
                  <c:v>13.233333333333333</c:v>
                </c:pt>
                <c:pt idx="398">
                  <c:v>13.266666666666667</c:v>
                </c:pt>
                <c:pt idx="399">
                  <c:v>13.3</c:v>
                </c:pt>
                <c:pt idx="400">
                  <c:v>13.333333333333334</c:v>
                </c:pt>
                <c:pt idx="401">
                  <c:v>13.366666666666667</c:v>
                </c:pt>
                <c:pt idx="402">
                  <c:v>13.4</c:v>
                </c:pt>
                <c:pt idx="403">
                  <c:v>13.433333333333334</c:v>
                </c:pt>
                <c:pt idx="404">
                  <c:v>13.466666666666667</c:v>
                </c:pt>
                <c:pt idx="405">
                  <c:v>13.5</c:v>
                </c:pt>
                <c:pt idx="406">
                  <c:v>13.533333333333333</c:v>
                </c:pt>
                <c:pt idx="407">
                  <c:v>13.566666666666666</c:v>
                </c:pt>
                <c:pt idx="408">
                  <c:v>13.6</c:v>
                </c:pt>
                <c:pt idx="409">
                  <c:v>13.633333333333333</c:v>
                </c:pt>
                <c:pt idx="410">
                  <c:v>13.666666666666666</c:v>
                </c:pt>
                <c:pt idx="411">
                  <c:v>13.7</c:v>
                </c:pt>
                <c:pt idx="412">
                  <c:v>13.733333333333333</c:v>
                </c:pt>
                <c:pt idx="413">
                  <c:v>13.766666666666667</c:v>
                </c:pt>
                <c:pt idx="414">
                  <c:v>13.8</c:v>
                </c:pt>
                <c:pt idx="415">
                  <c:v>13.833333333333334</c:v>
                </c:pt>
                <c:pt idx="416">
                  <c:v>13.866666666666667</c:v>
                </c:pt>
                <c:pt idx="417">
                  <c:v>13.9</c:v>
                </c:pt>
                <c:pt idx="418">
                  <c:v>13.933333333333334</c:v>
                </c:pt>
                <c:pt idx="419">
                  <c:v>13.966666666666667</c:v>
                </c:pt>
                <c:pt idx="420">
                  <c:v>14</c:v>
                </c:pt>
                <c:pt idx="421">
                  <c:v>14.033333333333333</c:v>
                </c:pt>
                <c:pt idx="422">
                  <c:v>14.066666666666666</c:v>
                </c:pt>
                <c:pt idx="423">
                  <c:v>14.1</c:v>
                </c:pt>
                <c:pt idx="424">
                  <c:v>14.133333333333333</c:v>
                </c:pt>
                <c:pt idx="425">
                  <c:v>14.166666666666666</c:v>
                </c:pt>
                <c:pt idx="426">
                  <c:v>14.2</c:v>
                </c:pt>
                <c:pt idx="427">
                  <c:v>14.233333333333333</c:v>
                </c:pt>
                <c:pt idx="428">
                  <c:v>14.266666666666667</c:v>
                </c:pt>
                <c:pt idx="429">
                  <c:v>14.3</c:v>
                </c:pt>
                <c:pt idx="430">
                  <c:v>14.333333333333334</c:v>
                </c:pt>
                <c:pt idx="431">
                  <c:v>14.366666666666667</c:v>
                </c:pt>
                <c:pt idx="432">
                  <c:v>14.4</c:v>
                </c:pt>
                <c:pt idx="433">
                  <c:v>14.433333333333334</c:v>
                </c:pt>
                <c:pt idx="434">
                  <c:v>14.466666666666667</c:v>
                </c:pt>
                <c:pt idx="435">
                  <c:v>14.5</c:v>
                </c:pt>
                <c:pt idx="436">
                  <c:v>14.533333333333333</c:v>
                </c:pt>
                <c:pt idx="437">
                  <c:v>14.566666666666666</c:v>
                </c:pt>
                <c:pt idx="438">
                  <c:v>14.6</c:v>
                </c:pt>
                <c:pt idx="439">
                  <c:v>14.633333333333333</c:v>
                </c:pt>
                <c:pt idx="440">
                  <c:v>14.666666666666666</c:v>
                </c:pt>
                <c:pt idx="441">
                  <c:v>14.7</c:v>
                </c:pt>
                <c:pt idx="442">
                  <c:v>14.733333333333333</c:v>
                </c:pt>
                <c:pt idx="443">
                  <c:v>14.766666666666667</c:v>
                </c:pt>
                <c:pt idx="444">
                  <c:v>14.8</c:v>
                </c:pt>
                <c:pt idx="445">
                  <c:v>14.833333333333334</c:v>
                </c:pt>
                <c:pt idx="446">
                  <c:v>14.866666666666667</c:v>
                </c:pt>
                <c:pt idx="447">
                  <c:v>14.9</c:v>
                </c:pt>
                <c:pt idx="448">
                  <c:v>14.933333333333334</c:v>
                </c:pt>
                <c:pt idx="449">
                  <c:v>14.966666666666667</c:v>
                </c:pt>
                <c:pt idx="450">
                  <c:v>15</c:v>
                </c:pt>
                <c:pt idx="451">
                  <c:v>15.033333333333333</c:v>
                </c:pt>
                <c:pt idx="452">
                  <c:v>15.066666666666666</c:v>
                </c:pt>
                <c:pt idx="453">
                  <c:v>15.1</c:v>
                </c:pt>
                <c:pt idx="454">
                  <c:v>15.133333333333333</c:v>
                </c:pt>
                <c:pt idx="455">
                  <c:v>15.166666666666666</c:v>
                </c:pt>
                <c:pt idx="456">
                  <c:v>15.2</c:v>
                </c:pt>
                <c:pt idx="457">
                  <c:v>15.233333333333333</c:v>
                </c:pt>
                <c:pt idx="458">
                  <c:v>15.266666666666667</c:v>
                </c:pt>
                <c:pt idx="459">
                  <c:v>15.3</c:v>
                </c:pt>
                <c:pt idx="460">
                  <c:v>15.333333333333334</c:v>
                </c:pt>
                <c:pt idx="461">
                  <c:v>15.366666666666667</c:v>
                </c:pt>
                <c:pt idx="462">
                  <c:v>15.4</c:v>
                </c:pt>
                <c:pt idx="463">
                  <c:v>15.433333333333334</c:v>
                </c:pt>
                <c:pt idx="464">
                  <c:v>15.466666666666667</c:v>
                </c:pt>
                <c:pt idx="465">
                  <c:v>15.5</c:v>
                </c:pt>
                <c:pt idx="466">
                  <c:v>15.533333333333333</c:v>
                </c:pt>
                <c:pt idx="467">
                  <c:v>15.566666666666666</c:v>
                </c:pt>
                <c:pt idx="468">
                  <c:v>15.6</c:v>
                </c:pt>
                <c:pt idx="469">
                  <c:v>15.633333333333333</c:v>
                </c:pt>
                <c:pt idx="470">
                  <c:v>15.666666666666666</c:v>
                </c:pt>
                <c:pt idx="471">
                  <c:v>15.7</c:v>
                </c:pt>
                <c:pt idx="472">
                  <c:v>15.733333333333333</c:v>
                </c:pt>
                <c:pt idx="473">
                  <c:v>15.766666666666667</c:v>
                </c:pt>
                <c:pt idx="474">
                  <c:v>15.8</c:v>
                </c:pt>
                <c:pt idx="475">
                  <c:v>15.833333333333334</c:v>
                </c:pt>
                <c:pt idx="476">
                  <c:v>15.866666666666667</c:v>
                </c:pt>
                <c:pt idx="477">
                  <c:v>15.9</c:v>
                </c:pt>
                <c:pt idx="478">
                  <c:v>15.933333333333334</c:v>
                </c:pt>
                <c:pt idx="479">
                  <c:v>15.966666666666667</c:v>
                </c:pt>
                <c:pt idx="480">
                  <c:v>16</c:v>
                </c:pt>
                <c:pt idx="481">
                  <c:v>16.033333333333335</c:v>
                </c:pt>
                <c:pt idx="482">
                  <c:v>16.066666666666666</c:v>
                </c:pt>
                <c:pt idx="483">
                  <c:v>16.100000000000001</c:v>
                </c:pt>
                <c:pt idx="484">
                  <c:v>16.133333333333333</c:v>
                </c:pt>
                <c:pt idx="485">
                  <c:v>16.166666666666668</c:v>
                </c:pt>
                <c:pt idx="486">
                  <c:v>16.2</c:v>
                </c:pt>
                <c:pt idx="487">
                  <c:v>16.233333333333334</c:v>
                </c:pt>
                <c:pt idx="488">
                  <c:v>16.266666666666666</c:v>
                </c:pt>
                <c:pt idx="489">
                  <c:v>16.3</c:v>
                </c:pt>
                <c:pt idx="490">
                  <c:v>16.333333333333332</c:v>
                </c:pt>
                <c:pt idx="491">
                  <c:v>16.366666666666667</c:v>
                </c:pt>
                <c:pt idx="492">
                  <c:v>16.399999999999999</c:v>
                </c:pt>
                <c:pt idx="493">
                  <c:v>16.433333333333334</c:v>
                </c:pt>
                <c:pt idx="494">
                  <c:v>16.466666666666665</c:v>
                </c:pt>
                <c:pt idx="495">
                  <c:v>16.5</c:v>
                </c:pt>
                <c:pt idx="496">
                  <c:v>16.533333333333335</c:v>
                </c:pt>
                <c:pt idx="497">
                  <c:v>16.566666666666666</c:v>
                </c:pt>
                <c:pt idx="498">
                  <c:v>16.600000000000001</c:v>
                </c:pt>
                <c:pt idx="499">
                  <c:v>16.633333333333333</c:v>
                </c:pt>
                <c:pt idx="500">
                  <c:v>16.666666666666668</c:v>
                </c:pt>
                <c:pt idx="501">
                  <c:v>16.7</c:v>
                </c:pt>
                <c:pt idx="502">
                  <c:v>16.733333333333334</c:v>
                </c:pt>
                <c:pt idx="503">
                  <c:v>16.766666666666666</c:v>
                </c:pt>
                <c:pt idx="504">
                  <c:v>16.8</c:v>
                </c:pt>
                <c:pt idx="505">
                  <c:v>16.833333333333332</c:v>
                </c:pt>
                <c:pt idx="506">
                  <c:v>16.866666666666667</c:v>
                </c:pt>
                <c:pt idx="507">
                  <c:v>16.899999999999999</c:v>
                </c:pt>
                <c:pt idx="508">
                  <c:v>16.933333333333334</c:v>
                </c:pt>
                <c:pt idx="509">
                  <c:v>16.966666666666665</c:v>
                </c:pt>
                <c:pt idx="510">
                  <c:v>17</c:v>
                </c:pt>
                <c:pt idx="511">
                  <c:v>17.033333333333335</c:v>
                </c:pt>
                <c:pt idx="512">
                  <c:v>17.066666666666666</c:v>
                </c:pt>
                <c:pt idx="513">
                  <c:v>17.100000000000001</c:v>
                </c:pt>
                <c:pt idx="514">
                  <c:v>17.133333333333333</c:v>
                </c:pt>
                <c:pt idx="515">
                  <c:v>17.166666666666668</c:v>
                </c:pt>
                <c:pt idx="516">
                  <c:v>17.2</c:v>
                </c:pt>
                <c:pt idx="517">
                  <c:v>17.233333333333334</c:v>
                </c:pt>
                <c:pt idx="518">
                  <c:v>17.266666666666666</c:v>
                </c:pt>
                <c:pt idx="519">
                  <c:v>17.3</c:v>
                </c:pt>
                <c:pt idx="520">
                  <c:v>17.333333333333332</c:v>
                </c:pt>
                <c:pt idx="521">
                  <c:v>17.366666666666667</c:v>
                </c:pt>
                <c:pt idx="522">
                  <c:v>17.399999999999999</c:v>
                </c:pt>
                <c:pt idx="523">
                  <c:v>17.433333333333334</c:v>
                </c:pt>
                <c:pt idx="524">
                  <c:v>17.466666666666665</c:v>
                </c:pt>
                <c:pt idx="525">
                  <c:v>17.5</c:v>
                </c:pt>
                <c:pt idx="526">
                  <c:v>17.533333333333335</c:v>
                </c:pt>
                <c:pt idx="527">
                  <c:v>17.566666666666666</c:v>
                </c:pt>
                <c:pt idx="528">
                  <c:v>17.600000000000001</c:v>
                </c:pt>
                <c:pt idx="529">
                  <c:v>17.633333333333333</c:v>
                </c:pt>
                <c:pt idx="530">
                  <c:v>17.666666666666668</c:v>
                </c:pt>
                <c:pt idx="531">
                  <c:v>17.7</c:v>
                </c:pt>
                <c:pt idx="532">
                  <c:v>17.733333333333334</c:v>
                </c:pt>
                <c:pt idx="533">
                  <c:v>17.766666666666666</c:v>
                </c:pt>
                <c:pt idx="534">
                  <c:v>17.8</c:v>
                </c:pt>
                <c:pt idx="535">
                  <c:v>17.833333333333332</c:v>
                </c:pt>
                <c:pt idx="536">
                  <c:v>17.866666666666667</c:v>
                </c:pt>
                <c:pt idx="537">
                  <c:v>17.899999999999999</c:v>
                </c:pt>
                <c:pt idx="538">
                  <c:v>17.933333333333334</c:v>
                </c:pt>
                <c:pt idx="539">
                  <c:v>17.966666666666665</c:v>
                </c:pt>
                <c:pt idx="540">
                  <c:v>18</c:v>
                </c:pt>
                <c:pt idx="541">
                  <c:v>18.033333333333335</c:v>
                </c:pt>
                <c:pt idx="542">
                  <c:v>18.066666666666666</c:v>
                </c:pt>
                <c:pt idx="543">
                  <c:v>18.100000000000001</c:v>
                </c:pt>
                <c:pt idx="544">
                  <c:v>18.133333333333333</c:v>
                </c:pt>
                <c:pt idx="545">
                  <c:v>18.166666666666668</c:v>
                </c:pt>
                <c:pt idx="546">
                  <c:v>18.2</c:v>
                </c:pt>
                <c:pt idx="547">
                  <c:v>18.233333333333334</c:v>
                </c:pt>
                <c:pt idx="548">
                  <c:v>18.266666666666666</c:v>
                </c:pt>
                <c:pt idx="549">
                  <c:v>18.3</c:v>
                </c:pt>
                <c:pt idx="550">
                  <c:v>18.333333333333332</c:v>
                </c:pt>
                <c:pt idx="551">
                  <c:v>18.366666666666667</c:v>
                </c:pt>
                <c:pt idx="552">
                  <c:v>18.399999999999999</c:v>
                </c:pt>
                <c:pt idx="553">
                  <c:v>18.433333333333334</c:v>
                </c:pt>
                <c:pt idx="554">
                  <c:v>18.466666666666665</c:v>
                </c:pt>
                <c:pt idx="555">
                  <c:v>18.5</c:v>
                </c:pt>
                <c:pt idx="556">
                  <c:v>18.533333333333335</c:v>
                </c:pt>
                <c:pt idx="557">
                  <c:v>18.566666666666666</c:v>
                </c:pt>
                <c:pt idx="558">
                  <c:v>18.600000000000001</c:v>
                </c:pt>
                <c:pt idx="559">
                  <c:v>18.633333333333333</c:v>
                </c:pt>
                <c:pt idx="560">
                  <c:v>18.666666666666668</c:v>
                </c:pt>
                <c:pt idx="561">
                  <c:v>18.7</c:v>
                </c:pt>
                <c:pt idx="562">
                  <c:v>18.733333333333334</c:v>
                </c:pt>
                <c:pt idx="563">
                  <c:v>18.766666666666666</c:v>
                </c:pt>
                <c:pt idx="564">
                  <c:v>18.8</c:v>
                </c:pt>
                <c:pt idx="565">
                  <c:v>18.833333333333332</c:v>
                </c:pt>
                <c:pt idx="566">
                  <c:v>18.866666666666667</c:v>
                </c:pt>
                <c:pt idx="567">
                  <c:v>18.899999999999999</c:v>
                </c:pt>
                <c:pt idx="568">
                  <c:v>18.933333333333334</c:v>
                </c:pt>
                <c:pt idx="569">
                  <c:v>18.966666666666665</c:v>
                </c:pt>
                <c:pt idx="570">
                  <c:v>19</c:v>
                </c:pt>
                <c:pt idx="571">
                  <c:v>19.033333333333335</c:v>
                </c:pt>
                <c:pt idx="572">
                  <c:v>19.066666666666666</c:v>
                </c:pt>
                <c:pt idx="573">
                  <c:v>19.100000000000001</c:v>
                </c:pt>
                <c:pt idx="574">
                  <c:v>19.133333333333333</c:v>
                </c:pt>
                <c:pt idx="575">
                  <c:v>19.166666666666668</c:v>
                </c:pt>
                <c:pt idx="576">
                  <c:v>19.2</c:v>
                </c:pt>
                <c:pt idx="577">
                  <c:v>19.233333333333334</c:v>
                </c:pt>
                <c:pt idx="578">
                  <c:v>19.266666666666666</c:v>
                </c:pt>
                <c:pt idx="579">
                  <c:v>19.3</c:v>
                </c:pt>
                <c:pt idx="580">
                  <c:v>19.333333333333332</c:v>
                </c:pt>
                <c:pt idx="581">
                  <c:v>19.366666666666667</c:v>
                </c:pt>
                <c:pt idx="582">
                  <c:v>19.399999999999999</c:v>
                </c:pt>
                <c:pt idx="583">
                  <c:v>19.433333333333334</c:v>
                </c:pt>
                <c:pt idx="584">
                  <c:v>19.466666666666665</c:v>
                </c:pt>
                <c:pt idx="585">
                  <c:v>19.5</c:v>
                </c:pt>
                <c:pt idx="586">
                  <c:v>19.533333333333335</c:v>
                </c:pt>
                <c:pt idx="587">
                  <c:v>19.566666666666666</c:v>
                </c:pt>
                <c:pt idx="588">
                  <c:v>19.600000000000001</c:v>
                </c:pt>
                <c:pt idx="589">
                  <c:v>19.633333333333333</c:v>
                </c:pt>
                <c:pt idx="590">
                  <c:v>19.666666666666668</c:v>
                </c:pt>
                <c:pt idx="591">
                  <c:v>19.7</c:v>
                </c:pt>
                <c:pt idx="592">
                  <c:v>19.733333333333334</c:v>
                </c:pt>
                <c:pt idx="593">
                  <c:v>19.766666666666666</c:v>
                </c:pt>
                <c:pt idx="594">
                  <c:v>19.8</c:v>
                </c:pt>
                <c:pt idx="595">
                  <c:v>19.833333333333332</c:v>
                </c:pt>
                <c:pt idx="596">
                  <c:v>19.866666666666667</c:v>
                </c:pt>
                <c:pt idx="597">
                  <c:v>19.899999999999999</c:v>
                </c:pt>
                <c:pt idx="598">
                  <c:v>19.933333333333334</c:v>
                </c:pt>
                <c:pt idx="599">
                  <c:v>19.966666666666665</c:v>
                </c:pt>
                <c:pt idx="600">
                  <c:v>20</c:v>
                </c:pt>
                <c:pt idx="601">
                  <c:v>20.033333333333335</c:v>
                </c:pt>
                <c:pt idx="602">
                  <c:v>20.066666666666666</c:v>
                </c:pt>
                <c:pt idx="603">
                  <c:v>20.100000000000001</c:v>
                </c:pt>
                <c:pt idx="604">
                  <c:v>20.133333333333333</c:v>
                </c:pt>
                <c:pt idx="605">
                  <c:v>20.166666666666668</c:v>
                </c:pt>
                <c:pt idx="606">
                  <c:v>20.2</c:v>
                </c:pt>
                <c:pt idx="607">
                  <c:v>20.233333333333334</c:v>
                </c:pt>
                <c:pt idx="608">
                  <c:v>20.266666666666666</c:v>
                </c:pt>
                <c:pt idx="609">
                  <c:v>20.3</c:v>
                </c:pt>
                <c:pt idx="610">
                  <c:v>20.333333333333332</c:v>
                </c:pt>
                <c:pt idx="611">
                  <c:v>20.366666666666667</c:v>
                </c:pt>
                <c:pt idx="612">
                  <c:v>20.399999999999999</c:v>
                </c:pt>
                <c:pt idx="613">
                  <c:v>20.433333333333334</c:v>
                </c:pt>
                <c:pt idx="614">
                  <c:v>20.466666666666665</c:v>
                </c:pt>
                <c:pt idx="615">
                  <c:v>20.5</c:v>
                </c:pt>
                <c:pt idx="616">
                  <c:v>20.533333333333335</c:v>
                </c:pt>
                <c:pt idx="617">
                  <c:v>20.566666666666666</c:v>
                </c:pt>
                <c:pt idx="618">
                  <c:v>20.6</c:v>
                </c:pt>
                <c:pt idx="619">
                  <c:v>20.633333333333333</c:v>
                </c:pt>
                <c:pt idx="620">
                  <c:v>20.666666666666668</c:v>
                </c:pt>
                <c:pt idx="621">
                  <c:v>20.7</c:v>
                </c:pt>
                <c:pt idx="622">
                  <c:v>20.733333333333334</c:v>
                </c:pt>
                <c:pt idx="623">
                  <c:v>20.766666666666666</c:v>
                </c:pt>
                <c:pt idx="624">
                  <c:v>20.8</c:v>
                </c:pt>
                <c:pt idx="625">
                  <c:v>20.833333333333332</c:v>
                </c:pt>
                <c:pt idx="626">
                  <c:v>20.866666666666667</c:v>
                </c:pt>
                <c:pt idx="627">
                  <c:v>20.9</c:v>
                </c:pt>
                <c:pt idx="628">
                  <c:v>20.933333333333334</c:v>
                </c:pt>
                <c:pt idx="629">
                  <c:v>20.966666666666665</c:v>
                </c:pt>
                <c:pt idx="630">
                  <c:v>21</c:v>
                </c:pt>
                <c:pt idx="631">
                  <c:v>21.033333333333335</c:v>
                </c:pt>
                <c:pt idx="632">
                  <c:v>21.066666666666666</c:v>
                </c:pt>
                <c:pt idx="633">
                  <c:v>21.1</c:v>
                </c:pt>
                <c:pt idx="634">
                  <c:v>21.133333333333333</c:v>
                </c:pt>
                <c:pt idx="635">
                  <c:v>21.166666666666668</c:v>
                </c:pt>
                <c:pt idx="636">
                  <c:v>21.2</c:v>
                </c:pt>
                <c:pt idx="637">
                  <c:v>21.233333333333334</c:v>
                </c:pt>
                <c:pt idx="638">
                  <c:v>21.266666666666666</c:v>
                </c:pt>
                <c:pt idx="639">
                  <c:v>21.3</c:v>
                </c:pt>
                <c:pt idx="640">
                  <c:v>21.333333333333332</c:v>
                </c:pt>
                <c:pt idx="641">
                  <c:v>21.366666666666667</c:v>
                </c:pt>
                <c:pt idx="642">
                  <c:v>21.4</c:v>
                </c:pt>
                <c:pt idx="643">
                  <c:v>21.433333333333334</c:v>
                </c:pt>
                <c:pt idx="644">
                  <c:v>21.466666666666665</c:v>
                </c:pt>
                <c:pt idx="645">
                  <c:v>21.5</c:v>
                </c:pt>
                <c:pt idx="646">
                  <c:v>21.533333333333335</c:v>
                </c:pt>
                <c:pt idx="647">
                  <c:v>21.566666666666666</c:v>
                </c:pt>
                <c:pt idx="648">
                  <c:v>21.6</c:v>
                </c:pt>
                <c:pt idx="649">
                  <c:v>21.633333333333333</c:v>
                </c:pt>
                <c:pt idx="650">
                  <c:v>21.666666666666668</c:v>
                </c:pt>
                <c:pt idx="651">
                  <c:v>21.7</c:v>
                </c:pt>
                <c:pt idx="652">
                  <c:v>21.733333333333334</c:v>
                </c:pt>
                <c:pt idx="653">
                  <c:v>21.766666666666666</c:v>
                </c:pt>
                <c:pt idx="654">
                  <c:v>21.8</c:v>
                </c:pt>
                <c:pt idx="655">
                  <c:v>21.833333333333332</c:v>
                </c:pt>
                <c:pt idx="656">
                  <c:v>21.866666666666667</c:v>
                </c:pt>
                <c:pt idx="657">
                  <c:v>21.9</c:v>
                </c:pt>
                <c:pt idx="658">
                  <c:v>21.933333333333334</c:v>
                </c:pt>
                <c:pt idx="659">
                  <c:v>21.966666666666665</c:v>
                </c:pt>
                <c:pt idx="660">
                  <c:v>22</c:v>
                </c:pt>
                <c:pt idx="661">
                  <c:v>22.033333333333335</c:v>
                </c:pt>
                <c:pt idx="662">
                  <c:v>22.066666666666666</c:v>
                </c:pt>
                <c:pt idx="663">
                  <c:v>22.1</c:v>
                </c:pt>
                <c:pt idx="664">
                  <c:v>22.133333333333333</c:v>
                </c:pt>
                <c:pt idx="665">
                  <c:v>22.166666666666668</c:v>
                </c:pt>
                <c:pt idx="666">
                  <c:v>22.2</c:v>
                </c:pt>
                <c:pt idx="667">
                  <c:v>22.233333333333334</c:v>
                </c:pt>
                <c:pt idx="668">
                  <c:v>22.266666666666666</c:v>
                </c:pt>
                <c:pt idx="669">
                  <c:v>22.3</c:v>
                </c:pt>
                <c:pt idx="670">
                  <c:v>22.333333333333332</c:v>
                </c:pt>
                <c:pt idx="671">
                  <c:v>22.366666666666667</c:v>
                </c:pt>
                <c:pt idx="672">
                  <c:v>22.4</c:v>
                </c:pt>
                <c:pt idx="673">
                  <c:v>22.433333333333334</c:v>
                </c:pt>
                <c:pt idx="674">
                  <c:v>22.466666666666665</c:v>
                </c:pt>
                <c:pt idx="675">
                  <c:v>22.5</c:v>
                </c:pt>
                <c:pt idx="676">
                  <c:v>22.533333333333335</c:v>
                </c:pt>
                <c:pt idx="677">
                  <c:v>22.566666666666666</c:v>
                </c:pt>
                <c:pt idx="678">
                  <c:v>22.6</c:v>
                </c:pt>
                <c:pt idx="679">
                  <c:v>22.633333333333333</c:v>
                </c:pt>
                <c:pt idx="680">
                  <c:v>22.666666666666668</c:v>
                </c:pt>
                <c:pt idx="681">
                  <c:v>22.7</c:v>
                </c:pt>
                <c:pt idx="682">
                  <c:v>22.733333333333334</c:v>
                </c:pt>
                <c:pt idx="683">
                  <c:v>22.766666666666666</c:v>
                </c:pt>
                <c:pt idx="684">
                  <c:v>22.8</c:v>
                </c:pt>
                <c:pt idx="685">
                  <c:v>22.833333333333332</c:v>
                </c:pt>
                <c:pt idx="686">
                  <c:v>22.866666666666667</c:v>
                </c:pt>
                <c:pt idx="687">
                  <c:v>22.9</c:v>
                </c:pt>
                <c:pt idx="688">
                  <c:v>22.933333333333334</c:v>
                </c:pt>
                <c:pt idx="689">
                  <c:v>22.966666666666665</c:v>
                </c:pt>
                <c:pt idx="690">
                  <c:v>23</c:v>
                </c:pt>
                <c:pt idx="691">
                  <c:v>23.033333333333335</c:v>
                </c:pt>
                <c:pt idx="692">
                  <c:v>23.066666666666666</c:v>
                </c:pt>
                <c:pt idx="693">
                  <c:v>23.1</c:v>
                </c:pt>
                <c:pt idx="694">
                  <c:v>23.133333333333333</c:v>
                </c:pt>
                <c:pt idx="695">
                  <c:v>23.166666666666668</c:v>
                </c:pt>
                <c:pt idx="696">
                  <c:v>23.2</c:v>
                </c:pt>
                <c:pt idx="697">
                  <c:v>23.233333333333334</c:v>
                </c:pt>
                <c:pt idx="698">
                  <c:v>23.266666666666666</c:v>
                </c:pt>
                <c:pt idx="699">
                  <c:v>23.3</c:v>
                </c:pt>
                <c:pt idx="700">
                  <c:v>23.333333333333332</c:v>
                </c:pt>
                <c:pt idx="701">
                  <c:v>23.366666666666667</c:v>
                </c:pt>
                <c:pt idx="702">
                  <c:v>23.4</c:v>
                </c:pt>
                <c:pt idx="703">
                  <c:v>23.433333333333334</c:v>
                </c:pt>
                <c:pt idx="704">
                  <c:v>23.466666666666665</c:v>
                </c:pt>
                <c:pt idx="705">
                  <c:v>23.5</c:v>
                </c:pt>
                <c:pt idx="706">
                  <c:v>23.533333333333335</c:v>
                </c:pt>
                <c:pt idx="707">
                  <c:v>23.566666666666666</c:v>
                </c:pt>
                <c:pt idx="708">
                  <c:v>23.6</c:v>
                </c:pt>
                <c:pt idx="709">
                  <c:v>23.633333333333333</c:v>
                </c:pt>
                <c:pt idx="710">
                  <c:v>23.666666666666668</c:v>
                </c:pt>
                <c:pt idx="711">
                  <c:v>23.7</c:v>
                </c:pt>
                <c:pt idx="712">
                  <c:v>23.733333333333334</c:v>
                </c:pt>
                <c:pt idx="713">
                  <c:v>23.766666666666666</c:v>
                </c:pt>
                <c:pt idx="714">
                  <c:v>23.8</c:v>
                </c:pt>
                <c:pt idx="715">
                  <c:v>23.833333333333332</c:v>
                </c:pt>
                <c:pt idx="716">
                  <c:v>23.866666666666667</c:v>
                </c:pt>
                <c:pt idx="717">
                  <c:v>23.9</c:v>
                </c:pt>
                <c:pt idx="718">
                  <c:v>23.933333333333334</c:v>
                </c:pt>
                <c:pt idx="719">
                  <c:v>23.966666666666665</c:v>
                </c:pt>
                <c:pt idx="720">
                  <c:v>24</c:v>
                </c:pt>
                <c:pt idx="721">
                  <c:v>24.033333333333335</c:v>
                </c:pt>
                <c:pt idx="722">
                  <c:v>24.066666666666666</c:v>
                </c:pt>
                <c:pt idx="723">
                  <c:v>24.1</c:v>
                </c:pt>
                <c:pt idx="724">
                  <c:v>24.133333333333333</c:v>
                </c:pt>
                <c:pt idx="725">
                  <c:v>24.166666666666668</c:v>
                </c:pt>
                <c:pt idx="726">
                  <c:v>24.2</c:v>
                </c:pt>
                <c:pt idx="727">
                  <c:v>24.233333333333334</c:v>
                </c:pt>
                <c:pt idx="728">
                  <c:v>24.266666666666666</c:v>
                </c:pt>
                <c:pt idx="729">
                  <c:v>24.3</c:v>
                </c:pt>
                <c:pt idx="730">
                  <c:v>24.333333333333332</c:v>
                </c:pt>
                <c:pt idx="731">
                  <c:v>24.366666666666667</c:v>
                </c:pt>
                <c:pt idx="732">
                  <c:v>24.4</c:v>
                </c:pt>
                <c:pt idx="733">
                  <c:v>24.433333333333334</c:v>
                </c:pt>
                <c:pt idx="734">
                  <c:v>24.466666666666665</c:v>
                </c:pt>
                <c:pt idx="735">
                  <c:v>24.5</c:v>
                </c:pt>
                <c:pt idx="736">
                  <c:v>24.533333333333335</c:v>
                </c:pt>
                <c:pt idx="737">
                  <c:v>24.566666666666666</c:v>
                </c:pt>
                <c:pt idx="738">
                  <c:v>24.6</c:v>
                </c:pt>
                <c:pt idx="739">
                  <c:v>24.633333333333333</c:v>
                </c:pt>
                <c:pt idx="740">
                  <c:v>24.666666666666668</c:v>
                </c:pt>
                <c:pt idx="741">
                  <c:v>24.7</c:v>
                </c:pt>
                <c:pt idx="742">
                  <c:v>24.733333333333334</c:v>
                </c:pt>
                <c:pt idx="743">
                  <c:v>24.766666666666666</c:v>
                </c:pt>
                <c:pt idx="744">
                  <c:v>24.8</c:v>
                </c:pt>
                <c:pt idx="745">
                  <c:v>24.833333333333332</c:v>
                </c:pt>
                <c:pt idx="746">
                  <c:v>24.866666666666667</c:v>
                </c:pt>
                <c:pt idx="747">
                  <c:v>24.9</c:v>
                </c:pt>
                <c:pt idx="748">
                  <c:v>24.933333333333334</c:v>
                </c:pt>
                <c:pt idx="749">
                  <c:v>24.966666666666665</c:v>
                </c:pt>
                <c:pt idx="750">
                  <c:v>25</c:v>
                </c:pt>
                <c:pt idx="751">
                  <c:v>25.033333333333335</c:v>
                </c:pt>
                <c:pt idx="752">
                  <c:v>25.066666666666666</c:v>
                </c:pt>
                <c:pt idx="753">
                  <c:v>25.1</c:v>
                </c:pt>
                <c:pt idx="754">
                  <c:v>25.133333333333333</c:v>
                </c:pt>
                <c:pt idx="755">
                  <c:v>25.166666666666668</c:v>
                </c:pt>
                <c:pt idx="756">
                  <c:v>25.2</c:v>
                </c:pt>
                <c:pt idx="757">
                  <c:v>25.233333333333334</c:v>
                </c:pt>
                <c:pt idx="758">
                  <c:v>25.266666666666666</c:v>
                </c:pt>
                <c:pt idx="759">
                  <c:v>25.3</c:v>
                </c:pt>
                <c:pt idx="760">
                  <c:v>25.333333333333332</c:v>
                </c:pt>
                <c:pt idx="761">
                  <c:v>25.366666666666667</c:v>
                </c:pt>
                <c:pt idx="762">
                  <c:v>25.4</c:v>
                </c:pt>
                <c:pt idx="763">
                  <c:v>25.433333333333334</c:v>
                </c:pt>
                <c:pt idx="764">
                  <c:v>25.466666666666665</c:v>
                </c:pt>
                <c:pt idx="765">
                  <c:v>25.5</c:v>
                </c:pt>
                <c:pt idx="766">
                  <c:v>25.533333333333335</c:v>
                </c:pt>
                <c:pt idx="767">
                  <c:v>25.566666666666666</c:v>
                </c:pt>
                <c:pt idx="768">
                  <c:v>25.6</c:v>
                </c:pt>
                <c:pt idx="769">
                  <c:v>25.633333333333333</c:v>
                </c:pt>
                <c:pt idx="770">
                  <c:v>25.666666666666668</c:v>
                </c:pt>
                <c:pt idx="771">
                  <c:v>25.7</c:v>
                </c:pt>
                <c:pt idx="772">
                  <c:v>25.733333333333334</c:v>
                </c:pt>
                <c:pt idx="773">
                  <c:v>25.766666666666666</c:v>
                </c:pt>
                <c:pt idx="774">
                  <c:v>25.8</c:v>
                </c:pt>
                <c:pt idx="775">
                  <c:v>25.833333333333332</c:v>
                </c:pt>
                <c:pt idx="776">
                  <c:v>25.866666666666667</c:v>
                </c:pt>
                <c:pt idx="777">
                  <c:v>25.9</c:v>
                </c:pt>
                <c:pt idx="778">
                  <c:v>25.933333333333334</c:v>
                </c:pt>
                <c:pt idx="779">
                  <c:v>25.966666666666665</c:v>
                </c:pt>
                <c:pt idx="780">
                  <c:v>26</c:v>
                </c:pt>
                <c:pt idx="781">
                  <c:v>26.033333333333335</c:v>
                </c:pt>
                <c:pt idx="782">
                  <c:v>26.066666666666666</c:v>
                </c:pt>
                <c:pt idx="783">
                  <c:v>26.1</c:v>
                </c:pt>
                <c:pt idx="784">
                  <c:v>26.133333333333333</c:v>
                </c:pt>
                <c:pt idx="785">
                  <c:v>26.166666666666668</c:v>
                </c:pt>
                <c:pt idx="786">
                  <c:v>26.2</c:v>
                </c:pt>
                <c:pt idx="787">
                  <c:v>26.233333333333334</c:v>
                </c:pt>
                <c:pt idx="788">
                  <c:v>26.266666666666666</c:v>
                </c:pt>
                <c:pt idx="789">
                  <c:v>26.3</c:v>
                </c:pt>
                <c:pt idx="790">
                  <c:v>26.333333333333332</c:v>
                </c:pt>
                <c:pt idx="791">
                  <c:v>26.366666666666667</c:v>
                </c:pt>
                <c:pt idx="792">
                  <c:v>26.4</c:v>
                </c:pt>
                <c:pt idx="793">
                  <c:v>26.433333333333334</c:v>
                </c:pt>
                <c:pt idx="794">
                  <c:v>26.466666666666665</c:v>
                </c:pt>
                <c:pt idx="795">
                  <c:v>26.5</c:v>
                </c:pt>
                <c:pt idx="796">
                  <c:v>26.533333333333335</c:v>
                </c:pt>
                <c:pt idx="797">
                  <c:v>26.566666666666666</c:v>
                </c:pt>
                <c:pt idx="798">
                  <c:v>26.6</c:v>
                </c:pt>
                <c:pt idx="799">
                  <c:v>26.633333333333333</c:v>
                </c:pt>
                <c:pt idx="800">
                  <c:v>26.666666666666668</c:v>
                </c:pt>
                <c:pt idx="801">
                  <c:v>26.7</c:v>
                </c:pt>
                <c:pt idx="802">
                  <c:v>26.733333333333334</c:v>
                </c:pt>
                <c:pt idx="803">
                  <c:v>26.766666666666666</c:v>
                </c:pt>
                <c:pt idx="804">
                  <c:v>26.8</c:v>
                </c:pt>
                <c:pt idx="805">
                  <c:v>26.833333333333332</c:v>
                </c:pt>
                <c:pt idx="806">
                  <c:v>26.866666666666667</c:v>
                </c:pt>
                <c:pt idx="807">
                  <c:v>26.9</c:v>
                </c:pt>
                <c:pt idx="808">
                  <c:v>26.933333333333334</c:v>
                </c:pt>
                <c:pt idx="809">
                  <c:v>26.966666666666665</c:v>
                </c:pt>
                <c:pt idx="810">
                  <c:v>27</c:v>
                </c:pt>
                <c:pt idx="811">
                  <c:v>27.033333333333335</c:v>
                </c:pt>
                <c:pt idx="812">
                  <c:v>27.066666666666666</c:v>
                </c:pt>
                <c:pt idx="813">
                  <c:v>27.1</c:v>
                </c:pt>
                <c:pt idx="814">
                  <c:v>27.133333333333333</c:v>
                </c:pt>
                <c:pt idx="815">
                  <c:v>27.166666666666668</c:v>
                </c:pt>
                <c:pt idx="816">
                  <c:v>27.2</c:v>
                </c:pt>
                <c:pt idx="817">
                  <c:v>27.233333333333334</c:v>
                </c:pt>
                <c:pt idx="818">
                  <c:v>27.266666666666666</c:v>
                </c:pt>
                <c:pt idx="819">
                  <c:v>27.3</c:v>
                </c:pt>
                <c:pt idx="820">
                  <c:v>27.333333333333332</c:v>
                </c:pt>
                <c:pt idx="821">
                  <c:v>27.366666666666667</c:v>
                </c:pt>
                <c:pt idx="822">
                  <c:v>27.4</c:v>
                </c:pt>
                <c:pt idx="823">
                  <c:v>27.433333333333334</c:v>
                </c:pt>
                <c:pt idx="824">
                  <c:v>27.466666666666665</c:v>
                </c:pt>
                <c:pt idx="825">
                  <c:v>27.5</c:v>
                </c:pt>
                <c:pt idx="826">
                  <c:v>27.533333333333335</c:v>
                </c:pt>
                <c:pt idx="827">
                  <c:v>27.566666666666666</c:v>
                </c:pt>
                <c:pt idx="828">
                  <c:v>27.6</c:v>
                </c:pt>
                <c:pt idx="829">
                  <c:v>27.633333333333333</c:v>
                </c:pt>
                <c:pt idx="830">
                  <c:v>27.666666666666668</c:v>
                </c:pt>
                <c:pt idx="831">
                  <c:v>27.7</c:v>
                </c:pt>
                <c:pt idx="832">
                  <c:v>27.733333333333334</c:v>
                </c:pt>
                <c:pt idx="833">
                  <c:v>27.766666666666666</c:v>
                </c:pt>
                <c:pt idx="834">
                  <c:v>27.8</c:v>
                </c:pt>
                <c:pt idx="835">
                  <c:v>27.833333333333332</c:v>
                </c:pt>
                <c:pt idx="836">
                  <c:v>27.866666666666667</c:v>
                </c:pt>
                <c:pt idx="837">
                  <c:v>27.9</c:v>
                </c:pt>
                <c:pt idx="838">
                  <c:v>27.933333333333334</c:v>
                </c:pt>
                <c:pt idx="839">
                  <c:v>27.966666666666665</c:v>
                </c:pt>
                <c:pt idx="840">
                  <c:v>28</c:v>
                </c:pt>
                <c:pt idx="841">
                  <c:v>28.033333333333335</c:v>
                </c:pt>
                <c:pt idx="842">
                  <c:v>28.066666666666666</c:v>
                </c:pt>
                <c:pt idx="843">
                  <c:v>28.1</c:v>
                </c:pt>
                <c:pt idx="844">
                  <c:v>28.133333333333333</c:v>
                </c:pt>
                <c:pt idx="845">
                  <c:v>28.166666666666668</c:v>
                </c:pt>
                <c:pt idx="846">
                  <c:v>28.2</c:v>
                </c:pt>
                <c:pt idx="847">
                  <c:v>28.233333333333334</c:v>
                </c:pt>
                <c:pt idx="848">
                  <c:v>28.266666666666666</c:v>
                </c:pt>
                <c:pt idx="849">
                  <c:v>28.3</c:v>
                </c:pt>
                <c:pt idx="850">
                  <c:v>28.333333333333332</c:v>
                </c:pt>
                <c:pt idx="851">
                  <c:v>28.366666666666667</c:v>
                </c:pt>
                <c:pt idx="852">
                  <c:v>28.4</c:v>
                </c:pt>
                <c:pt idx="853">
                  <c:v>28.433333333333334</c:v>
                </c:pt>
                <c:pt idx="854">
                  <c:v>28.466666666666665</c:v>
                </c:pt>
                <c:pt idx="855">
                  <c:v>28.5</c:v>
                </c:pt>
                <c:pt idx="856">
                  <c:v>28.533333333333335</c:v>
                </c:pt>
                <c:pt idx="857">
                  <c:v>28.566666666666666</c:v>
                </c:pt>
                <c:pt idx="858">
                  <c:v>28.6</c:v>
                </c:pt>
                <c:pt idx="859">
                  <c:v>28.633333333333333</c:v>
                </c:pt>
                <c:pt idx="860">
                  <c:v>28.666666666666668</c:v>
                </c:pt>
                <c:pt idx="861">
                  <c:v>28.7</c:v>
                </c:pt>
                <c:pt idx="862">
                  <c:v>28.733333333333334</c:v>
                </c:pt>
                <c:pt idx="863">
                  <c:v>28.766666666666666</c:v>
                </c:pt>
                <c:pt idx="864">
                  <c:v>28.8</c:v>
                </c:pt>
                <c:pt idx="865">
                  <c:v>28.833333333333332</c:v>
                </c:pt>
                <c:pt idx="866">
                  <c:v>28.866666666666667</c:v>
                </c:pt>
                <c:pt idx="867">
                  <c:v>28.9</c:v>
                </c:pt>
                <c:pt idx="868">
                  <c:v>28.933333333333334</c:v>
                </c:pt>
                <c:pt idx="869">
                  <c:v>28.966666666666665</c:v>
                </c:pt>
                <c:pt idx="870">
                  <c:v>29</c:v>
                </c:pt>
                <c:pt idx="871">
                  <c:v>29.033333333333335</c:v>
                </c:pt>
                <c:pt idx="872">
                  <c:v>29.066666666666666</c:v>
                </c:pt>
                <c:pt idx="873">
                  <c:v>29.1</c:v>
                </c:pt>
                <c:pt idx="874">
                  <c:v>29.133333333333333</c:v>
                </c:pt>
                <c:pt idx="875">
                  <c:v>29.166666666666668</c:v>
                </c:pt>
                <c:pt idx="876">
                  <c:v>29.2</c:v>
                </c:pt>
                <c:pt idx="877">
                  <c:v>29.233333333333334</c:v>
                </c:pt>
                <c:pt idx="878">
                  <c:v>29.266666666666666</c:v>
                </c:pt>
                <c:pt idx="879">
                  <c:v>29.3</c:v>
                </c:pt>
                <c:pt idx="880">
                  <c:v>29.333333333333332</c:v>
                </c:pt>
                <c:pt idx="881">
                  <c:v>29.366666666666667</c:v>
                </c:pt>
                <c:pt idx="882">
                  <c:v>29.4</c:v>
                </c:pt>
                <c:pt idx="883">
                  <c:v>29.433333333333334</c:v>
                </c:pt>
                <c:pt idx="884">
                  <c:v>29.466666666666665</c:v>
                </c:pt>
                <c:pt idx="885">
                  <c:v>29.5</c:v>
                </c:pt>
                <c:pt idx="886">
                  <c:v>29.533333333333335</c:v>
                </c:pt>
                <c:pt idx="887">
                  <c:v>29.566666666666666</c:v>
                </c:pt>
                <c:pt idx="888">
                  <c:v>29.6</c:v>
                </c:pt>
                <c:pt idx="889">
                  <c:v>29.633333333333333</c:v>
                </c:pt>
                <c:pt idx="890">
                  <c:v>29.666666666666668</c:v>
                </c:pt>
                <c:pt idx="891">
                  <c:v>29.7</c:v>
                </c:pt>
                <c:pt idx="892">
                  <c:v>29.733333333333334</c:v>
                </c:pt>
                <c:pt idx="893">
                  <c:v>29.766666666666666</c:v>
                </c:pt>
                <c:pt idx="894">
                  <c:v>29.8</c:v>
                </c:pt>
                <c:pt idx="895">
                  <c:v>29.833333333333332</c:v>
                </c:pt>
                <c:pt idx="896">
                  <c:v>29.866666666666667</c:v>
                </c:pt>
                <c:pt idx="897">
                  <c:v>29.9</c:v>
                </c:pt>
                <c:pt idx="898">
                  <c:v>29.933333333333334</c:v>
                </c:pt>
                <c:pt idx="899">
                  <c:v>29.966666666666665</c:v>
                </c:pt>
                <c:pt idx="900">
                  <c:v>30</c:v>
                </c:pt>
              </c:numCache>
            </c:numRef>
          </c:xVal>
          <c:yVal>
            <c:numRef>
              <c:f>重心!$D$2:$D$902</c:f>
              <c:numCache>
                <c:formatCode>General</c:formatCode>
                <c:ptCount val="901"/>
                <c:pt idx="0">
                  <c:v>15.053797686551855</c:v>
                </c:pt>
                <c:pt idx="1">
                  <c:v>15.049243093919307</c:v>
                </c:pt>
                <c:pt idx="2">
                  <c:v>15.04825703899602</c:v>
                </c:pt>
                <c:pt idx="3">
                  <c:v>15.04340049770023</c:v>
                </c:pt>
                <c:pt idx="4">
                  <c:v>15.041550077787871</c:v>
                </c:pt>
                <c:pt idx="5">
                  <c:v>15.038413179517157</c:v>
                </c:pt>
                <c:pt idx="6">
                  <c:v>15.036177448846299</c:v>
                </c:pt>
                <c:pt idx="7">
                  <c:v>15.035399660959747</c:v>
                </c:pt>
                <c:pt idx="8">
                  <c:v>15.035799998663043</c:v>
                </c:pt>
                <c:pt idx="9">
                  <c:v>15.030407804253839</c:v>
                </c:pt>
                <c:pt idx="10">
                  <c:v>15.028498436477683</c:v>
                </c:pt>
                <c:pt idx="11">
                  <c:v>15.024780805317343</c:v>
                </c:pt>
                <c:pt idx="12">
                  <c:v>15.020152879816987</c:v>
                </c:pt>
                <c:pt idx="13">
                  <c:v>15.018585072962775</c:v>
                </c:pt>
                <c:pt idx="14">
                  <c:v>15.017126263673216</c:v>
                </c:pt>
                <c:pt idx="15">
                  <c:v>15.01375901475342</c:v>
                </c:pt>
                <c:pt idx="16">
                  <c:v>15.009033004084259</c:v>
                </c:pt>
                <c:pt idx="17">
                  <c:v>15.008228582598232</c:v>
                </c:pt>
                <c:pt idx="18">
                  <c:v>15.003931797147242</c:v>
                </c:pt>
                <c:pt idx="19">
                  <c:v>15.001559649123998</c:v>
                </c:pt>
                <c:pt idx="20">
                  <c:v>14.997673329384124</c:v>
                </c:pt>
                <c:pt idx="21">
                  <c:v>14.9932289093687</c:v>
                </c:pt>
                <c:pt idx="22">
                  <c:v>14.988490338360684</c:v>
                </c:pt>
                <c:pt idx="23">
                  <c:v>14.986846200289454</c:v>
                </c:pt>
                <c:pt idx="24">
                  <c:v>14.980334248325518</c:v>
                </c:pt>
                <c:pt idx="25">
                  <c:v>14.976335322463461</c:v>
                </c:pt>
                <c:pt idx="26">
                  <c:v>14.972027484621325</c:v>
                </c:pt>
                <c:pt idx="27">
                  <c:v>14.966053892148086</c:v>
                </c:pt>
                <c:pt idx="28">
                  <c:v>14.963330434080659</c:v>
                </c:pt>
                <c:pt idx="29">
                  <c:v>14.958033783185904</c:v>
                </c:pt>
                <c:pt idx="30">
                  <c:v>14.952734769467488</c:v>
                </c:pt>
                <c:pt idx="31">
                  <c:v>14.952837610135512</c:v>
                </c:pt>
                <c:pt idx="32">
                  <c:v>14.945860524878649</c:v>
                </c:pt>
                <c:pt idx="33">
                  <c:v>14.941738724109554</c:v>
                </c:pt>
                <c:pt idx="34">
                  <c:v>14.93993092290132</c:v>
                </c:pt>
                <c:pt idx="35">
                  <c:v>14.936425107994289</c:v>
                </c:pt>
                <c:pt idx="36">
                  <c:v>14.933128496981048</c:v>
                </c:pt>
                <c:pt idx="37">
                  <c:v>14.928067176036494</c:v>
                </c:pt>
                <c:pt idx="38">
                  <c:v>14.92586099161977</c:v>
                </c:pt>
                <c:pt idx="39">
                  <c:v>14.922492115232737</c:v>
                </c:pt>
                <c:pt idx="40">
                  <c:v>14.919675690210743</c:v>
                </c:pt>
                <c:pt idx="41">
                  <c:v>14.914481775815883</c:v>
                </c:pt>
                <c:pt idx="42">
                  <c:v>14.910975093811629</c:v>
                </c:pt>
                <c:pt idx="43">
                  <c:v>14.908343889700754</c:v>
                </c:pt>
                <c:pt idx="44">
                  <c:v>14.90161109768516</c:v>
                </c:pt>
                <c:pt idx="45">
                  <c:v>14.899300181349949</c:v>
                </c:pt>
                <c:pt idx="46">
                  <c:v>14.895928683332537</c:v>
                </c:pt>
                <c:pt idx="47">
                  <c:v>14.890954817633597</c:v>
                </c:pt>
                <c:pt idx="48">
                  <c:v>14.887509258651011</c:v>
                </c:pt>
                <c:pt idx="49">
                  <c:v>14.884333989804954</c:v>
                </c:pt>
                <c:pt idx="50">
                  <c:v>14.879412524349339</c:v>
                </c:pt>
                <c:pt idx="51">
                  <c:v>14.873463698575522</c:v>
                </c:pt>
                <c:pt idx="52">
                  <c:v>14.869446526106811</c:v>
                </c:pt>
                <c:pt idx="53">
                  <c:v>14.86555122317157</c:v>
                </c:pt>
                <c:pt idx="54">
                  <c:v>14.858514939033418</c:v>
                </c:pt>
                <c:pt idx="55">
                  <c:v>14.855602478927326</c:v>
                </c:pt>
                <c:pt idx="56">
                  <c:v>14.853260114746274</c:v>
                </c:pt>
                <c:pt idx="57">
                  <c:v>14.847287753018007</c:v>
                </c:pt>
                <c:pt idx="58">
                  <c:v>14.843080010560373</c:v>
                </c:pt>
                <c:pt idx="59">
                  <c:v>14.836932894618974</c:v>
                </c:pt>
                <c:pt idx="60">
                  <c:v>14.83226048362261</c:v>
                </c:pt>
                <c:pt idx="61">
                  <c:v>14.828893856649033</c:v>
                </c:pt>
                <c:pt idx="62">
                  <c:v>14.821860089682382</c:v>
                </c:pt>
                <c:pt idx="63">
                  <c:v>14.815790371112486</c:v>
                </c:pt>
                <c:pt idx="64">
                  <c:v>14.807515901402136</c:v>
                </c:pt>
                <c:pt idx="65">
                  <c:v>14.804772646827017</c:v>
                </c:pt>
                <c:pt idx="66">
                  <c:v>14.802803972011693</c:v>
                </c:pt>
                <c:pt idx="67">
                  <c:v>14.79860226876025</c:v>
                </c:pt>
                <c:pt idx="68">
                  <c:v>14.796842328778828</c:v>
                </c:pt>
                <c:pt idx="69">
                  <c:v>14.792479032261033</c:v>
                </c:pt>
                <c:pt idx="70">
                  <c:v>14.786972416508888</c:v>
                </c:pt>
                <c:pt idx="71">
                  <c:v>14.781653611310317</c:v>
                </c:pt>
                <c:pt idx="72">
                  <c:v>14.775794390129265</c:v>
                </c:pt>
                <c:pt idx="73">
                  <c:v>14.770200383733059</c:v>
                </c:pt>
                <c:pt idx="74">
                  <c:v>14.765221208857509</c:v>
                </c:pt>
                <c:pt idx="75">
                  <c:v>14.76309373559276</c:v>
                </c:pt>
                <c:pt idx="76">
                  <c:v>14.75725015745506</c:v>
                </c:pt>
                <c:pt idx="77">
                  <c:v>14.752839584884256</c:v>
                </c:pt>
                <c:pt idx="78">
                  <c:v>14.750709923223305</c:v>
                </c:pt>
                <c:pt idx="79">
                  <c:v>14.744878440788712</c:v>
                </c:pt>
                <c:pt idx="80">
                  <c:v>14.739818430254482</c:v>
                </c:pt>
                <c:pt idx="81">
                  <c:v>14.733385517347568</c:v>
                </c:pt>
                <c:pt idx="82">
                  <c:v>14.73128933636915</c:v>
                </c:pt>
                <c:pt idx="83">
                  <c:v>14.727168520098861</c:v>
                </c:pt>
                <c:pt idx="84">
                  <c:v>14.721523150275431</c:v>
                </c:pt>
                <c:pt idx="85">
                  <c:v>14.715834704972449</c:v>
                </c:pt>
                <c:pt idx="86">
                  <c:v>14.708296233119626</c:v>
                </c:pt>
                <c:pt idx="87">
                  <c:v>14.704254234977272</c:v>
                </c:pt>
                <c:pt idx="88">
                  <c:v>14.700060644808145</c:v>
                </c:pt>
                <c:pt idx="89">
                  <c:v>14.694065199222928</c:v>
                </c:pt>
                <c:pt idx="90">
                  <c:v>14.687818799434254</c:v>
                </c:pt>
                <c:pt idx="91">
                  <c:v>14.683261632145559</c:v>
                </c:pt>
                <c:pt idx="92">
                  <c:v>14.676337907863008</c:v>
                </c:pt>
                <c:pt idx="93">
                  <c:v>14.667517473849232</c:v>
                </c:pt>
                <c:pt idx="94">
                  <c:v>14.662049332106625</c:v>
                </c:pt>
                <c:pt idx="95">
                  <c:v>14.656784555340346</c:v>
                </c:pt>
                <c:pt idx="96">
                  <c:v>14.650158844985839</c:v>
                </c:pt>
                <c:pt idx="97">
                  <c:v>14.646128439237277</c:v>
                </c:pt>
                <c:pt idx="98">
                  <c:v>14.64315940618622</c:v>
                </c:pt>
                <c:pt idx="99">
                  <c:v>14.640618535220172</c:v>
                </c:pt>
                <c:pt idx="100">
                  <c:v>14.634701485417454</c:v>
                </c:pt>
                <c:pt idx="101">
                  <c:v>14.627755596286825</c:v>
                </c:pt>
                <c:pt idx="102">
                  <c:v>14.618861713687837</c:v>
                </c:pt>
                <c:pt idx="103">
                  <c:v>14.611086482378665</c:v>
                </c:pt>
                <c:pt idx="104">
                  <c:v>14.604689215225653</c:v>
                </c:pt>
                <c:pt idx="105">
                  <c:v>14.59855951637852</c:v>
                </c:pt>
                <c:pt idx="106">
                  <c:v>14.596109760971991</c:v>
                </c:pt>
                <c:pt idx="107">
                  <c:v>14.592471997402175</c:v>
                </c:pt>
                <c:pt idx="108">
                  <c:v>14.585045275423209</c:v>
                </c:pt>
                <c:pt idx="109">
                  <c:v>14.584085523000603</c:v>
                </c:pt>
                <c:pt idx="110">
                  <c:v>14.580095647425701</c:v>
                </c:pt>
                <c:pt idx="111">
                  <c:v>14.575148637223283</c:v>
                </c:pt>
                <c:pt idx="112">
                  <c:v>14.568818505579962</c:v>
                </c:pt>
                <c:pt idx="113">
                  <c:v>14.559469909859047</c:v>
                </c:pt>
                <c:pt idx="114">
                  <c:v>14.555046489997155</c:v>
                </c:pt>
                <c:pt idx="115">
                  <c:v>14.547625927249761</c:v>
                </c:pt>
                <c:pt idx="116">
                  <c:v>14.54150943713744</c:v>
                </c:pt>
                <c:pt idx="117">
                  <c:v>14.536397029952338</c:v>
                </c:pt>
                <c:pt idx="118">
                  <c:v>14.534986762372114</c:v>
                </c:pt>
                <c:pt idx="119">
                  <c:v>14.531292499366277</c:v>
                </c:pt>
                <c:pt idx="120">
                  <c:v>14.528166195514084</c:v>
                </c:pt>
                <c:pt idx="121">
                  <c:v>14.519271552465145</c:v>
                </c:pt>
                <c:pt idx="122">
                  <c:v>14.511715644407889</c:v>
                </c:pt>
                <c:pt idx="123">
                  <c:v>14.504599558734492</c:v>
                </c:pt>
                <c:pt idx="124">
                  <c:v>14.498710669871752</c:v>
                </c:pt>
                <c:pt idx="125">
                  <c:v>14.496731848129123</c:v>
                </c:pt>
                <c:pt idx="126">
                  <c:v>14.491318253441269</c:v>
                </c:pt>
                <c:pt idx="127">
                  <c:v>14.48766380110871</c:v>
                </c:pt>
                <c:pt idx="128">
                  <c:v>14.484821252709525</c:v>
                </c:pt>
                <c:pt idx="129">
                  <c:v>14.477837910144602</c:v>
                </c:pt>
                <c:pt idx="130">
                  <c:v>14.470426584032616</c:v>
                </c:pt>
                <c:pt idx="131">
                  <c:v>14.46378254368341</c:v>
                </c:pt>
                <c:pt idx="132">
                  <c:v>14.455526241238237</c:v>
                </c:pt>
                <c:pt idx="133">
                  <c:v>14.451739499678553</c:v>
                </c:pt>
                <c:pt idx="134">
                  <c:v>14.446448171343084</c:v>
                </c:pt>
                <c:pt idx="135">
                  <c:v>14.437100437487203</c:v>
                </c:pt>
                <c:pt idx="136">
                  <c:v>14.434924487154344</c:v>
                </c:pt>
                <c:pt idx="137">
                  <c:v>14.429623745196078</c:v>
                </c:pt>
                <c:pt idx="138">
                  <c:v>14.425608265566407</c:v>
                </c:pt>
                <c:pt idx="139">
                  <c:v>14.420421942120015</c:v>
                </c:pt>
                <c:pt idx="140">
                  <c:v>14.415469737998832</c:v>
                </c:pt>
                <c:pt idx="141">
                  <c:v>14.411890264326118</c:v>
                </c:pt>
                <c:pt idx="142">
                  <c:v>14.403023749248028</c:v>
                </c:pt>
                <c:pt idx="143">
                  <c:v>14.395371706823514</c:v>
                </c:pt>
                <c:pt idx="144">
                  <c:v>14.388951205295006</c:v>
                </c:pt>
                <c:pt idx="145">
                  <c:v>14.380160220043557</c:v>
                </c:pt>
                <c:pt idx="146">
                  <c:v>14.372790454353664</c:v>
                </c:pt>
                <c:pt idx="147">
                  <c:v>14.370045163003827</c:v>
                </c:pt>
                <c:pt idx="148">
                  <c:v>14.364189718905305</c:v>
                </c:pt>
                <c:pt idx="149">
                  <c:v>14.35714528406243</c:v>
                </c:pt>
                <c:pt idx="150">
                  <c:v>14.355194218977307</c:v>
                </c:pt>
                <c:pt idx="151">
                  <c:v>14.350012727839566</c:v>
                </c:pt>
                <c:pt idx="152">
                  <c:v>14.34261606851809</c:v>
                </c:pt>
                <c:pt idx="153">
                  <c:v>14.337671234755954</c:v>
                </c:pt>
                <c:pt idx="154">
                  <c:v>14.327846820296033</c:v>
                </c:pt>
                <c:pt idx="155">
                  <c:v>14.320054813353964</c:v>
                </c:pt>
                <c:pt idx="156">
                  <c:v>14.312873646785791</c:v>
                </c:pt>
                <c:pt idx="157">
                  <c:v>14.310228529903181</c:v>
                </c:pt>
                <c:pt idx="158">
                  <c:v>14.30405223927602</c:v>
                </c:pt>
                <c:pt idx="159">
                  <c:v>14.298486596901999</c:v>
                </c:pt>
                <c:pt idx="160">
                  <c:v>14.288225585429961</c:v>
                </c:pt>
                <c:pt idx="161">
                  <c:v>14.278689823019096</c:v>
                </c:pt>
                <c:pt idx="162">
                  <c:v>14.27251096190667</c:v>
                </c:pt>
                <c:pt idx="163">
                  <c:v>14.264775236506905</c:v>
                </c:pt>
                <c:pt idx="164">
                  <c:v>14.256313620347912</c:v>
                </c:pt>
                <c:pt idx="165">
                  <c:v>14.247092062093458</c:v>
                </c:pt>
                <c:pt idx="166">
                  <c:v>14.242165192612548</c:v>
                </c:pt>
                <c:pt idx="167">
                  <c:v>14.233722867101836</c:v>
                </c:pt>
                <c:pt idx="168">
                  <c:v>14.228478285344471</c:v>
                </c:pt>
                <c:pt idx="169">
                  <c:v>14.217065588084232</c:v>
                </c:pt>
                <c:pt idx="170">
                  <c:v>14.211036425968613</c:v>
                </c:pt>
                <c:pt idx="171">
                  <c:v>14.203612961880744</c:v>
                </c:pt>
                <c:pt idx="172">
                  <c:v>14.19799247829777</c:v>
                </c:pt>
                <c:pt idx="173">
                  <c:v>14.191417377835476</c:v>
                </c:pt>
                <c:pt idx="174">
                  <c:v>14.183783480352895</c:v>
                </c:pt>
                <c:pt idx="175">
                  <c:v>14.176084159168571</c:v>
                </c:pt>
                <c:pt idx="176">
                  <c:v>14.170080765697019</c:v>
                </c:pt>
                <c:pt idx="177">
                  <c:v>14.165544233172907</c:v>
                </c:pt>
                <c:pt idx="178">
                  <c:v>14.161466296505292</c:v>
                </c:pt>
                <c:pt idx="179">
                  <c:v>14.157135404048448</c:v>
                </c:pt>
                <c:pt idx="180">
                  <c:v>14.154200791009824</c:v>
                </c:pt>
                <c:pt idx="181">
                  <c:v>14.147770777276639</c:v>
                </c:pt>
                <c:pt idx="182">
                  <c:v>14.140679835115399</c:v>
                </c:pt>
                <c:pt idx="183">
                  <c:v>14.132488376538017</c:v>
                </c:pt>
                <c:pt idx="184">
                  <c:v>14.122887550216571</c:v>
                </c:pt>
                <c:pt idx="185">
                  <c:v>14.118482264100177</c:v>
                </c:pt>
                <c:pt idx="186">
                  <c:v>14.111023473229128</c:v>
                </c:pt>
                <c:pt idx="187">
                  <c:v>14.106329789900773</c:v>
                </c:pt>
                <c:pt idx="188">
                  <c:v>14.10127011177487</c:v>
                </c:pt>
                <c:pt idx="189">
                  <c:v>14.094914782128441</c:v>
                </c:pt>
                <c:pt idx="190">
                  <c:v>14.08214059052712</c:v>
                </c:pt>
                <c:pt idx="191">
                  <c:v>14.07596997688926</c:v>
                </c:pt>
                <c:pt idx="192">
                  <c:v>14.067532758668394</c:v>
                </c:pt>
                <c:pt idx="193">
                  <c:v>14.058041269119251</c:v>
                </c:pt>
                <c:pt idx="194">
                  <c:v>14.046106355431657</c:v>
                </c:pt>
                <c:pt idx="195">
                  <c:v>14.030689312883403</c:v>
                </c:pt>
                <c:pt idx="196">
                  <c:v>14.024413821329704</c:v>
                </c:pt>
                <c:pt idx="197">
                  <c:v>14.017261330133611</c:v>
                </c:pt>
                <c:pt idx="198">
                  <c:v>14.012143447299639</c:v>
                </c:pt>
                <c:pt idx="199">
                  <c:v>14.002885151616058</c:v>
                </c:pt>
                <c:pt idx="200">
                  <c:v>13.993639266223825</c:v>
                </c:pt>
                <c:pt idx="201">
                  <c:v>13.987669011069439</c:v>
                </c:pt>
                <c:pt idx="202">
                  <c:v>13.979711849470947</c:v>
                </c:pt>
                <c:pt idx="203">
                  <c:v>13.969872570493484</c:v>
                </c:pt>
                <c:pt idx="204">
                  <c:v>13.960643325727158</c:v>
                </c:pt>
                <c:pt idx="205">
                  <c:v>13.951839354946163</c:v>
                </c:pt>
                <c:pt idx="206">
                  <c:v>13.940388228371361</c:v>
                </c:pt>
                <c:pt idx="207">
                  <c:v>13.932190645531589</c:v>
                </c:pt>
                <c:pt idx="208">
                  <c:v>13.928489516459859</c:v>
                </c:pt>
                <c:pt idx="209">
                  <c:v>13.921723593687682</c:v>
                </c:pt>
                <c:pt idx="210">
                  <c:v>13.914454001226009</c:v>
                </c:pt>
                <c:pt idx="211">
                  <c:v>13.90578078391415</c:v>
                </c:pt>
                <c:pt idx="212">
                  <c:v>13.899324315750608</c:v>
                </c:pt>
                <c:pt idx="213">
                  <c:v>13.891644993868896</c:v>
                </c:pt>
                <c:pt idx="214">
                  <c:v>13.883688973233754</c:v>
                </c:pt>
                <c:pt idx="215">
                  <c:v>13.877632280236224</c:v>
                </c:pt>
                <c:pt idx="216">
                  <c:v>13.867364101409589</c:v>
                </c:pt>
                <c:pt idx="217">
                  <c:v>13.862799437331688</c:v>
                </c:pt>
                <c:pt idx="218">
                  <c:v>13.854753599227712</c:v>
                </c:pt>
                <c:pt idx="219">
                  <c:v>13.845226463491914</c:v>
                </c:pt>
                <c:pt idx="220">
                  <c:v>13.835208092244063</c:v>
                </c:pt>
                <c:pt idx="221">
                  <c:v>13.8252638042757</c:v>
                </c:pt>
                <c:pt idx="222">
                  <c:v>13.816449211455398</c:v>
                </c:pt>
                <c:pt idx="223">
                  <c:v>13.807341095790267</c:v>
                </c:pt>
                <c:pt idx="224">
                  <c:v>13.795986551555908</c:v>
                </c:pt>
                <c:pt idx="225">
                  <c:v>13.787088016123125</c:v>
                </c:pt>
                <c:pt idx="226">
                  <c:v>13.779626056767281</c:v>
                </c:pt>
                <c:pt idx="227">
                  <c:v>13.770451004982174</c:v>
                </c:pt>
                <c:pt idx="228">
                  <c:v>13.761275254695281</c:v>
                </c:pt>
                <c:pt idx="229">
                  <c:v>13.751077892145183</c:v>
                </c:pt>
                <c:pt idx="230">
                  <c:v>13.739169485593466</c:v>
                </c:pt>
                <c:pt idx="231">
                  <c:v>13.736413532321169</c:v>
                </c:pt>
                <c:pt idx="232">
                  <c:v>13.732038654611687</c:v>
                </c:pt>
                <c:pt idx="233">
                  <c:v>13.723952629539038</c:v>
                </c:pt>
                <c:pt idx="234">
                  <c:v>13.713361778304233</c:v>
                </c:pt>
                <c:pt idx="235">
                  <c:v>13.706375367005691</c:v>
                </c:pt>
                <c:pt idx="236">
                  <c:v>13.698018001496909</c:v>
                </c:pt>
                <c:pt idx="237">
                  <c:v>13.685985279170326</c:v>
                </c:pt>
                <c:pt idx="238">
                  <c:v>13.676815204231097</c:v>
                </c:pt>
                <c:pt idx="239">
                  <c:v>13.670226950099472</c:v>
                </c:pt>
                <c:pt idx="240">
                  <c:v>13.661918782867485</c:v>
                </c:pt>
                <c:pt idx="241">
                  <c:v>13.655095395920657</c:v>
                </c:pt>
                <c:pt idx="242">
                  <c:v>13.64623976444193</c:v>
                </c:pt>
                <c:pt idx="243">
                  <c:v>13.639766792953401</c:v>
                </c:pt>
                <c:pt idx="244">
                  <c:v>13.632533857420198</c:v>
                </c:pt>
                <c:pt idx="245">
                  <c:v>13.623849904917472</c:v>
                </c:pt>
                <c:pt idx="246">
                  <c:v>13.617690858952473</c:v>
                </c:pt>
                <c:pt idx="247">
                  <c:v>13.613461970228727</c:v>
                </c:pt>
                <c:pt idx="248">
                  <c:v>13.606628548945435</c:v>
                </c:pt>
                <c:pt idx="249">
                  <c:v>13.600212949113192</c:v>
                </c:pt>
                <c:pt idx="250">
                  <c:v>13.592121390113308</c:v>
                </c:pt>
                <c:pt idx="251">
                  <c:v>13.583615408398478</c:v>
                </c:pt>
                <c:pt idx="252">
                  <c:v>13.574886556752787</c:v>
                </c:pt>
                <c:pt idx="253">
                  <c:v>13.563719356675735</c:v>
                </c:pt>
                <c:pt idx="254">
                  <c:v>13.553781121674229</c:v>
                </c:pt>
                <c:pt idx="255">
                  <c:v>13.541823579894427</c:v>
                </c:pt>
                <c:pt idx="256">
                  <c:v>13.53643004923415</c:v>
                </c:pt>
                <c:pt idx="257">
                  <c:v>13.527179517229685</c:v>
                </c:pt>
                <c:pt idx="258">
                  <c:v>13.515908987486856</c:v>
                </c:pt>
                <c:pt idx="259">
                  <c:v>13.505565432568076</c:v>
                </c:pt>
                <c:pt idx="260">
                  <c:v>13.495344883214084</c:v>
                </c:pt>
                <c:pt idx="261">
                  <c:v>13.484365793794792</c:v>
                </c:pt>
                <c:pt idx="262">
                  <c:v>13.475544200203942</c:v>
                </c:pt>
                <c:pt idx="263">
                  <c:v>13.467764128197684</c:v>
                </c:pt>
                <c:pt idx="264">
                  <c:v>13.457891398068416</c:v>
                </c:pt>
                <c:pt idx="265">
                  <c:v>13.446932845003179</c:v>
                </c:pt>
                <c:pt idx="266">
                  <c:v>13.436975541785372</c:v>
                </c:pt>
                <c:pt idx="267">
                  <c:v>13.428130266596794</c:v>
                </c:pt>
                <c:pt idx="268">
                  <c:v>13.415795107184044</c:v>
                </c:pt>
                <c:pt idx="269">
                  <c:v>13.404734181784328</c:v>
                </c:pt>
                <c:pt idx="270">
                  <c:v>13.39118501766473</c:v>
                </c:pt>
                <c:pt idx="271">
                  <c:v>13.383433553362067</c:v>
                </c:pt>
                <c:pt idx="272">
                  <c:v>13.373213645842839</c:v>
                </c:pt>
                <c:pt idx="273">
                  <c:v>13.365374497495072</c:v>
                </c:pt>
                <c:pt idx="274">
                  <c:v>13.357309191970907</c:v>
                </c:pt>
                <c:pt idx="275">
                  <c:v>13.34791563246605</c:v>
                </c:pt>
                <c:pt idx="276">
                  <c:v>13.338057520206545</c:v>
                </c:pt>
                <c:pt idx="277">
                  <c:v>13.324417153167357</c:v>
                </c:pt>
                <c:pt idx="278">
                  <c:v>13.315719776814015</c:v>
                </c:pt>
                <c:pt idx="279">
                  <c:v>13.308112799086537</c:v>
                </c:pt>
                <c:pt idx="280">
                  <c:v>13.301806591508864</c:v>
                </c:pt>
                <c:pt idx="281">
                  <c:v>13.294688113948585</c:v>
                </c:pt>
                <c:pt idx="282">
                  <c:v>13.286678603575917</c:v>
                </c:pt>
                <c:pt idx="283">
                  <c:v>13.276091964406019</c:v>
                </c:pt>
                <c:pt idx="284">
                  <c:v>13.258997662604278</c:v>
                </c:pt>
                <c:pt idx="285">
                  <c:v>13.250914557785977</c:v>
                </c:pt>
                <c:pt idx="286">
                  <c:v>13.243850025186109</c:v>
                </c:pt>
                <c:pt idx="287">
                  <c:v>13.233535751023421</c:v>
                </c:pt>
                <c:pt idx="288">
                  <c:v>13.221711921293586</c:v>
                </c:pt>
                <c:pt idx="289">
                  <c:v>13.211175483927327</c:v>
                </c:pt>
                <c:pt idx="290">
                  <c:v>13.201540839733251</c:v>
                </c:pt>
                <c:pt idx="291">
                  <c:v>13.195664109336551</c:v>
                </c:pt>
                <c:pt idx="292">
                  <c:v>13.180497749928037</c:v>
                </c:pt>
                <c:pt idx="293">
                  <c:v>13.16884187364875</c:v>
                </c:pt>
                <c:pt idx="294">
                  <c:v>13.158165326216219</c:v>
                </c:pt>
                <c:pt idx="295">
                  <c:v>13.146023758231905</c:v>
                </c:pt>
                <c:pt idx="296">
                  <c:v>13.136198701073765</c:v>
                </c:pt>
                <c:pt idx="297">
                  <c:v>13.126767979197123</c:v>
                </c:pt>
                <c:pt idx="298">
                  <c:v>13.118530313740182</c:v>
                </c:pt>
                <c:pt idx="299">
                  <c:v>13.108463669892107</c:v>
                </c:pt>
                <c:pt idx="300">
                  <c:v>13.096923969824648</c:v>
                </c:pt>
                <c:pt idx="301">
                  <c:v>13.083914738512087</c:v>
                </c:pt>
                <c:pt idx="302">
                  <c:v>13.071707100289688</c:v>
                </c:pt>
                <c:pt idx="303">
                  <c:v>13.060962278571886</c:v>
                </c:pt>
                <c:pt idx="304">
                  <c:v>13.050498777920625</c:v>
                </c:pt>
                <c:pt idx="305">
                  <c:v>13.038735541035637</c:v>
                </c:pt>
                <c:pt idx="306">
                  <c:v>13.027509054625311</c:v>
                </c:pt>
                <c:pt idx="307">
                  <c:v>13.019446804431452</c:v>
                </c:pt>
                <c:pt idx="308">
                  <c:v>13.007900645791175</c:v>
                </c:pt>
                <c:pt idx="309">
                  <c:v>12.998785595086343</c:v>
                </c:pt>
                <c:pt idx="310">
                  <c:v>12.990838644110822</c:v>
                </c:pt>
                <c:pt idx="311">
                  <c:v>12.983942069217079</c:v>
                </c:pt>
                <c:pt idx="312">
                  <c:v>12.97466386378588</c:v>
                </c:pt>
                <c:pt idx="313">
                  <c:v>12.965405771339302</c:v>
                </c:pt>
                <c:pt idx="314">
                  <c:v>12.957098751238684</c:v>
                </c:pt>
                <c:pt idx="315">
                  <c:v>12.942770173175225</c:v>
                </c:pt>
                <c:pt idx="316">
                  <c:v>12.93640175283994</c:v>
                </c:pt>
                <c:pt idx="317">
                  <c:v>12.922618855565194</c:v>
                </c:pt>
                <c:pt idx="318">
                  <c:v>12.910574976894109</c:v>
                </c:pt>
                <c:pt idx="319">
                  <c:v>12.901069096345436</c:v>
                </c:pt>
                <c:pt idx="320">
                  <c:v>12.89103148604746</c:v>
                </c:pt>
                <c:pt idx="321">
                  <c:v>12.876910330505716</c:v>
                </c:pt>
                <c:pt idx="322">
                  <c:v>12.863163491266356</c:v>
                </c:pt>
                <c:pt idx="323">
                  <c:v>12.853111341344615</c:v>
                </c:pt>
                <c:pt idx="324">
                  <c:v>12.841655006935646</c:v>
                </c:pt>
                <c:pt idx="325">
                  <c:v>12.830583350861053</c:v>
                </c:pt>
                <c:pt idx="326">
                  <c:v>12.819939004390161</c:v>
                </c:pt>
                <c:pt idx="327">
                  <c:v>12.808789267869356</c:v>
                </c:pt>
                <c:pt idx="328">
                  <c:v>12.795137597404246</c:v>
                </c:pt>
                <c:pt idx="329">
                  <c:v>12.782619279939754</c:v>
                </c:pt>
                <c:pt idx="330">
                  <c:v>12.770445127949959</c:v>
                </c:pt>
                <c:pt idx="331">
                  <c:v>12.761602359289478</c:v>
                </c:pt>
                <c:pt idx="332">
                  <c:v>12.748368113082272</c:v>
                </c:pt>
                <c:pt idx="333">
                  <c:v>12.737177276047502</c:v>
                </c:pt>
                <c:pt idx="334">
                  <c:v>12.72282478305617</c:v>
                </c:pt>
                <c:pt idx="335">
                  <c:v>12.710140640813441</c:v>
                </c:pt>
                <c:pt idx="336">
                  <c:v>12.697736041798681</c:v>
                </c:pt>
                <c:pt idx="337">
                  <c:v>12.683722307815682</c:v>
                </c:pt>
                <c:pt idx="338">
                  <c:v>12.676499728769025</c:v>
                </c:pt>
                <c:pt idx="339">
                  <c:v>12.662690526203276</c:v>
                </c:pt>
                <c:pt idx="340">
                  <c:v>12.651298207606899</c:v>
                </c:pt>
                <c:pt idx="341">
                  <c:v>12.642656053805338</c:v>
                </c:pt>
                <c:pt idx="342">
                  <c:v>12.633250761326144</c:v>
                </c:pt>
                <c:pt idx="343">
                  <c:v>12.619388929990846</c:v>
                </c:pt>
                <c:pt idx="344">
                  <c:v>12.606045389007395</c:v>
                </c:pt>
                <c:pt idx="345">
                  <c:v>12.592456879359434</c:v>
                </c:pt>
                <c:pt idx="346">
                  <c:v>12.579388210329979</c:v>
                </c:pt>
                <c:pt idx="347">
                  <c:v>12.568692322209658</c:v>
                </c:pt>
                <c:pt idx="348">
                  <c:v>12.555700651019533</c:v>
                </c:pt>
                <c:pt idx="349">
                  <c:v>12.541933095999795</c:v>
                </c:pt>
                <c:pt idx="350">
                  <c:v>12.528594483787645</c:v>
                </c:pt>
                <c:pt idx="351">
                  <c:v>12.517129031407036</c:v>
                </c:pt>
                <c:pt idx="352">
                  <c:v>12.507764770546977</c:v>
                </c:pt>
                <c:pt idx="353">
                  <c:v>12.497172177900403</c:v>
                </c:pt>
                <c:pt idx="354">
                  <c:v>12.484366865530019</c:v>
                </c:pt>
                <c:pt idx="355">
                  <c:v>12.472570971267217</c:v>
                </c:pt>
                <c:pt idx="356">
                  <c:v>12.460382870529331</c:v>
                </c:pt>
                <c:pt idx="357">
                  <c:v>12.447696726263406</c:v>
                </c:pt>
                <c:pt idx="358">
                  <c:v>12.436103469140047</c:v>
                </c:pt>
                <c:pt idx="359">
                  <c:v>12.419465882613631</c:v>
                </c:pt>
                <c:pt idx="360">
                  <c:v>12.405006854058334</c:v>
                </c:pt>
                <c:pt idx="361">
                  <c:v>12.390543524037863</c:v>
                </c:pt>
                <c:pt idx="362">
                  <c:v>12.380341742793631</c:v>
                </c:pt>
                <c:pt idx="363">
                  <c:v>12.365376866990969</c:v>
                </c:pt>
                <c:pt idx="364">
                  <c:v>12.353155034366351</c:v>
                </c:pt>
                <c:pt idx="365">
                  <c:v>12.338821191971556</c:v>
                </c:pt>
                <c:pt idx="366">
                  <c:v>12.330237390742486</c:v>
                </c:pt>
                <c:pt idx="367">
                  <c:v>12.319810205001284</c:v>
                </c:pt>
                <c:pt idx="368">
                  <c:v>12.307539784473388</c:v>
                </c:pt>
                <c:pt idx="369">
                  <c:v>12.291313792778157</c:v>
                </c:pt>
                <c:pt idx="370">
                  <c:v>12.278572082238451</c:v>
                </c:pt>
                <c:pt idx="371">
                  <c:v>12.264628572810363</c:v>
                </c:pt>
                <c:pt idx="372">
                  <c:v>12.248905834040556</c:v>
                </c:pt>
                <c:pt idx="373">
                  <c:v>12.235411203373689</c:v>
                </c:pt>
                <c:pt idx="374">
                  <c:v>12.221464644734105</c:v>
                </c:pt>
                <c:pt idx="375">
                  <c:v>12.208019739478869</c:v>
                </c:pt>
                <c:pt idx="376">
                  <c:v>12.193367119155724</c:v>
                </c:pt>
                <c:pt idx="377">
                  <c:v>12.182873574557462</c:v>
                </c:pt>
                <c:pt idx="378">
                  <c:v>12.171625669129368</c:v>
                </c:pt>
                <c:pt idx="379">
                  <c:v>12.15657735888642</c:v>
                </c:pt>
                <c:pt idx="380">
                  <c:v>12.140139547101908</c:v>
                </c:pt>
                <c:pt idx="381">
                  <c:v>12.130085694012728</c:v>
                </c:pt>
                <c:pt idx="382">
                  <c:v>12.118083044968387</c:v>
                </c:pt>
                <c:pt idx="383">
                  <c:v>12.103366383643429</c:v>
                </c:pt>
                <c:pt idx="384">
                  <c:v>12.09343077381706</c:v>
                </c:pt>
                <c:pt idx="385">
                  <c:v>12.074215378484105</c:v>
                </c:pt>
                <c:pt idx="386">
                  <c:v>12.054076364437455</c:v>
                </c:pt>
                <c:pt idx="387">
                  <c:v>12.040257703745629</c:v>
                </c:pt>
                <c:pt idx="388">
                  <c:v>12.025708251931439</c:v>
                </c:pt>
                <c:pt idx="389">
                  <c:v>12.016139308613345</c:v>
                </c:pt>
                <c:pt idx="390">
                  <c:v>12.002489495314892</c:v>
                </c:pt>
                <c:pt idx="391">
                  <c:v>11.985003069926051</c:v>
                </c:pt>
                <c:pt idx="392">
                  <c:v>11.974049976535756</c:v>
                </c:pt>
                <c:pt idx="393">
                  <c:v>11.963586905288251</c:v>
                </c:pt>
                <c:pt idx="394">
                  <c:v>11.950539346078845</c:v>
                </c:pt>
                <c:pt idx="395">
                  <c:v>11.935508458270981</c:v>
                </c:pt>
                <c:pt idx="396">
                  <c:v>11.916305561534413</c:v>
                </c:pt>
                <c:pt idx="397">
                  <c:v>11.891909818945615</c:v>
                </c:pt>
                <c:pt idx="398">
                  <c:v>11.87731382324114</c:v>
                </c:pt>
                <c:pt idx="399">
                  <c:v>11.861568366728156</c:v>
                </c:pt>
                <c:pt idx="400">
                  <c:v>11.84399678644581</c:v>
                </c:pt>
                <c:pt idx="401">
                  <c:v>11.828043048248949</c:v>
                </c:pt>
                <c:pt idx="402">
                  <c:v>11.813670144686826</c:v>
                </c:pt>
                <c:pt idx="403">
                  <c:v>11.803270364783664</c:v>
                </c:pt>
                <c:pt idx="404">
                  <c:v>11.792952317621172</c:v>
                </c:pt>
                <c:pt idx="405">
                  <c:v>11.780228539061977</c:v>
                </c:pt>
                <c:pt idx="406">
                  <c:v>11.766388913362515</c:v>
                </c:pt>
                <c:pt idx="407">
                  <c:v>11.749053977406765</c:v>
                </c:pt>
                <c:pt idx="408">
                  <c:v>11.730790559768366</c:v>
                </c:pt>
                <c:pt idx="409">
                  <c:v>11.71494173623298</c:v>
                </c:pt>
                <c:pt idx="410">
                  <c:v>11.700405772470729</c:v>
                </c:pt>
                <c:pt idx="411">
                  <c:v>11.686288450590055</c:v>
                </c:pt>
                <c:pt idx="412">
                  <c:v>11.673352521447622</c:v>
                </c:pt>
                <c:pt idx="413">
                  <c:v>11.66058331282145</c:v>
                </c:pt>
                <c:pt idx="414">
                  <c:v>11.647109847560584</c:v>
                </c:pt>
                <c:pt idx="415">
                  <c:v>11.633781053669994</c:v>
                </c:pt>
                <c:pt idx="416">
                  <c:v>11.622664534210942</c:v>
                </c:pt>
                <c:pt idx="417">
                  <c:v>11.606908249235307</c:v>
                </c:pt>
                <c:pt idx="418">
                  <c:v>11.590244309800875</c:v>
                </c:pt>
                <c:pt idx="419">
                  <c:v>11.576025950940622</c:v>
                </c:pt>
                <c:pt idx="420">
                  <c:v>11.559722698670694</c:v>
                </c:pt>
                <c:pt idx="421">
                  <c:v>11.541550441117034</c:v>
                </c:pt>
                <c:pt idx="422">
                  <c:v>11.527971501171914</c:v>
                </c:pt>
                <c:pt idx="423">
                  <c:v>11.511113061720982</c:v>
                </c:pt>
                <c:pt idx="424">
                  <c:v>11.497874441700072</c:v>
                </c:pt>
                <c:pt idx="425">
                  <c:v>11.481070719911314</c:v>
                </c:pt>
                <c:pt idx="426">
                  <c:v>11.465883005020467</c:v>
                </c:pt>
                <c:pt idx="427">
                  <c:v>11.451287062629767</c:v>
                </c:pt>
                <c:pt idx="428">
                  <c:v>11.434978161415158</c:v>
                </c:pt>
                <c:pt idx="429">
                  <c:v>11.415258363929706</c:v>
                </c:pt>
                <c:pt idx="430">
                  <c:v>11.399481494460229</c:v>
                </c:pt>
                <c:pt idx="431">
                  <c:v>11.377909955484874</c:v>
                </c:pt>
                <c:pt idx="432">
                  <c:v>11.356836578331732</c:v>
                </c:pt>
                <c:pt idx="433">
                  <c:v>11.34130764176437</c:v>
                </c:pt>
                <c:pt idx="434">
                  <c:v>11.327441473777663</c:v>
                </c:pt>
                <c:pt idx="435">
                  <c:v>11.311072466216071</c:v>
                </c:pt>
                <c:pt idx="436">
                  <c:v>11.293026621704643</c:v>
                </c:pt>
                <c:pt idx="437">
                  <c:v>11.276856477549119</c:v>
                </c:pt>
                <c:pt idx="438">
                  <c:v>11.259202414402376</c:v>
                </c:pt>
                <c:pt idx="439">
                  <c:v>11.244923006210138</c:v>
                </c:pt>
                <c:pt idx="440">
                  <c:v>11.226999924205179</c:v>
                </c:pt>
                <c:pt idx="441">
                  <c:v>11.207857758519904</c:v>
                </c:pt>
                <c:pt idx="442">
                  <c:v>11.194068983573276</c:v>
                </c:pt>
                <c:pt idx="443">
                  <c:v>11.175183556156195</c:v>
                </c:pt>
                <c:pt idx="444">
                  <c:v>11.160111380734136</c:v>
                </c:pt>
                <c:pt idx="445">
                  <c:v>11.143248495129424</c:v>
                </c:pt>
                <c:pt idx="446">
                  <c:v>11.120287627386212</c:v>
                </c:pt>
                <c:pt idx="447">
                  <c:v>11.105663893387222</c:v>
                </c:pt>
                <c:pt idx="448">
                  <c:v>11.090352518327888</c:v>
                </c:pt>
                <c:pt idx="449">
                  <c:v>11.073826605511316</c:v>
                </c:pt>
                <c:pt idx="450">
                  <c:v>11.054612089186824</c:v>
                </c:pt>
                <c:pt idx="451">
                  <c:v>11.035236476419497</c:v>
                </c:pt>
                <c:pt idx="452">
                  <c:v>11.024196181474295</c:v>
                </c:pt>
                <c:pt idx="453">
                  <c:v>11.00920727507331</c:v>
                </c:pt>
                <c:pt idx="454">
                  <c:v>10.993067533469276</c:v>
                </c:pt>
                <c:pt idx="455">
                  <c:v>10.97306930475283</c:v>
                </c:pt>
                <c:pt idx="456">
                  <c:v>10.956408095535121</c:v>
                </c:pt>
                <c:pt idx="457">
                  <c:v>10.93536552629406</c:v>
                </c:pt>
                <c:pt idx="458">
                  <c:v>10.918175885873906</c:v>
                </c:pt>
                <c:pt idx="459">
                  <c:v>10.899350081149397</c:v>
                </c:pt>
                <c:pt idx="460">
                  <c:v>10.885186784514616</c:v>
                </c:pt>
                <c:pt idx="461">
                  <c:v>10.86342329638315</c:v>
                </c:pt>
                <c:pt idx="462">
                  <c:v>10.846452131416918</c:v>
                </c:pt>
                <c:pt idx="463">
                  <c:v>10.826467809545958</c:v>
                </c:pt>
                <c:pt idx="464">
                  <c:v>10.805041994653365</c:v>
                </c:pt>
                <c:pt idx="465">
                  <c:v>10.785453145968077</c:v>
                </c:pt>
                <c:pt idx="466">
                  <c:v>10.763389129327951</c:v>
                </c:pt>
                <c:pt idx="467">
                  <c:v>10.740525249819564</c:v>
                </c:pt>
                <c:pt idx="468">
                  <c:v>10.71779331707533</c:v>
                </c:pt>
                <c:pt idx="469">
                  <c:v>10.699180018264464</c:v>
                </c:pt>
                <c:pt idx="470">
                  <c:v>10.67623480193337</c:v>
                </c:pt>
                <c:pt idx="471">
                  <c:v>10.656170800941833</c:v>
                </c:pt>
                <c:pt idx="472">
                  <c:v>10.631840183290681</c:v>
                </c:pt>
                <c:pt idx="473">
                  <c:v>10.613915509078929</c:v>
                </c:pt>
                <c:pt idx="474">
                  <c:v>10.598414396828506</c:v>
                </c:pt>
                <c:pt idx="475">
                  <c:v>10.584204247400093</c:v>
                </c:pt>
                <c:pt idx="476">
                  <c:v>10.566209420010569</c:v>
                </c:pt>
                <c:pt idx="477">
                  <c:v>10.545688027485342</c:v>
                </c:pt>
                <c:pt idx="478">
                  <c:v>10.525439723916289</c:v>
                </c:pt>
                <c:pt idx="479">
                  <c:v>10.493189385298562</c:v>
                </c:pt>
                <c:pt idx="480">
                  <c:v>10.475994115017093</c:v>
                </c:pt>
                <c:pt idx="481">
                  <c:v>10.45757718461704</c:v>
                </c:pt>
                <c:pt idx="482">
                  <c:v>10.442547501746198</c:v>
                </c:pt>
                <c:pt idx="483">
                  <c:v>10.421475617970197</c:v>
                </c:pt>
                <c:pt idx="484">
                  <c:v>10.398548275419506</c:v>
                </c:pt>
                <c:pt idx="485">
                  <c:v>10.380265130359335</c:v>
                </c:pt>
                <c:pt idx="486">
                  <c:v>10.36259238924475</c:v>
                </c:pt>
                <c:pt idx="487">
                  <c:v>10.344667972545313</c:v>
                </c:pt>
                <c:pt idx="488">
                  <c:v>10.321388152740415</c:v>
                </c:pt>
                <c:pt idx="489">
                  <c:v>10.300155269958633</c:v>
                </c:pt>
                <c:pt idx="490">
                  <c:v>10.281219697596665</c:v>
                </c:pt>
                <c:pt idx="491">
                  <c:v>10.261635990894323</c:v>
                </c:pt>
                <c:pt idx="492">
                  <c:v>10.241070878951501</c:v>
                </c:pt>
                <c:pt idx="493">
                  <c:v>10.220635821324166</c:v>
                </c:pt>
                <c:pt idx="494">
                  <c:v>10.19739700563083</c:v>
                </c:pt>
                <c:pt idx="495">
                  <c:v>10.177629780949493</c:v>
                </c:pt>
                <c:pt idx="496">
                  <c:v>10.148439334871602</c:v>
                </c:pt>
                <c:pt idx="497">
                  <c:v>10.129940562408137</c:v>
                </c:pt>
                <c:pt idx="498">
                  <c:v>10.102017913253434</c:v>
                </c:pt>
                <c:pt idx="499">
                  <c:v>10.080472216587228</c:v>
                </c:pt>
                <c:pt idx="500">
                  <c:v>10.053243948874552</c:v>
                </c:pt>
                <c:pt idx="501">
                  <c:v>10.025575881967722</c:v>
                </c:pt>
                <c:pt idx="502">
                  <c:v>10.000302293054501</c:v>
                </c:pt>
                <c:pt idx="503">
                  <c:v>9.9730977245230292</c:v>
                </c:pt>
                <c:pt idx="504">
                  <c:v>9.9505197427164713</c:v>
                </c:pt>
                <c:pt idx="505">
                  <c:v>9.93321541934084</c:v>
                </c:pt>
                <c:pt idx="506">
                  <c:v>9.9110412182207579</c:v>
                </c:pt>
                <c:pt idx="507">
                  <c:v>9.8906350254216342</c:v>
                </c:pt>
                <c:pt idx="508">
                  <c:v>9.8706834350423875</c:v>
                </c:pt>
                <c:pt idx="509">
                  <c:v>9.8450441457647067</c:v>
                </c:pt>
                <c:pt idx="510">
                  <c:v>9.8215282117473901</c:v>
                </c:pt>
                <c:pt idx="511">
                  <c:v>9.8027986342981865</c:v>
                </c:pt>
                <c:pt idx="512">
                  <c:v>9.7752006890243841</c:v>
                </c:pt>
                <c:pt idx="513">
                  <c:v>9.7522234232012863</c:v>
                </c:pt>
                <c:pt idx="514">
                  <c:v>9.7332479394052154</c:v>
                </c:pt>
                <c:pt idx="515">
                  <c:v>9.7089420792736458</c:v>
                </c:pt>
                <c:pt idx="516">
                  <c:v>9.6872767691971866</c:v>
                </c:pt>
                <c:pt idx="517">
                  <c:v>9.6638449247533664</c:v>
                </c:pt>
                <c:pt idx="518">
                  <c:v>9.6411583328744008</c:v>
                </c:pt>
                <c:pt idx="519">
                  <c:v>9.6187795159584031</c:v>
                </c:pt>
                <c:pt idx="520">
                  <c:v>9.5973839552380653</c:v>
                </c:pt>
                <c:pt idx="521">
                  <c:v>9.5673288525606051</c:v>
                </c:pt>
                <c:pt idx="522">
                  <c:v>9.5437963036368405</c:v>
                </c:pt>
                <c:pt idx="523">
                  <c:v>9.5155592420164137</c:v>
                </c:pt>
                <c:pt idx="524">
                  <c:v>9.4961906103980702</c:v>
                </c:pt>
                <c:pt idx="525">
                  <c:v>9.4666974911743029</c:v>
                </c:pt>
                <c:pt idx="526">
                  <c:v>9.442189791301896</c:v>
                </c:pt>
                <c:pt idx="527">
                  <c:v>9.4107282111812278</c:v>
                </c:pt>
                <c:pt idx="528">
                  <c:v>9.3818409438283243</c:v>
                </c:pt>
                <c:pt idx="529">
                  <c:v>9.3556436798581029</c:v>
                </c:pt>
                <c:pt idx="530">
                  <c:v>9.3222285952539821</c:v>
                </c:pt>
                <c:pt idx="531">
                  <c:v>9.2955332531588368</c:v>
                </c:pt>
                <c:pt idx="532">
                  <c:v>9.2724252949206996</c:v>
                </c:pt>
                <c:pt idx="533">
                  <c:v>9.2451816312629536</c:v>
                </c:pt>
                <c:pt idx="534">
                  <c:v>9.2169652022173434</c:v>
                </c:pt>
                <c:pt idx="535">
                  <c:v>9.1920593741906274</c:v>
                </c:pt>
                <c:pt idx="536">
                  <c:v>9.1648267931313736</c:v>
                </c:pt>
                <c:pt idx="537">
                  <c:v>9.140852403505825</c:v>
                </c:pt>
                <c:pt idx="538">
                  <c:v>9.1197686929865682</c:v>
                </c:pt>
                <c:pt idx="539">
                  <c:v>9.0908632152714191</c:v>
                </c:pt>
                <c:pt idx="540">
                  <c:v>9.0577857448603964</c:v>
                </c:pt>
                <c:pt idx="541">
                  <c:v>9.0302416352214312</c:v>
                </c:pt>
                <c:pt idx="542">
                  <c:v>9.0026368132865375</c:v>
                </c:pt>
                <c:pt idx="543">
                  <c:v>8.9748732235590776</c:v>
                </c:pt>
                <c:pt idx="544">
                  <c:v>8.9434686703477357</c:v>
                </c:pt>
                <c:pt idx="545">
                  <c:v>8.9137145797516393</c:v>
                </c:pt>
                <c:pt idx="546">
                  <c:v>8.8832430591841032</c:v>
                </c:pt>
                <c:pt idx="547">
                  <c:v>8.8564254645902967</c:v>
                </c:pt>
                <c:pt idx="548">
                  <c:v>8.8234134784854419</c:v>
                </c:pt>
                <c:pt idx="549">
                  <c:v>8.7900198536006098</c:v>
                </c:pt>
                <c:pt idx="550">
                  <c:v>8.7606994982337199</c:v>
                </c:pt>
                <c:pt idx="551">
                  <c:v>8.7288821119702629</c:v>
                </c:pt>
                <c:pt idx="552">
                  <c:v>8.7017047303245576</c:v>
                </c:pt>
                <c:pt idx="553">
                  <c:v>8.6643345327193106</c:v>
                </c:pt>
                <c:pt idx="554">
                  <c:v>8.6337132046038061</c:v>
                </c:pt>
                <c:pt idx="555">
                  <c:v>8.6044289284791482</c:v>
                </c:pt>
                <c:pt idx="556">
                  <c:v>8.570735993852109</c:v>
                </c:pt>
                <c:pt idx="557">
                  <c:v>8.5485142090121098</c:v>
                </c:pt>
                <c:pt idx="558">
                  <c:v>8.5152725681024393</c:v>
                </c:pt>
                <c:pt idx="559">
                  <c:v>8.4819276834982862</c:v>
                </c:pt>
                <c:pt idx="560">
                  <c:v>8.4492923793417685</c:v>
                </c:pt>
                <c:pt idx="561">
                  <c:v>8.4193279285547824</c:v>
                </c:pt>
                <c:pt idx="562">
                  <c:v>8.3893149197200128</c:v>
                </c:pt>
                <c:pt idx="563">
                  <c:v>8.3528185037666756</c:v>
                </c:pt>
                <c:pt idx="564">
                  <c:v>8.3163160199766608</c:v>
                </c:pt>
                <c:pt idx="565">
                  <c:v>8.2841140534497288</c:v>
                </c:pt>
                <c:pt idx="566">
                  <c:v>8.2472277624879418</c:v>
                </c:pt>
                <c:pt idx="567">
                  <c:v>8.2122318427963208</c:v>
                </c:pt>
                <c:pt idx="568">
                  <c:v>8.1740425291578447</c:v>
                </c:pt>
                <c:pt idx="569">
                  <c:v>8.1349089659643283</c:v>
                </c:pt>
                <c:pt idx="570">
                  <c:v>8.0902344351603546</c:v>
                </c:pt>
                <c:pt idx="571">
                  <c:v>8.0530742992094808</c:v>
                </c:pt>
                <c:pt idx="572">
                  <c:v>8.0250705865251906</c:v>
                </c:pt>
                <c:pt idx="573">
                  <c:v>7.9816669751668918</c:v>
                </c:pt>
                <c:pt idx="574">
                  <c:v>7.943864441991396</c:v>
                </c:pt>
                <c:pt idx="575">
                  <c:v>7.9095407471452797</c:v>
                </c:pt>
                <c:pt idx="576">
                  <c:v>7.8753276146975812</c:v>
                </c:pt>
                <c:pt idx="577">
                  <c:v>7.8381495388141644</c:v>
                </c:pt>
                <c:pt idx="578">
                  <c:v>7.7953892719292188</c:v>
                </c:pt>
                <c:pt idx="579">
                  <c:v>7.7517001809763411</c:v>
                </c:pt>
                <c:pt idx="580">
                  <c:v>7.712533909520455</c:v>
                </c:pt>
                <c:pt idx="581">
                  <c:v>7.6804298076478084</c:v>
                </c:pt>
                <c:pt idx="582">
                  <c:v>7.6316358959448207</c:v>
                </c:pt>
                <c:pt idx="583">
                  <c:v>7.5935915668467251</c:v>
                </c:pt>
                <c:pt idx="584">
                  <c:v>7.5557639729656287</c:v>
                </c:pt>
                <c:pt idx="585">
                  <c:v>7.5127497655439219</c:v>
                </c:pt>
                <c:pt idx="586">
                  <c:v>7.4614360052378501</c:v>
                </c:pt>
                <c:pt idx="587">
                  <c:v>7.4150404829658845</c:v>
                </c:pt>
                <c:pt idx="588">
                  <c:v>7.3715586071105239</c:v>
                </c:pt>
                <c:pt idx="589">
                  <c:v>7.3327033063996563</c:v>
                </c:pt>
                <c:pt idx="590">
                  <c:v>7.282824286032902</c:v>
                </c:pt>
                <c:pt idx="591">
                  <c:v>7.2438531136376376</c:v>
                </c:pt>
                <c:pt idx="592">
                  <c:v>7.1943497503831182</c:v>
                </c:pt>
                <c:pt idx="593">
                  <c:v>7.1554490755735385</c:v>
                </c:pt>
                <c:pt idx="594">
                  <c:v>7.0987321175958993</c:v>
                </c:pt>
                <c:pt idx="595">
                  <c:v>7.0495361493722166</c:v>
                </c:pt>
                <c:pt idx="596">
                  <c:v>6.9957743982870326</c:v>
                </c:pt>
                <c:pt idx="597">
                  <c:v>6.9430264285977268</c:v>
                </c:pt>
                <c:pt idx="598">
                  <c:v>6.8935196332914597</c:v>
                </c:pt>
                <c:pt idx="599">
                  <c:v>6.837933238367893</c:v>
                </c:pt>
                <c:pt idx="600">
                  <c:v>6.7731218790016001</c:v>
                </c:pt>
                <c:pt idx="601">
                  <c:v>6.7245422641333272</c:v>
                </c:pt>
                <c:pt idx="602">
                  <c:v>6.6726049845219775</c:v>
                </c:pt>
                <c:pt idx="603">
                  <c:v>6.6156034422788421</c:v>
                </c:pt>
                <c:pt idx="604">
                  <c:v>6.5640081480779893</c:v>
                </c:pt>
                <c:pt idx="605">
                  <c:v>6.5027740728491539</c:v>
                </c:pt>
                <c:pt idx="606">
                  <c:v>6.4364807336164116</c:v>
                </c:pt>
                <c:pt idx="607">
                  <c:v>6.3879365937803456</c:v>
                </c:pt>
                <c:pt idx="608">
                  <c:v>6.3244168383859876</c:v>
                </c:pt>
                <c:pt idx="609">
                  <c:v>6.264006321052884</c:v>
                </c:pt>
                <c:pt idx="610">
                  <c:v>6.187637853380954</c:v>
                </c:pt>
                <c:pt idx="611">
                  <c:v>6.1251912866087359</c:v>
                </c:pt>
                <c:pt idx="612">
                  <c:v>6.0595377844967988</c:v>
                </c:pt>
                <c:pt idx="613">
                  <c:v>5.9982151903542862</c:v>
                </c:pt>
                <c:pt idx="614">
                  <c:v>5.9269524545769592</c:v>
                </c:pt>
                <c:pt idx="615">
                  <c:v>5.8532449029988847</c:v>
                </c:pt>
                <c:pt idx="616">
                  <c:v>5.7871733527896403</c:v>
                </c:pt>
                <c:pt idx="617">
                  <c:v>5.715508636038324</c:v>
                </c:pt>
                <c:pt idx="618">
                  <c:v>5.6702460414620193</c:v>
                </c:pt>
                <c:pt idx="619">
                  <c:v>5.6811722211268751</c:v>
                </c:pt>
                <c:pt idx="620">
                  <c:v>5.6784024709559251</c:v>
                </c:pt>
                <c:pt idx="621">
                  <c:v>5.6774486161310751</c:v>
                </c:pt>
                <c:pt idx="622">
                  <c:v>5.6670370277045823</c:v>
                </c:pt>
                <c:pt idx="623">
                  <c:v>5.66240601742303</c:v>
                </c:pt>
                <c:pt idx="624">
                  <c:v>5.6482030299826951</c:v>
                </c:pt>
                <c:pt idx="625">
                  <c:v>5.6465345662807769</c:v>
                </c:pt>
                <c:pt idx="626">
                  <c:v>5.6400431390025165</c:v>
                </c:pt>
                <c:pt idx="627">
                  <c:v>5.6325523489443379</c:v>
                </c:pt>
                <c:pt idx="628">
                  <c:v>5.6283829287396108</c:v>
                </c:pt>
                <c:pt idx="629">
                  <c:v>5.6298404311677279</c:v>
                </c:pt>
                <c:pt idx="630">
                  <c:v>5.6265069346789325</c:v>
                </c:pt>
                <c:pt idx="631">
                  <c:v>5.6240004330880291</c:v>
                </c:pt>
                <c:pt idx="632">
                  <c:v>5.6227730771354736</c:v>
                </c:pt>
                <c:pt idx="633">
                  <c:v>5.6217315236949021</c:v>
                </c:pt>
                <c:pt idx="634">
                  <c:v>5.6186460054137664</c:v>
                </c:pt>
                <c:pt idx="635">
                  <c:v>5.6229467946831431</c:v>
                </c:pt>
                <c:pt idx="636">
                  <c:v>5.61722740446511</c:v>
                </c:pt>
                <c:pt idx="637">
                  <c:v>5.6122865949062435</c:v>
                </c:pt>
                <c:pt idx="638">
                  <c:v>5.6086420621481681</c:v>
                </c:pt>
                <c:pt idx="639">
                  <c:v>5.6024029611489468</c:v>
                </c:pt>
                <c:pt idx="640">
                  <c:v>5.6083053396993519</c:v>
                </c:pt>
                <c:pt idx="641">
                  <c:v>5.6075390583979416</c:v>
                </c:pt>
                <c:pt idx="642">
                  <c:v>5.609520978801215</c:v>
                </c:pt>
                <c:pt idx="643">
                  <c:v>5.6073451232513269</c:v>
                </c:pt>
                <c:pt idx="644">
                  <c:v>5.6061399602463187</c:v>
                </c:pt>
                <c:pt idx="645">
                  <c:v>5.6035591176609181</c:v>
                </c:pt>
                <c:pt idx="646">
                  <c:v>5.6007354417475126</c:v>
                </c:pt>
                <c:pt idx="647">
                  <c:v>5.597464734289705</c:v>
                </c:pt>
                <c:pt idx="648">
                  <c:v>5.5964454632169298</c:v>
                </c:pt>
                <c:pt idx="649">
                  <c:v>5.5958548336808382</c:v>
                </c:pt>
                <c:pt idx="650">
                  <c:v>5.5949012005395042</c:v>
                </c:pt>
                <c:pt idx="651">
                  <c:v>5.5948662075128652</c:v>
                </c:pt>
                <c:pt idx="652">
                  <c:v>5.5924835789692224</c:v>
                </c:pt>
                <c:pt idx="653">
                  <c:v>5.5903188990023169</c:v>
                </c:pt>
                <c:pt idx="654">
                  <c:v>5.5885985354541363</c:v>
                </c:pt>
                <c:pt idx="655">
                  <c:v>5.5896678780093501</c:v>
                </c:pt>
                <c:pt idx="656">
                  <c:v>5.5844938272190463</c:v>
                </c:pt>
                <c:pt idx="657">
                  <c:v>5.5827582751960803</c:v>
                </c:pt>
                <c:pt idx="658">
                  <c:v>5.5804690165300217</c:v>
                </c:pt>
                <c:pt idx="659">
                  <c:v>5.5780508082877969</c:v>
                </c:pt>
                <c:pt idx="660">
                  <c:v>5.5749066050289722</c:v>
                </c:pt>
                <c:pt idx="661">
                  <c:v>5.5747398969890387</c:v>
                </c:pt>
                <c:pt idx="662">
                  <c:v>5.5724761071575326</c:v>
                </c:pt>
                <c:pt idx="663">
                  <c:v>5.5711040157126943</c:v>
                </c:pt>
                <c:pt idx="664">
                  <c:v>5.5701423135871835</c:v>
                </c:pt>
                <c:pt idx="665">
                  <c:v>5.5671212514088069</c:v>
                </c:pt>
                <c:pt idx="666">
                  <c:v>5.5638939450303182</c:v>
                </c:pt>
                <c:pt idx="667">
                  <c:v>5.5650667984935387</c:v>
                </c:pt>
                <c:pt idx="668">
                  <c:v>5.5612292542175741</c:v>
                </c:pt>
                <c:pt idx="669">
                  <c:v>5.5601931928960546</c:v>
                </c:pt>
                <c:pt idx="670">
                  <c:v>5.5571649849981686</c:v>
                </c:pt>
                <c:pt idx="671">
                  <c:v>5.5549039043908337</c:v>
                </c:pt>
                <c:pt idx="672">
                  <c:v>5.5519189299183598</c:v>
                </c:pt>
                <c:pt idx="673">
                  <c:v>5.5481078788439646</c:v>
                </c:pt>
                <c:pt idx="674">
                  <c:v>5.5496132497189317</c:v>
                </c:pt>
                <c:pt idx="675">
                  <c:v>5.5481931466759962</c:v>
                </c:pt>
                <c:pt idx="676">
                  <c:v>5.544546695382536</c:v>
                </c:pt>
                <c:pt idx="677">
                  <c:v>5.5435566565031955</c:v>
                </c:pt>
                <c:pt idx="678">
                  <c:v>5.5418663713281999</c:v>
                </c:pt>
                <c:pt idx="679">
                  <c:v>5.5412476583958856</c:v>
                </c:pt>
                <c:pt idx="680">
                  <c:v>5.5382250825820343</c:v>
                </c:pt>
                <c:pt idx="681">
                  <c:v>5.5337635487704819</c:v>
                </c:pt>
                <c:pt idx="682">
                  <c:v>5.5340071007900056</c:v>
                </c:pt>
                <c:pt idx="683">
                  <c:v>5.5335660713191093</c:v>
                </c:pt>
                <c:pt idx="684">
                  <c:v>5.5310363549948773</c:v>
                </c:pt>
                <c:pt idx="685">
                  <c:v>5.5318725443829795</c:v>
                </c:pt>
                <c:pt idx="686">
                  <c:v>5.5254380824251212</c:v>
                </c:pt>
                <c:pt idx="687">
                  <c:v>5.5280301622516061</c:v>
                </c:pt>
                <c:pt idx="688">
                  <c:v>5.528494083372296</c:v>
                </c:pt>
                <c:pt idx="689">
                  <c:v>5.5275442761640168</c:v>
                </c:pt>
                <c:pt idx="690">
                  <c:v>5.5261842833394139</c:v>
                </c:pt>
                <c:pt idx="691">
                  <c:v>5.5235178973427717</c:v>
                </c:pt>
                <c:pt idx="692">
                  <c:v>5.5231219617959706</c:v>
                </c:pt>
                <c:pt idx="693">
                  <c:v>5.5220221883345433</c:v>
                </c:pt>
                <c:pt idx="694">
                  <c:v>5.520630548266344</c:v>
                </c:pt>
                <c:pt idx="695">
                  <c:v>5.5217424237843158</c:v>
                </c:pt>
                <c:pt idx="696">
                  <c:v>5.5199216023532536</c:v>
                </c:pt>
                <c:pt idx="697">
                  <c:v>5.5179776379427672</c:v>
                </c:pt>
                <c:pt idx="698">
                  <c:v>5.5153902267444384</c:v>
                </c:pt>
                <c:pt idx="699">
                  <c:v>5.5124337979617843</c:v>
                </c:pt>
                <c:pt idx="700">
                  <c:v>5.5091779068282243</c:v>
                </c:pt>
                <c:pt idx="701">
                  <c:v>5.5055488547172349</c:v>
                </c:pt>
                <c:pt idx="702">
                  <c:v>5.5034587750849884</c:v>
                </c:pt>
                <c:pt idx="703">
                  <c:v>5.5015628282187761</c:v>
                </c:pt>
                <c:pt idx="704">
                  <c:v>5.4993096558467052</c:v>
                </c:pt>
                <c:pt idx="705">
                  <c:v>5.495691564055166</c:v>
                </c:pt>
                <c:pt idx="706">
                  <c:v>5.4942567534458222</c:v>
                </c:pt>
                <c:pt idx="707">
                  <c:v>5.4937261962154391</c:v>
                </c:pt>
                <c:pt idx="708">
                  <c:v>5.4889745481977998</c:v>
                </c:pt>
                <c:pt idx="709">
                  <c:v>5.4893919503509432</c:v>
                </c:pt>
                <c:pt idx="710">
                  <c:v>5.4859510956247641</c:v>
                </c:pt>
                <c:pt idx="711">
                  <c:v>5.4841298950766371</c:v>
                </c:pt>
                <c:pt idx="712">
                  <c:v>5.4833457876647067</c:v>
                </c:pt>
                <c:pt idx="713">
                  <c:v>5.484280422645436</c:v>
                </c:pt>
                <c:pt idx="714">
                  <c:v>5.4823249871655895</c:v>
                </c:pt>
                <c:pt idx="715">
                  <c:v>5.480239614043275</c:v>
                </c:pt>
                <c:pt idx="716">
                  <c:v>5.4807376872833453</c:v>
                </c:pt>
                <c:pt idx="717">
                  <c:v>5.4792563773241723</c:v>
                </c:pt>
                <c:pt idx="718">
                  <c:v>5.4789613980295089</c:v>
                </c:pt>
                <c:pt idx="719">
                  <c:v>5.4792776538345453</c:v>
                </c:pt>
                <c:pt idx="720">
                  <c:v>5.4791377252670586</c:v>
                </c:pt>
                <c:pt idx="721">
                  <c:v>5.4781842009333621</c:v>
                </c:pt>
                <c:pt idx="722">
                  <c:v>5.4799997052069127</c:v>
                </c:pt>
                <c:pt idx="723">
                  <c:v>5.4752281712543702</c:v>
                </c:pt>
                <c:pt idx="724">
                  <c:v>5.473773544166689</c:v>
                </c:pt>
                <c:pt idx="725">
                  <c:v>5.4708953105793494</c:v>
                </c:pt>
                <c:pt idx="726">
                  <c:v>5.4680651744880153</c:v>
                </c:pt>
                <c:pt idx="727">
                  <c:v>5.4651798005056804</c:v>
                </c:pt>
                <c:pt idx="728">
                  <c:v>5.4652307545729091</c:v>
                </c:pt>
                <c:pt idx="729">
                  <c:v>5.4634704517570016</c:v>
                </c:pt>
                <c:pt idx="730">
                  <c:v>5.4633966090439285</c:v>
                </c:pt>
                <c:pt idx="731">
                  <c:v>5.4641996369527828</c:v>
                </c:pt>
                <c:pt idx="732">
                  <c:v>5.4605018975916542</c:v>
                </c:pt>
                <c:pt idx="733">
                  <c:v>5.4577132259600134</c:v>
                </c:pt>
                <c:pt idx="734">
                  <c:v>5.4553976129378432</c:v>
                </c:pt>
                <c:pt idx="735">
                  <c:v>5.4517911368255101</c:v>
                </c:pt>
                <c:pt idx="736">
                  <c:v>5.4514364191418192</c:v>
                </c:pt>
                <c:pt idx="737">
                  <c:v>5.4484545222367036</c:v>
                </c:pt>
                <c:pt idx="738">
                  <c:v>5.4454556158468685</c:v>
                </c:pt>
                <c:pt idx="739">
                  <c:v>5.4451202812461661</c:v>
                </c:pt>
                <c:pt idx="740">
                  <c:v>5.4480799698734454</c:v>
                </c:pt>
                <c:pt idx="741">
                  <c:v>5.4442033975183746</c:v>
                </c:pt>
                <c:pt idx="742">
                  <c:v>5.4447278759554338</c:v>
                </c:pt>
                <c:pt idx="743">
                  <c:v>5.4439515234027818</c:v>
                </c:pt>
                <c:pt idx="744">
                  <c:v>5.4458041307246692</c:v>
                </c:pt>
                <c:pt idx="745">
                  <c:v>5.442532838295115</c:v>
                </c:pt>
                <c:pt idx="746">
                  <c:v>5.4407049077209573</c:v>
                </c:pt>
                <c:pt idx="747">
                  <c:v>5.4396819713781799</c:v>
                </c:pt>
                <c:pt idx="748">
                  <c:v>5.4402496692412159</c:v>
                </c:pt>
                <c:pt idx="749">
                  <c:v>5.4392585308667769</c:v>
                </c:pt>
                <c:pt idx="750">
                  <c:v>5.4376331200521486</c:v>
                </c:pt>
                <c:pt idx="751">
                  <c:v>5.439303909792744</c:v>
                </c:pt>
                <c:pt idx="752">
                  <c:v>5.4373412897261497</c:v>
                </c:pt>
                <c:pt idx="753">
                  <c:v>5.4364980888114935</c:v>
                </c:pt>
                <c:pt idx="754">
                  <c:v>5.4348752631288129</c:v>
                </c:pt>
                <c:pt idx="755">
                  <c:v>5.435694852118151</c:v>
                </c:pt>
                <c:pt idx="756">
                  <c:v>5.4351794265749804</c:v>
                </c:pt>
                <c:pt idx="757">
                  <c:v>5.4323791217821054</c:v>
                </c:pt>
                <c:pt idx="758">
                  <c:v>5.43130206923008</c:v>
                </c:pt>
                <c:pt idx="759">
                  <c:v>5.427840003340485</c:v>
                </c:pt>
                <c:pt idx="760">
                  <c:v>5.4280949038458344</c:v>
                </c:pt>
                <c:pt idx="761">
                  <c:v>5.4253463962405082</c:v>
                </c:pt>
                <c:pt idx="762">
                  <c:v>5.4242016294899722</c:v>
                </c:pt>
                <c:pt idx="763">
                  <c:v>5.4241646620834647</c:v>
                </c:pt>
                <c:pt idx="764">
                  <c:v>5.4219089014944428</c:v>
                </c:pt>
                <c:pt idx="765">
                  <c:v>5.4209329421320929</c:v>
                </c:pt>
                <c:pt idx="766">
                  <c:v>5.4197091643379514</c:v>
                </c:pt>
                <c:pt idx="767">
                  <c:v>5.4167536943357035</c:v>
                </c:pt>
                <c:pt idx="768">
                  <c:v>5.4155862745756664</c:v>
                </c:pt>
                <c:pt idx="769">
                  <c:v>5.4150403212504159</c:v>
                </c:pt>
                <c:pt idx="770">
                  <c:v>5.4132704939166336</c:v>
                </c:pt>
                <c:pt idx="771">
                  <c:v>5.4115166127591356</c:v>
                </c:pt>
                <c:pt idx="772">
                  <c:v>5.4087592923889689</c:v>
                </c:pt>
                <c:pt idx="773">
                  <c:v>5.4077320658473189</c:v>
                </c:pt>
                <c:pt idx="774">
                  <c:v>5.4071748284538694</c:v>
                </c:pt>
                <c:pt idx="775">
                  <c:v>5.4066127311296421</c:v>
                </c:pt>
                <c:pt idx="776">
                  <c:v>5.4065753773031062</c:v>
                </c:pt>
                <c:pt idx="777">
                  <c:v>5.4046892446408243</c:v>
                </c:pt>
                <c:pt idx="778">
                  <c:v>5.4036271185545228</c:v>
                </c:pt>
                <c:pt idx="779">
                  <c:v>5.4036323161015511</c:v>
                </c:pt>
                <c:pt idx="780">
                  <c:v>5.3997484946574463</c:v>
                </c:pt>
                <c:pt idx="781">
                  <c:v>5.3985453991547088</c:v>
                </c:pt>
                <c:pt idx="782">
                  <c:v>5.3984467511122656</c:v>
                </c:pt>
                <c:pt idx="783">
                  <c:v>5.3947885950168422</c:v>
                </c:pt>
                <c:pt idx="784">
                  <c:v>5.3951545214075107</c:v>
                </c:pt>
                <c:pt idx="785">
                  <c:v>5.3918727238327593</c:v>
                </c:pt>
                <c:pt idx="786">
                  <c:v>5.3909847500852228</c:v>
                </c:pt>
                <c:pt idx="787">
                  <c:v>5.3926080775554226</c:v>
                </c:pt>
                <c:pt idx="788">
                  <c:v>5.3937495573716348</c:v>
                </c:pt>
                <c:pt idx="789">
                  <c:v>5.3926006263570274</c:v>
                </c:pt>
                <c:pt idx="790">
                  <c:v>5.3915518314397417</c:v>
                </c:pt>
                <c:pt idx="791">
                  <c:v>5.3902222134598148</c:v>
                </c:pt>
                <c:pt idx="792">
                  <c:v>5.3879836721250758</c:v>
                </c:pt>
                <c:pt idx="793">
                  <c:v>5.3858889627930608</c:v>
                </c:pt>
                <c:pt idx="794">
                  <c:v>5.3863244371943289</c:v>
                </c:pt>
                <c:pt idx="795">
                  <c:v>5.3844486238570717</c:v>
                </c:pt>
                <c:pt idx="796">
                  <c:v>5.3843775480668992</c:v>
                </c:pt>
                <c:pt idx="797">
                  <c:v>5.3825122318704848</c:v>
                </c:pt>
                <c:pt idx="798">
                  <c:v>5.3808772550859949</c:v>
                </c:pt>
                <c:pt idx="799">
                  <c:v>5.3783951217298904</c:v>
                </c:pt>
                <c:pt idx="800">
                  <c:v>5.3776411684788954</c:v>
                </c:pt>
                <c:pt idx="801">
                  <c:v>5.3785492113478925</c:v>
                </c:pt>
                <c:pt idx="802">
                  <c:v>5.3762632269453139</c:v>
                </c:pt>
                <c:pt idx="803">
                  <c:v>5.3727853135006693</c:v>
                </c:pt>
                <c:pt idx="804">
                  <c:v>5.3685486622154892</c:v>
                </c:pt>
                <c:pt idx="805">
                  <c:v>5.3656600975391804</c:v>
                </c:pt>
                <c:pt idx="806">
                  <c:v>5.3642561234697581</c:v>
                </c:pt>
                <c:pt idx="807">
                  <c:v>5.3634516137375927</c:v>
                </c:pt>
                <c:pt idx="808">
                  <c:v>5.3620546783997236</c:v>
                </c:pt>
                <c:pt idx="809">
                  <c:v>5.3614295589901992</c:v>
                </c:pt>
                <c:pt idx="810">
                  <c:v>5.3607911036111036</c:v>
                </c:pt>
                <c:pt idx="811">
                  <c:v>5.3588692305837347</c:v>
                </c:pt>
                <c:pt idx="812">
                  <c:v>5.3545828072508543</c:v>
                </c:pt>
                <c:pt idx="813">
                  <c:v>5.3530847026014339</c:v>
                </c:pt>
                <c:pt idx="814">
                  <c:v>5.3533840233107908</c:v>
                </c:pt>
                <c:pt idx="815">
                  <c:v>5.3522535707795011</c:v>
                </c:pt>
                <c:pt idx="816">
                  <c:v>5.3524918298561577</c:v>
                </c:pt>
                <c:pt idx="817">
                  <c:v>5.3527143085625841</c:v>
                </c:pt>
                <c:pt idx="818">
                  <c:v>5.3515782291445158</c:v>
                </c:pt>
                <c:pt idx="819">
                  <c:v>5.3503013249050113</c:v>
                </c:pt>
                <c:pt idx="820">
                  <c:v>5.3489263817772752</c:v>
                </c:pt>
                <c:pt idx="821">
                  <c:v>5.3502113229311643</c:v>
                </c:pt>
                <c:pt idx="822">
                  <c:v>5.349148673983751</c:v>
                </c:pt>
                <c:pt idx="823">
                  <c:v>5.3498535021784788</c:v>
                </c:pt>
                <c:pt idx="824">
                  <c:v>5.3491486043283087</c:v>
                </c:pt>
                <c:pt idx="825">
                  <c:v>5.3492830893132117</c:v>
                </c:pt>
                <c:pt idx="826">
                  <c:v>5.3476258757849129</c:v>
                </c:pt>
                <c:pt idx="827">
                  <c:v>5.3426909054882845</c:v>
                </c:pt>
                <c:pt idx="828">
                  <c:v>5.3398010050479368</c:v>
                </c:pt>
                <c:pt idx="829">
                  <c:v>5.3403427669030563</c:v>
                </c:pt>
                <c:pt idx="830">
                  <c:v>5.3353897871837184</c:v>
                </c:pt>
                <c:pt idx="831">
                  <c:v>5.3317622910522333</c:v>
                </c:pt>
                <c:pt idx="832">
                  <c:v>5.3324030040089667</c:v>
                </c:pt>
                <c:pt idx="833">
                  <c:v>5.3320191501724921</c:v>
                </c:pt>
                <c:pt idx="834">
                  <c:v>5.3295024225592602</c:v>
                </c:pt>
                <c:pt idx="835">
                  <c:v>5.3272159580912062</c:v>
                </c:pt>
                <c:pt idx="836">
                  <c:v>5.3232479124007179</c:v>
                </c:pt>
                <c:pt idx="837">
                  <c:v>5.3209084925422987</c:v>
                </c:pt>
                <c:pt idx="838">
                  <c:v>5.3206269390583252</c:v>
                </c:pt>
                <c:pt idx="839">
                  <c:v>5.3194893226676054</c:v>
                </c:pt>
                <c:pt idx="840">
                  <c:v>5.3184404778436924</c:v>
                </c:pt>
                <c:pt idx="841">
                  <c:v>5.3144093587346228</c:v>
                </c:pt>
                <c:pt idx="842">
                  <c:v>5.3143986698491297</c:v>
                </c:pt>
                <c:pt idx="843">
                  <c:v>5.3134717592403478</c:v>
                </c:pt>
                <c:pt idx="844">
                  <c:v>5.3132905486173083</c:v>
                </c:pt>
                <c:pt idx="845">
                  <c:v>5.3121479997786194</c:v>
                </c:pt>
                <c:pt idx="846">
                  <c:v>5.3092353973587327</c:v>
                </c:pt>
                <c:pt idx="847">
                  <c:v>5.3077109176940578</c:v>
                </c:pt>
                <c:pt idx="848">
                  <c:v>5.3048400268285398</c:v>
                </c:pt>
                <c:pt idx="849">
                  <c:v>5.3040607122252093</c:v>
                </c:pt>
                <c:pt idx="850">
                  <c:v>5.3038249849656447</c:v>
                </c:pt>
                <c:pt idx="851">
                  <c:v>5.3049518528437138</c:v>
                </c:pt>
                <c:pt idx="852">
                  <c:v>5.3037537767323233</c:v>
                </c:pt>
                <c:pt idx="853">
                  <c:v>5.303082726617955</c:v>
                </c:pt>
                <c:pt idx="854">
                  <c:v>5.3026487418036021</c:v>
                </c:pt>
                <c:pt idx="855">
                  <c:v>5.3016897496168429</c:v>
                </c:pt>
                <c:pt idx="856">
                  <c:v>5.3015490591641781</c:v>
                </c:pt>
                <c:pt idx="857">
                  <c:v>5.3039956731877052</c:v>
                </c:pt>
                <c:pt idx="858">
                  <c:v>5.3022188699560564</c:v>
                </c:pt>
                <c:pt idx="859">
                  <c:v>5.3046750516960746</c:v>
                </c:pt>
                <c:pt idx="860">
                  <c:v>5.3005948679549331</c:v>
                </c:pt>
                <c:pt idx="861">
                  <c:v>5.2965318525038185</c:v>
                </c:pt>
                <c:pt idx="862">
                  <c:v>5.2962260649597166</c:v>
                </c:pt>
                <c:pt idx="863">
                  <c:v>5.2952757904475636</c:v>
                </c:pt>
                <c:pt idx="864">
                  <c:v>5.2943843157797144</c:v>
                </c:pt>
                <c:pt idx="865">
                  <c:v>5.2904218719690475</c:v>
                </c:pt>
                <c:pt idx="866">
                  <c:v>5.2897121529953974</c:v>
                </c:pt>
                <c:pt idx="867">
                  <c:v>5.2898096636851637</c:v>
                </c:pt>
                <c:pt idx="868">
                  <c:v>5.289007654017067</c:v>
                </c:pt>
                <c:pt idx="869">
                  <c:v>5.286864531320612</c:v>
                </c:pt>
                <c:pt idx="870">
                  <c:v>5.285471511489277</c:v>
                </c:pt>
                <c:pt idx="871">
                  <c:v>5.2831747393844788</c:v>
                </c:pt>
                <c:pt idx="872">
                  <c:v>5.2822447489161659</c:v>
                </c:pt>
                <c:pt idx="873">
                  <c:v>5.281268799438025</c:v>
                </c:pt>
                <c:pt idx="874">
                  <c:v>5.2827188019808959</c:v>
                </c:pt>
                <c:pt idx="875">
                  <c:v>5.2790331232838144</c:v>
                </c:pt>
                <c:pt idx="876">
                  <c:v>5.2802685255631694</c:v>
                </c:pt>
                <c:pt idx="877">
                  <c:v>5.279648638900178</c:v>
                </c:pt>
                <c:pt idx="878">
                  <c:v>5.2800209150675181</c:v>
                </c:pt>
                <c:pt idx="879">
                  <c:v>5.2785703828704085</c:v>
                </c:pt>
                <c:pt idx="880">
                  <c:v>5.2781500561160861</c:v>
                </c:pt>
                <c:pt idx="881">
                  <c:v>5.275190146238165</c:v>
                </c:pt>
                <c:pt idx="882">
                  <c:v>5.2717741752716867</c:v>
                </c:pt>
                <c:pt idx="883">
                  <c:v>5.2712556350480648</c:v>
                </c:pt>
                <c:pt idx="884">
                  <c:v>5.2711198350566058</c:v>
                </c:pt>
                <c:pt idx="885">
                  <c:v>5.2706273966085639</c:v>
                </c:pt>
                <c:pt idx="886">
                  <c:v>5.2710185747571598</c:v>
                </c:pt>
                <c:pt idx="887">
                  <c:v>5.270648704607348</c:v>
                </c:pt>
                <c:pt idx="888">
                  <c:v>5.2695365922130959</c:v>
                </c:pt>
                <c:pt idx="889">
                  <c:v>5.2692626045045978</c:v>
                </c:pt>
                <c:pt idx="890">
                  <c:v>5.2693368300310643</c:v>
                </c:pt>
                <c:pt idx="891">
                  <c:v>5.268782715968281</c:v>
                </c:pt>
                <c:pt idx="892">
                  <c:v>5.2641560062722199</c:v>
                </c:pt>
                <c:pt idx="893">
                  <c:v>5.2622054958202282</c:v>
                </c:pt>
                <c:pt idx="894">
                  <c:v>5.2593968580732211</c:v>
                </c:pt>
                <c:pt idx="895">
                  <c:v>5.2576074561931208</c:v>
                </c:pt>
                <c:pt idx="896">
                  <c:v>5.2572470974234635</c:v>
                </c:pt>
                <c:pt idx="897">
                  <c:v>5.2576415635347153</c:v>
                </c:pt>
                <c:pt idx="898">
                  <c:v>5.256547386541957</c:v>
                </c:pt>
                <c:pt idx="899">
                  <c:v>5.2577577301991374</c:v>
                </c:pt>
                <c:pt idx="900">
                  <c:v>5.257347757171492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18E0-454B-95A5-FF2BA77B579B}"/>
            </c:ext>
          </c:extLst>
        </c:ser>
        <c:ser>
          <c:idx val="2"/>
          <c:order val="2"/>
          <c:tx>
            <c:strRef>
              <c:f>重心!$F$1</c:f>
              <c:strCache>
                <c:ptCount val="1"/>
                <c:pt idx="0">
                  <c:v>重心x [cm]</c:v>
                </c:pt>
              </c:strCache>
            </c:strRef>
          </c:tx>
          <c:spPr>
            <a:ln w="381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重心!$A$2:$A$902</c:f>
              <c:numCache>
                <c:formatCode>General</c:formatCode>
                <c:ptCount val="901"/>
                <c:pt idx="0">
                  <c:v>0</c:v>
                </c:pt>
                <c:pt idx="1">
                  <c:v>3.3333333333333333E-2</c:v>
                </c:pt>
                <c:pt idx="2">
                  <c:v>6.6666666666666666E-2</c:v>
                </c:pt>
                <c:pt idx="3">
                  <c:v>0.1</c:v>
                </c:pt>
                <c:pt idx="4">
                  <c:v>0.13333333333333333</c:v>
                </c:pt>
                <c:pt idx="5">
                  <c:v>0.16666666666666666</c:v>
                </c:pt>
                <c:pt idx="6">
                  <c:v>0.2</c:v>
                </c:pt>
                <c:pt idx="7">
                  <c:v>0.23333333333333334</c:v>
                </c:pt>
                <c:pt idx="8">
                  <c:v>0.26666666666666666</c:v>
                </c:pt>
                <c:pt idx="9">
                  <c:v>0.3</c:v>
                </c:pt>
                <c:pt idx="10">
                  <c:v>0.33333333333333331</c:v>
                </c:pt>
                <c:pt idx="11">
                  <c:v>0.36666666666666664</c:v>
                </c:pt>
                <c:pt idx="12">
                  <c:v>0.4</c:v>
                </c:pt>
                <c:pt idx="13">
                  <c:v>0.43333333333333335</c:v>
                </c:pt>
                <c:pt idx="14">
                  <c:v>0.46666666666666667</c:v>
                </c:pt>
                <c:pt idx="15">
                  <c:v>0.5</c:v>
                </c:pt>
                <c:pt idx="16">
                  <c:v>0.53333333333333333</c:v>
                </c:pt>
                <c:pt idx="17">
                  <c:v>0.56666666666666665</c:v>
                </c:pt>
                <c:pt idx="18">
                  <c:v>0.6</c:v>
                </c:pt>
                <c:pt idx="19">
                  <c:v>0.6333333333333333</c:v>
                </c:pt>
                <c:pt idx="20">
                  <c:v>0.66666666666666663</c:v>
                </c:pt>
                <c:pt idx="21">
                  <c:v>0.7</c:v>
                </c:pt>
                <c:pt idx="22">
                  <c:v>0.73333333333333328</c:v>
                </c:pt>
                <c:pt idx="23">
                  <c:v>0.76666666666666672</c:v>
                </c:pt>
                <c:pt idx="24">
                  <c:v>0.8</c:v>
                </c:pt>
                <c:pt idx="25">
                  <c:v>0.83333333333333337</c:v>
                </c:pt>
                <c:pt idx="26">
                  <c:v>0.8666666666666667</c:v>
                </c:pt>
                <c:pt idx="27">
                  <c:v>0.9</c:v>
                </c:pt>
                <c:pt idx="28">
                  <c:v>0.93333333333333335</c:v>
                </c:pt>
                <c:pt idx="29">
                  <c:v>0.96666666666666667</c:v>
                </c:pt>
                <c:pt idx="30">
                  <c:v>1</c:v>
                </c:pt>
                <c:pt idx="31">
                  <c:v>1.0333333333333334</c:v>
                </c:pt>
                <c:pt idx="32">
                  <c:v>1.0666666666666667</c:v>
                </c:pt>
                <c:pt idx="33">
                  <c:v>1.1000000000000001</c:v>
                </c:pt>
                <c:pt idx="34">
                  <c:v>1.1333333333333333</c:v>
                </c:pt>
                <c:pt idx="35">
                  <c:v>1.1666666666666667</c:v>
                </c:pt>
                <c:pt idx="36">
                  <c:v>1.2</c:v>
                </c:pt>
                <c:pt idx="37">
                  <c:v>1.2333333333333334</c:v>
                </c:pt>
                <c:pt idx="38">
                  <c:v>1.2666666666666666</c:v>
                </c:pt>
                <c:pt idx="39">
                  <c:v>1.3</c:v>
                </c:pt>
                <c:pt idx="40">
                  <c:v>1.3333333333333333</c:v>
                </c:pt>
                <c:pt idx="41">
                  <c:v>1.3666666666666667</c:v>
                </c:pt>
                <c:pt idx="42">
                  <c:v>1.4</c:v>
                </c:pt>
                <c:pt idx="43">
                  <c:v>1.4333333333333333</c:v>
                </c:pt>
                <c:pt idx="44">
                  <c:v>1.4666666666666666</c:v>
                </c:pt>
                <c:pt idx="45">
                  <c:v>1.5</c:v>
                </c:pt>
                <c:pt idx="46">
                  <c:v>1.5333333333333334</c:v>
                </c:pt>
                <c:pt idx="47">
                  <c:v>1.5666666666666667</c:v>
                </c:pt>
                <c:pt idx="48">
                  <c:v>1.6</c:v>
                </c:pt>
                <c:pt idx="49">
                  <c:v>1.6333333333333333</c:v>
                </c:pt>
                <c:pt idx="50">
                  <c:v>1.6666666666666667</c:v>
                </c:pt>
                <c:pt idx="51">
                  <c:v>1.7</c:v>
                </c:pt>
                <c:pt idx="52">
                  <c:v>1.7333333333333334</c:v>
                </c:pt>
                <c:pt idx="53">
                  <c:v>1.7666666666666666</c:v>
                </c:pt>
                <c:pt idx="54">
                  <c:v>1.8</c:v>
                </c:pt>
                <c:pt idx="55">
                  <c:v>1.8333333333333333</c:v>
                </c:pt>
                <c:pt idx="56">
                  <c:v>1.8666666666666667</c:v>
                </c:pt>
                <c:pt idx="57">
                  <c:v>1.9</c:v>
                </c:pt>
                <c:pt idx="58">
                  <c:v>1.9333333333333333</c:v>
                </c:pt>
                <c:pt idx="59">
                  <c:v>1.9666666666666666</c:v>
                </c:pt>
                <c:pt idx="60">
                  <c:v>2</c:v>
                </c:pt>
                <c:pt idx="61">
                  <c:v>2.0333333333333332</c:v>
                </c:pt>
                <c:pt idx="62">
                  <c:v>2.0666666666666669</c:v>
                </c:pt>
                <c:pt idx="63">
                  <c:v>2.1</c:v>
                </c:pt>
                <c:pt idx="64">
                  <c:v>2.1333333333333333</c:v>
                </c:pt>
                <c:pt idx="65">
                  <c:v>2.1666666666666665</c:v>
                </c:pt>
                <c:pt idx="66">
                  <c:v>2.2000000000000002</c:v>
                </c:pt>
                <c:pt idx="67">
                  <c:v>2.2333333333333334</c:v>
                </c:pt>
                <c:pt idx="68">
                  <c:v>2.2666666666666666</c:v>
                </c:pt>
                <c:pt idx="69">
                  <c:v>2.2999999999999998</c:v>
                </c:pt>
                <c:pt idx="70">
                  <c:v>2.3333333333333335</c:v>
                </c:pt>
                <c:pt idx="71">
                  <c:v>2.3666666666666667</c:v>
                </c:pt>
                <c:pt idx="72">
                  <c:v>2.4</c:v>
                </c:pt>
                <c:pt idx="73">
                  <c:v>2.4333333333333331</c:v>
                </c:pt>
                <c:pt idx="74">
                  <c:v>2.4666666666666668</c:v>
                </c:pt>
                <c:pt idx="75">
                  <c:v>2.5</c:v>
                </c:pt>
                <c:pt idx="76">
                  <c:v>2.5333333333333332</c:v>
                </c:pt>
                <c:pt idx="77">
                  <c:v>2.5666666666666669</c:v>
                </c:pt>
                <c:pt idx="78">
                  <c:v>2.6</c:v>
                </c:pt>
                <c:pt idx="79">
                  <c:v>2.6333333333333333</c:v>
                </c:pt>
                <c:pt idx="80">
                  <c:v>2.6666666666666665</c:v>
                </c:pt>
                <c:pt idx="81">
                  <c:v>2.7</c:v>
                </c:pt>
                <c:pt idx="82">
                  <c:v>2.7333333333333334</c:v>
                </c:pt>
                <c:pt idx="83">
                  <c:v>2.7666666666666666</c:v>
                </c:pt>
                <c:pt idx="84">
                  <c:v>2.8</c:v>
                </c:pt>
                <c:pt idx="85">
                  <c:v>2.8333333333333335</c:v>
                </c:pt>
                <c:pt idx="86">
                  <c:v>2.8666666666666667</c:v>
                </c:pt>
                <c:pt idx="87">
                  <c:v>2.9</c:v>
                </c:pt>
                <c:pt idx="88">
                  <c:v>2.9333333333333331</c:v>
                </c:pt>
                <c:pt idx="89">
                  <c:v>2.9666666666666668</c:v>
                </c:pt>
                <c:pt idx="90">
                  <c:v>3</c:v>
                </c:pt>
                <c:pt idx="91">
                  <c:v>3.0333333333333332</c:v>
                </c:pt>
                <c:pt idx="92">
                  <c:v>3.0666666666666669</c:v>
                </c:pt>
                <c:pt idx="93">
                  <c:v>3.1</c:v>
                </c:pt>
                <c:pt idx="94">
                  <c:v>3.1333333333333333</c:v>
                </c:pt>
                <c:pt idx="95">
                  <c:v>3.1666666666666665</c:v>
                </c:pt>
                <c:pt idx="96">
                  <c:v>3.2</c:v>
                </c:pt>
                <c:pt idx="97">
                  <c:v>3.2333333333333334</c:v>
                </c:pt>
                <c:pt idx="98">
                  <c:v>3.2666666666666666</c:v>
                </c:pt>
                <c:pt idx="99">
                  <c:v>3.3</c:v>
                </c:pt>
                <c:pt idx="100">
                  <c:v>3.3333333333333335</c:v>
                </c:pt>
                <c:pt idx="101">
                  <c:v>3.3666666666666667</c:v>
                </c:pt>
                <c:pt idx="102">
                  <c:v>3.4</c:v>
                </c:pt>
                <c:pt idx="103">
                  <c:v>3.4333333333333331</c:v>
                </c:pt>
                <c:pt idx="104">
                  <c:v>3.4666666666666668</c:v>
                </c:pt>
                <c:pt idx="105">
                  <c:v>3.5</c:v>
                </c:pt>
                <c:pt idx="106">
                  <c:v>3.5333333333333332</c:v>
                </c:pt>
                <c:pt idx="107">
                  <c:v>3.5666666666666669</c:v>
                </c:pt>
                <c:pt idx="108">
                  <c:v>3.6</c:v>
                </c:pt>
                <c:pt idx="109">
                  <c:v>3.6333333333333333</c:v>
                </c:pt>
                <c:pt idx="110">
                  <c:v>3.6666666666666665</c:v>
                </c:pt>
                <c:pt idx="111">
                  <c:v>3.7</c:v>
                </c:pt>
                <c:pt idx="112">
                  <c:v>3.7333333333333334</c:v>
                </c:pt>
                <c:pt idx="113">
                  <c:v>3.7666666666666666</c:v>
                </c:pt>
                <c:pt idx="114">
                  <c:v>3.8</c:v>
                </c:pt>
                <c:pt idx="115">
                  <c:v>3.8333333333333335</c:v>
                </c:pt>
                <c:pt idx="116">
                  <c:v>3.8666666666666667</c:v>
                </c:pt>
                <c:pt idx="117">
                  <c:v>3.9</c:v>
                </c:pt>
                <c:pt idx="118">
                  <c:v>3.9333333333333331</c:v>
                </c:pt>
                <c:pt idx="119">
                  <c:v>3.9666666666666668</c:v>
                </c:pt>
                <c:pt idx="120">
                  <c:v>4</c:v>
                </c:pt>
                <c:pt idx="121">
                  <c:v>4.0333333333333332</c:v>
                </c:pt>
                <c:pt idx="122">
                  <c:v>4.0666666666666664</c:v>
                </c:pt>
                <c:pt idx="123">
                  <c:v>4.0999999999999996</c:v>
                </c:pt>
                <c:pt idx="124">
                  <c:v>4.1333333333333337</c:v>
                </c:pt>
                <c:pt idx="125">
                  <c:v>4.166666666666667</c:v>
                </c:pt>
                <c:pt idx="126">
                  <c:v>4.2</c:v>
                </c:pt>
                <c:pt idx="127">
                  <c:v>4.2333333333333334</c:v>
                </c:pt>
                <c:pt idx="128">
                  <c:v>4.2666666666666666</c:v>
                </c:pt>
                <c:pt idx="129">
                  <c:v>4.3</c:v>
                </c:pt>
                <c:pt idx="130">
                  <c:v>4.333333333333333</c:v>
                </c:pt>
                <c:pt idx="131">
                  <c:v>4.3666666666666663</c:v>
                </c:pt>
                <c:pt idx="132">
                  <c:v>4.4000000000000004</c:v>
                </c:pt>
                <c:pt idx="133">
                  <c:v>4.4333333333333336</c:v>
                </c:pt>
                <c:pt idx="134">
                  <c:v>4.4666666666666668</c:v>
                </c:pt>
                <c:pt idx="135">
                  <c:v>4.5</c:v>
                </c:pt>
                <c:pt idx="136">
                  <c:v>4.5333333333333332</c:v>
                </c:pt>
                <c:pt idx="137">
                  <c:v>4.5666666666666664</c:v>
                </c:pt>
                <c:pt idx="138">
                  <c:v>4.5999999999999996</c:v>
                </c:pt>
                <c:pt idx="139">
                  <c:v>4.6333333333333337</c:v>
                </c:pt>
                <c:pt idx="140">
                  <c:v>4.666666666666667</c:v>
                </c:pt>
                <c:pt idx="141">
                  <c:v>4.7</c:v>
                </c:pt>
                <c:pt idx="142">
                  <c:v>4.7333333333333334</c:v>
                </c:pt>
                <c:pt idx="143">
                  <c:v>4.7666666666666666</c:v>
                </c:pt>
                <c:pt idx="144">
                  <c:v>4.8</c:v>
                </c:pt>
                <c:pt idx="145">
                  <c:v>4.833333333333333</c:v>
                </c:pt>
                <c:pt idx="146">
                  <c:v>4.8666666666666663</c:v>
                </c:pt>
                <c:pt idx="147">
                  <c:v>4.9000000000000004</c:v>
                </c:pt>
                <c:pt idx="148">
                  <c:v>4.9333333333333336</c:v>
                </c:pt>
                <c:pt idx="149">
                  <c:v>4.9666666666666668</c:v>
                </c:pt>
                <c:pt idx="150">
                  <c:v>5</c:v>
                </c:pt>
                <c:pt idx="151">
                  <c:v>5.0333333333333332</c:v>
                </c:pt>
                <c:pt idx="152">
                  <c:v>5.0666666666666664</c:v>
                </c:pt>
                <c:pt idx="153">
                  <c:v>5.0999999999999996</c:v>
                </c:pt>
                <c:pt idx="154">
                  <c:v>5.1333333333333337</c:v>
                </c:pt>
                <c:pt idx="155">
                  <c:v>5.166666666666667</c:v>
                </c:pt>
                <c:pt idx="156">
                  <c:v>5.2</c:v>
                </c:pt>
                <c:pt idx="157">
                  <c:v>5.2333333333333334</c:v>
                </c:pt>
                <c:pt idx="158">
                  <c:v>5.2666666666666666</c:v>
                </c:pt>
                <c:pt idx="159">
                  <c:v>5.3</c:v>
                </c:pt>
                <c:pt idx="160">
                  <c:v>5.333333333333333</c:v>
                </c:pt>
                <c:pt idx="161">
                  <c:v>5.3666666666666663</c:v>
                </c:pt>
                <c:pt idx="162">
                  <c:v>5.4</c:v>
                </c:pt>
                <c:pt idx="163">
                  <c:v>5.4333333333333336</c:v>
                </c:pt>
                <c:pt idx="164">
                  <c:v>5.4666666666666668</c:v>
                </c:pt>
                <c:pt idx="165">
                  <c:v>5.5</c:v>
                </c:pt>
                <c:pt idx="166">
                  <c:v>5.5333333333333332</c:v>
                </c:pt>
                <c:pt idx="167">
                  <c:v>5.5666666666666664</c:v>
                </c:pt>
                <c:pt idx="168">
                  <c:v>5.6</c:v>
                </c:pt>
                <c:pt idx="169">
                  <c:v>5.6333333333333337</c:v>
                </c:pt>
                <c:pt idx="170">
                  <c:v>5.666666666666667</c:v>
                </c:pt>
                <c:pt idx="171">
                  <c:v>5.7</c:v>
                </c:pt>
                <c:pt idx="172">
                  <c:v>5.7333333333333334</c:v>
                </c:pt>
                <c:pt idx="173">
                  <c:v>5.7666666666666666</c:v>
                </c:pt>
                <c:pt idx="174">
                  <c:v>5.8</c:v>
                </c:pt>
                <c:pt idx="175">
                  <c:v>5.833333333333333</c:v>
                </c:pt>
                <c:pt idx="176">
                  <c:v>5.8666666666666663</c:v>
                </c:pt>
                <c:pt idx="177">
                  <c:v>5.9</c:v>
                </c:pt>
                <c:pt idx="178">
                  <c:v>5.9333333333333336</c:v>
                </c:pt>
                <c:pt idx="179">
                  <c:v>5.9666666666666668</c:v>
                </c:pt>
                <c:pt idx="180">
                  <c:v>6</c:v>
                </c:pt>
                <c:pt idx="181">
                  <c:v>6.0333333333333332</c:v>
                </c:pt>
                <c:pt idx="182">
                  <c:v>6.0666666666666664</c:v>
                </c:pt>
                <c:pt idx="183">
                  <c:v>6.1</c:v>
                </c:pt>
                <c:pt idx="184">
                  <c:v>6.1333333333333337</c:v>
                </c:pt>
                <c:pt idx="185">
                  <c:v>6.166666666666667</c:v>
                </c:pt>
                <c:pt idx="186">
                  <c:v>6.2</c:v>
                </c:pt>
                <c:pt idx="187">
                  <c:v>6.2333333333333334</c:v>
                </c:pt>
                <c:pt idx="188">
                  <c:v>6.2666666666666666</c:v>
                </c:pt>
                <c:pt idx="189">
                  <c:v>6.3</c:v>
                </c:pt>
                <c:pt idx="190">
                  <c:v>6.333333333333333</c:v>
                </c:pt>
                <c:pt idx="191">
                  <c:v>6.3666666666666663</c:v>
                </c:pt>
                <c:pt idx="192">
                  <c:v>6.4</c:v>
                </c:pt>
                <c:pt idx="193">
                  <c:v>6.4333333333333336</c:v>
                </c:pt>
                <c:pt idx="194">
                  <c:v>6.4666666666666668</c:v>
                </c:pt>
                <c:pt idx="195">
                  <c:v>6.5</c:v>
                </c:pt>
                <c:pt idx="196">
                  <c:v>6.5333333333333332</c:v>
                </c:pt>
                <c:pt idx="197">
                  <c:v>6.5666666666666664</c:v>
                </c:pt>
                <c:pt idx="198">
                  <c:v>6.6</c:v>
                </c:pt>
                <c:pt idx="199">
                  <c:v>6.6333333333333337</c:v>
                </c:pt>
                <c:pt idx="200">
                  <c:v>6.666666666666667</c:v>
                </c:pt>
                <c:pt idx="201">
                  <c:v>6.7</c:v>
                </c:pt>
                <c:pt idx="202">
                  <c:v>6.7333333333333334</c:v>
                </c:pt>
                <c:pt idx="203">
                  <c:v>6.7666666666666666</c:v>
                </c:pt>
                <c:pt idx="204">
                  <c:v>6.8</c:v>
                </c:pt>
                <c:pt idx="205">
                  <c:v>6.833333333333333</c:v>
                </c:pt>
                <c:pt idx="206">
                  <c:v>6.8666666666666663</c:v>
                </c:pt>
                <c:pt idx="207">
                  <c:v>6.9</c:v>
                </c:pt>
                <c:pt idx="208">
                  <c:v>6.9333333333333336</c:v>
                </c:pt>
                <c:pt idx="209">
                  <c:v>6.9666666666666668</c:v>
                </c:pt>
                <c:pt idx="210">
                  <c:v>7</c:v>
                </c:pt>
                <c:pt idx="211">
                  <c:v>7.0333333333333332</c:v>
                </c:pt>
                <c:pt idx="212">
                  <c:v>7.0666666666666664</c:v>
                </c:pt>
                <c:pt idx="213">
                  <c:v>7.1</c:v>
                </c:pt>
                <c:pt idx="214">
                  <c:v>7.1333333333333337</c:v>
                </c:pt>
                <c:pt idx="215">
                  <c:v>7.166666666666667</c:v>
                </c:pt>
                <c:pt idx="216">
                  <c:v>7.2</c:v>
                </c:pt>
                <c:pt idx="217">
                  <c:v>7.2333333333333334</c:v>
                </c:pt>
                <c:pt idx="218">
                  <c:v>7.2666666666666666</c:v>
                </c:pt>
                <c:pt idx="219">
                  <c:v>7.3</c:v>
                </c:pt>
                <c:pt idx="220">
                  <c:v>7.333333333333333</c:v>
                </c:pt>
                <c:pt idx="221">
                  <c:v>7.3666666666666663</c:v>
                </c:pt>
                <c:pt idx="222">
                  <c:v>7.4</c:v>
                </c:pt>
                <c:pt idx="223">
                  <c:v>7.4333333333333336</c:v>
                </c:pt>
                <c:pt idx="224">
                  <c:v>7.4666666666666668</c:v>
                </c:pt>
                <c:pt idx="225">
                  <c:v>7.5</c:v>
                </c:pt>
                <c:pt idx="226">
                  <c:v>7.5333333333333332</c:v>
                </c:pt>
                <c:pt idx="227">
                  <c:v>7.5666666666666664</c:v>
                </c:pt>
                <c:pt idx="228">
                  <c:v>7.6</c:v>
                </c:pt>
                <c:pt idx="229">
                  <c:v>7.6333333333333337</c:v>
                </c:pt>
                <c:pt idx="230">
                  <c:v>7.666666666666667</c:v>
                </c:pt>
                <c:pt idx="231">
                  <c:v>7.7</c:v>
                </c:pt>
                <c:pt idx="232">
                  <c:v>7.7333333333333334</c:v>
                </c:pt>
                <c:pt idx="233">
                  <c:v>7.7666666666666666</c:v>
                </c:pt>
                <c:pt idx="234">
                  <c:v>7.8</c:v>
                </c:pt>
                <c:pt idx="235">
                  <c:v>7.833333333333333</c:v>
                </c:pt>
                <c:pt idx="236">
                  <c:v>7.8666666666666663</c:v>
                </c:pt>
                <c:pt idx="237">
                  <c:v>7.9</c:v>
                </c:pt>
                <c:pt idx="238">
                  <c:v>7.9333333333333336</c:v>
                </c:pt>
                <c:pt idx="239">
                  <c:v>7.9666666666666668</c:v>
                </c:pt>
                <c:pt idx="240">
                  <c:v>8</c:v>
                </c:pt>
                <c:pt idx="241">
                  <c:v>8.0333333333333332</c:v>
                </c:pt>
                <c:pt idx="242">
                  <c:v>8.0666666666666664</c:v>
                </c:pt>
                <c:pt idx="243">
                  <c:v>8.1</c:v>
                </c:pt>
                <c:pt idx="244">
                  <c:v>8.1333333333333329</c:v>
                </c:pt>
                <c:pt idx="245">
                  <c:v>8.1666666666666661</c:v>
                </c:pt>
                <c:pt idx="246">
                  <c:v>8.1999999999999993</c:v>
                </c:pt>
                <c:pt idx="247">
                  <c:v>8.2333333333333325</c:v>
                </c:pt>
                <c:pt idx="248">
                  <c:v>8.2666666666666675</c:v>
                </c:pt>
                <c:pt idx="249">
                  <c:v>8.3000000000000007</c:v>
                </c:pt>
                <c:pt idx="250">
                  <c:v>8.3333333333333339</c:v>
                </c:pt>
                <c:pt idx="251">
                  <c:v>8.3666666666666671</c:v>
                </c:pt>
                <c:pt idx="252">
                  <c:v>8.4</c:v>
                </c:pt>
                <c:pt idx="253">
                  <c:v>8.4333333333333336</c:v>
                </c:pt>
                <c:pt idx="254">
                  <c:v>8.4666666666666668</c:v>
                </c:pt>
                <c:pt idx="255">
                  <c:v>8.5</c:v>
                </c:pt>
                <c:pt idx="256">
                  <c:v>8.5333333333333332</c:v>
                </c:pt>
                <c:pt idx="257">
                  <c:v>8.5666666666666664</c:v>
                </c:pt>
                <c:pt idx="258">
                  <c:v>8.6</c:v>
                </c:pt>
                <c:pt idx="259">
                  <c:v>8.6333333333333329</c:v>
                </c:pt>
                <c:pt idx="260">
                  <c:v>8.6666666666666661</c:v>
                </c:pt>
                <c:pt idx="261">
                  <c:v>8.6999999999999993</c:v>
                </c:pt>
                <c:pt idx="262">
                  <c:v>8.7333333333333325</c:v>
                </c:pt>
                <c:pt idx="263">
                  <c:v>8.7666666666666675</c:v>
                </c:pt>
                <c:pt idx="264">
                  <c:v>8.8000000000000007</c:v>
                </c:pt>
                <c:pt idx="265">
                  <c:v>8.8333333333333339</c:v>
                </c:pt>
                <c:pt idx="266">
                  <c:v>8.8666666666666671</c:v>
                </c:pt>
                <c:pt idx="267">
                  <c:v>8.9</c:v>
                </c:pt>
                <c:pt idx="268">
                  <c:v>8.9333333333333336</c:v>
                </c:pt>
                <c:pt idx="269">
                  <c:v>8.9666666666666668</c:v>
                </c:pt>
                <c:pt idx="270">
                  <c:v>9</c:v>
                </c:pt>
                <c:pt idx="271">
                  <c:v>9.0333333333333332</c:v>
                </c:pt>
                <c:pt idx="272">
                  <c:v>9.0666666666666664</c:v>
                </c:pt>
                <c:pt idx="273">
                  <c:v>9.1</c:v>
                </c:pt>
                <c:pt idx="274">
                  <c:v>9.1333333333333329</c:v>
                </c:pt>
                <c:pt idx="275">
                  <c:v>9.1666666666666661</c:v>
                </c:pt>
                <c:pt idx="276">
                  <c:v>9.1999999999999993</c:v>
                </c:pt>
                <c:pt idx="277">
                  <c:v>9.2333333333333325</c:v>
                </c:pt>
                <c:pt idx="278">
                  <c:v>9.2666666666666675</c:v>
                </c:pt>
                <c:pt idx="279">
                  <c:v>9.3000000000000007</c:v>
                </c:pt>
                <c:pt idx="280">
                  <c:v>9.3333333333333339</c:v>
                </c:pt>
                <c:pt idx="281">
                  <c:v>9.3666666666666671</c:v>
                </c:pt>
                <c:pt idx="282">
                  <c:v>9.4</c:v>
                </c:pt>
                <c:pt idx="283">
                  <c:v>9.4333333333333336</c:v>
                </c:pt>
                <c:pt idx="284">
                  <c:v>9.4666666666666668</c:v>
                </c:pt>
                <c:pt idx="285">
                  <c:v>9.5</c:v>
                </c:pt>
                <c:pt idx="286">
                  <c:v>9.5333333333333332</c:v>
                </c:pt>
                <c:pt idx="287">
                  <c:v>9.5666666666666664</c:v>
                </c:pt>
                <c:pt idx="288">
                  <c:v>9.6</c:v>
                </c:pt>
                <c:pt idx="289">
                  <c:v>9.6333333333333329</c:v>
                </c:pt>
                <c:pt idx="290">
                  <c:v>9.6666666666666661</c:v>
                </c:pt>
                <c:pt idx="291">
                  <c:v>9.6999999999999993</c:v>
                </c:pt>
                <c:pt idx="292">
                  <c:v>9.7333333333333325</c:v>
                </c:pt>
                <c:pt idx="293">
                  <c:v>9.7666666666666675</c:v>
                </c:pt>
                <c:pt idx="294">
                  <c:v>9.8000000000000007</c:v>
                </c:pt>
                <c:pt idx="295">
                  <c:v>9.8333333333333339</c:v>
                </c:pt>
                <c:pt idx="296">
                  <c:v>9.8666666666666671</c:v>
                </c:pt>
                <c:pt idx="297">
                  <c:v>9.9</c:v>
                </c:pt>
                <c:pt idx="298">
                  <c:v>9.9333333333333336</c:v>
                </c:pt>
                <c:pt idx="299">
                  <c:v>9.9666666666666668</c:v>
                </c:pt>
                <c:pt idx="300">
                  <c:v>10</c:v>
                </c:pt>
                <c:pt idx="301">
                  <c:v>10.033333333333333</c:v>
                </c:pt>
                <c:pt idx="302">
                  <c:v>10.066666666666666</c:v>
                </c:pt>
                <c:pt idx="303">
                  <c:v>10.1</c:v>
                </c:pt>
                <c:pt idx="304">
                  <c:v>10.133333333333333</c:v>
                </c:pt>
                <c:pt idx="305">
                  <c:v>10.166666666666666</c:v>
                </c:pt>
                <c:pt idx="306">
                  <c:v>10.199999999999999</c:v>
                </c:pt>
                <c:pt idx="307">
                  <c:v>10.233333333333333</c:v>
                </c:pt>
                <c:pt idx="308">
                  <c:v>10.266666666666667</c:v>
                </c:pt>
                <c:pt idx="309">
                  <c:v>10.3</c:v>
                </c:pt>
                <c:pt idx="310">
                  <c:v>10.333333333333334</c:v>
                </c:pt>
                <c:pt idx="311">
                  <c:v>10.366666666666667</c:v>
                </c:pt>
                <c:pt idx="312">
                  <c:v>10.4</c:v>
                </c:pt>
                <c:pt idx="313">
                  <c:v>10.433333333333334</c:v>
                </c:pt>
                <c:pt idx="314">
                  <c:v>10.466666666666667</c:v>
                </c:pt>
                <c:pt idx="315">
                  <c:v>10.5</c:v>
                </c:pt>
                <c:pt idx="316">
                  <c:v>10.533333333333333</c:v>
                </c:pt>
                <c:pt idx="317">
                  <c:v>10.566666666666666</c:v>
                </c:pt>
                <c:pt idx="318">
                  <c:v>10.6</c:v>
                </c:pt>
                <c:pt idx="319">
                  <c:v>10.633333333333333</c:v>
                </c:pt>
                <c:pt idx="320">
                  <c:v>10.666666666666666</c:v>
                </c:pt>
                <c:pt idx="321">
                  <c:v>10.7</c:v>
                </c:pt>
                <c:pt idx="322">
                  <c:v>10.733333333333333</c:v>
                </c:pt>
                <c:pt idx="323">
                  <c:v>10.766666666666667</c:v>
                </c:pt>
                <c:pt idx="324">
                  <c:v>10.8</c:v>
                </c:pt>
                <c:pt idx="325">
                  <c:v>10.833333333333334</c:v>
                </c:pt>
                <c:pt idx="326">
                  <c:v>10.866666666666667</c:v>
                </c:pt>
                <c:pt idx="327">
                  <c:v>10.9</c:v>
                </c:pt>
                <c:pt idx="328">
                  <c:v>10.933333333333334</c:v>
                </c:pt>
                <c:pt idx="329">
                  <c:v>10.966666666666667</c:v>
                </c:pt>
                <c:pt idx="330">
                  <c:v>11</c:v>
                </c:pt>
                <c:pt idx="331">
                  <c:v>11.033333333333333</c:v>
                </c:pt>
                <c:pt idx="332">
                  <c:v>11.066666666666666</c:v>
                </c:pt>
                <c:pt idx="333">
                  <c:v>11.1</c:v>
                </c:pt>
                <c:pt idx="334">
                  <c:v>11.133333333333333</c:v>
                </c:pt>
                <c:pt idx="335">
                  <c:v>11.166666666666666</c:v>
                </c:pt>
                <c:pt idx="336">
                  <c:v>11.2</c:v>
                </c:pt>
                <c:pt idx="337">
                  <c:v>11.233333333333333</c:v>
                </c:pt>
                <c:pt idx="338">
                  <c:v>11.266666666666667</c:v>
                </c:pt>
                <c:pt idx="339">
                  <c:v>11.3</c:v>
                </c:pt>
                <c:pt idx="340">
                  <c:v>11.333333333333334</c:v>
                </c:pt>
                <c:pt idx="341">
                  <c:v>11.366666666666667</c:v>
                </c:pt>
                <c:pt idx="342">
                  <c:v>11.4</c:v>
                </c:pt>
                <c:pt idx="343">
                  <c:v>11.433333333333334</c:v>
                </c:pt>
                <c:pt idx="344">
                  <c:v>11.466666666666667</c:v>
                </c:pt>
                <c:pt idx="345">
                  <c:v>11.5</c:v>
                </c:pt>
                <c:pt idx="346">
                  <c:v>11.533333333333333</c:v>
                </c:pt>
                <c:pt idx="347">
                  <c:v>11.566666666666666</c:v>
                </c:pt>
                <c:pt idx="348">
                  <c:v>11.6</c:v>
                </c:pt>
                <c:pt idx="349">
                  <c:v>11.633333333333333</c:v>
                </c:pt>
                <c:pt idx="350">
                  <c:v>11.666666666666666</c:v>
                </c:pt>
                <c:pt idx="351">
                  <c:v>11.7</c:v>
                </c:pt>
                <c:pt idx="352">
                  <c:v>11.733333333333333</c:v>
                </c:pt>
                <c:pt idx="353">
                  <c:v>11.766666666666667</c:v>
                </c:pt>
                <c:pt idx="354">
                  <c:v>11.8</c:v>
                </c:pt>
                <c:pt idx="355">
                  <c:v>11.833333333333334</c:v>
                </c:pt>
                <c:pt idx="356">
                  <c:v>11.866666666666667</c:v>
                </c:pt>
                <c:pt idx="357">
                  <c:v>11.9</c:v>
                </c:pt>
                <c:pt idx="358">
                  <c:v>11.933333333333334</c:v>
                </c:pt>
                <c:pt idx="359">
                  <c:v>11.966666666666667</c:v>
                </c:pt>
                <c:pt idx="360">
                  <c:v>12</c:v>
                </c:pt>
                <c:pt idx="361">
                  <c:v>12.033333333333333</c:v>
                </c:pt>
                <c:pt idx="362">
                  <c:v>12.066666666666666</c:v>
                </c:pt>
                <c:pt idx="363">
                  <c:v>12.1</c:v>
                </c:pt>
                <c:pt idx="364">
                  <c:v>12.133333333333333</c:v>
                </c:pt>
                <c:pt idx="365">
                  <c:v>12.166666666666666</c:v>
                </c:pt>
                <c:pt idx="366">
                  <c:v>12.2</c:v>
                </c:pt>
                <c:pt idx="367">
                  <c:v>12.233333333333333</c:v>
                </c:pt>
                <c:pt idx="368">
                  <c:v>12.266666666666667</c:v>
                </c:pt>
                <c:pt idx="369">
                  <c:v>12.3</c:v>
                </c:pt>
                <c:pt idx="370">
                  <c:v>12.333333333333334</c:v>
                </c:pt>
                <c:pt idx="371">
                  <c:v>12.366666666666667</c:v>
                </c:pt>
                <c:pt idx="372">
                  <c:v>12.4</c:v>
                </c:pt>
                <c:pt idx="373">
                  <c:v>12.433333333333334</c:v>
                </c:pt>
                <c:pt idx="374">
                  <c:v>12.466666666666667</c:v>
                </c:pt>
                <c:pt idx="375">
                  <c:v>12.5</c:v>
                </c:pt>
                <c:pt idx="376">
                  <c:v>12.533333333333333</c:v>
                </c:pt>
                <c:pt idx="377">
                  <c:v>12.566666666666666</c:v>
                </c:pt>
                <c:pt idx="378">
                  <c:v>12.6</c:v>
                </c:pt>
                <c:pt idx="379">
                  <c:v>12.633333333333333</c:v>
                </c:pt>
                <c:pt idx="380">
                  <c:v>12.666666666666666</c:v>
                </c:pt>
                <c:pt idx="381">
                  <c:v>12.7</c:v>
                </c:pt>
                <c:pt idx="382">
                  <c:v>12.733333333333333</c:v>
                </c:pt>
                <c:pt idx="383">
                  <c:v>12.766666666666667</c:v>
                </c:pt>
                <c:pt idx="384">
                  <c:v>12.8</c:v>
                </c:pt>
                <c:pt idx="385">
                  <c:v>12.833333333333334</c:v>
                </c:pt>
                <c:pt idx="386">
                  <c:v>12.866666666666667</c:v>
                </c:pt>
                <c:pt idx="387">
                  <c:v>12.9</c:v>
                </c:pt>
                <c:pt idx="388">
                  <c:v>12.933333333333334</c:v>
                </c:pt>
                <c:pt idx="389">
                  <c:v>12.966666666666667</c:v>
                </c:pt>
                <c:pt idx="390">
                  <c:v>13</c:v>
                </c:pt>
                <c:pt idx="391">
                  <c:v>13.033333333333333</c:v>
                </c:pt>
                <c:pt idx="392">
                  <c:v>13.066666666666666</c:v>
                </c:pt>
                <c:pt idx="393">
                  <c:v>13.1</c:v>
                </c:pt>
                <c:pt idx="394">
                  <c:v>13.133333333333333</c:v>
                </c:pt>
                <c:pt idx="395">
                  <c:v>13.166666666666666</c:v>
                </c:pt>
                <c:pt idx="396">
                  <c:v>13.2</c:v>
                </c:pt>
                <c:pt idx="397">
                  <c:v>13.233333333333333</c:v>
                </c:pt>
                <c:pt idx="398">
                  <c:v>13.266666666666667</c:v>
                </c:pt>
                <c:pt idx="399">
                  <c:v>13.3</c:v>
                </c:pt>
                <c:pt idx="400">
                  <c:v>13.333333333333334</c:v>
                </c:pt>
                <c:pt idx="401">
                  <c:v>13.366666666666667</c:v>
                </c:pt>
                <c:pt idx="402">
                  <c:v>13.4</c:v>
                </c:pt>
                <c:pt idx="403">
                  <c:v>13.433333333333334</c:v>
                </c:pt>
                <c:pt idx="404">
                  <c:v>13.466666666666667</c:v>
                </c:pt>
                <c:pt idx="405">
                  <c:v>13.5</c:v>
                </c:pt>
                <c:pt idx="406">
                  <c:v>13.533333333333333</c:v>
                </c:pt>
                <c:pt idx="407">
                  <c:v>13.566666666666666</c:v>
                </c:pt>
                <c:pt idx="408">
                  <c:v>13.6</c:v>
                </c:pt>
                <c:pt idx="409">
                  <c:v>13.633333333333333</c:v>
                </c:pt>
                <c:pt idx="410">
                  <c:v>13.666666666666666</c:v>
                </c:pt>
                <c:pt idx="411">
                  <c:v>13.7</c:v>
                </c:pt>
                <c:pt idx="412">
                  <c:v>13.733333333333333</c:v>
                </c:pt>
                <c:pt idx="413">
                  <c:v>13.766666666666667</c:v>
                </c:pt>
                <c:pt idx="414">
                  <c:v>13.8</c:v>
                </c:pt>
                <c:pt idx="415">
                  <c:v>13.833333333333334</c:v>
                </c:pt>
                <c:pt idx="416">
                  <c:v>13.866666666666667</c:v>
                </c:pt>
                <c:pt idx="417">
                  <c:v>13.9</c:v>
                </c:pt>
                <c:pt idx="418">
                  <c:v>13.933333333333334</c:v>
                </c:pt>
                <c:pt idx="419">
                  <c:v>13.966666666666667</c:v>
                </c:pt>
                <c:pt idx="420">
                  <c:v>14</c:v>
                </c:pt>
                <c:pt idx="421">
                  <c:v>14.033333333333333</c:v>
                </c:pt>
                <c:pt idx="422">
                  <c:v>14.066666666666666</c:v>
                </c:pt>
                <c:pt idx="423">
                  <c:v>14.1</c:v>
                </c:pt>
                <c:pt idx="424">
                  <c:v>14.133333333333333</c:v>
                </c:pt>
                <c:pt idx="425">
                  <c:v>14.166666666666666</c:v>
                </c:pt>
                <c:pt idx="426">
                  <c:v>14.2</c:v>
                </c:pt>
                <c:pt idx="427">
                  <c:v>14.233333333333333</c:v>
                </c:pt>
                <c:pt idx="428">
                  <c:v>14.266666666666667</c:v>
                </c:pt>
                <c:pt idx="429">
                  <c:v>14.3</c:v>
                </c:pt>
                <c:pt idx="430">
                  <c:v>14.333333333333334</c:v>
                </c:pt>
                <c:pt idx="431">
                  <c:v>14.366666666666667</c:v>
                </c:pt>
                <c:pt idx="432">
                  <c:v>14.4</c:v>
                </c:pt>
                <c:pt idx="433">
                  <c:v>14.433333333333334</c:v>
                </c:pt>
                <c:pt idx="434">
                  <c:v>14.466666666666667</c:v>
                </c:pt>
                <c:pt idx="435">
                  <c:v>14.5</c:v>
                </c:pt>
                <c:pt idx="436">
                  <c:v>14.533333333333333</c:v>
                </c:pt>
                <c:pt idx="437">
                  <c:v>14.566666666666666</c:v>
                </c:pt>
                <c:pt idx="438">
                  <c:v>14.6</c:v>
                </c:pt>
                <c:pt idx="439">
                  <c:v>14.633333333333333</c:v>
                </c:pt>
                <c:pt idx="440">
                  <c:v>14.666666666666666</c:v>
                </c:pt>
                <c:pt idx="441">
                  <c:v>14.7</c:v>
                </c:pt>
                <c:pt idx="442">
                  <c:v>14.733333333333333</c:v>
                </c:pt>
                <c:pt idx="443">
                  <c:v>14.766666666666667</c:v>
                </c:pt>
                <c:pt idx="444">
                  <c:v>14.8</c:v>
                </c:pt>
                <c:pt idx="445">
                  <c:v>14.833333333333334</c:v>
                </c:pt>
                <c:pt idx="446">
                  <c:v>14.866666666666667</c:v>
                </c:pt>
                <c:pt idx="447">
                  <c:v>14.9</c:v>
                </c:pt>
                <c:pt idx="448">
                  <c:v>14.933333333333334</c:v>
                </c:pt>
                <c:pt idx="449">
                  <c:v>14.966666666666667</c:v>
                </c:pt>
                <c:pt idx="450">
                  <c:v>15</c:v>
                </c:pt>
                <c:pt idx="451">
                  <c:v>15.033333333333333</c:v>
                </c:pt>
                <c:pt idx="452">
                  <c:v>15.066666666666666</c:v>
                </c:pt>
                <c:pt idx="453">
                  <c:v>15.1</c:v>
                </c:pt>
                <c:pt idx="454">
                  <c:v>15.133333333333333</c:v>
                </c:pt>
                <c:pt idx="455">
                  <c:v>15.166666666666666</c:v>
                </c:pt>
                <c:pt idx="456">
                  <c:v>15.2</c:v>
                </c:pt>
                <c:pt idx="457">
                  <c:v>15.233333333333333</c:v>
                </c:pt>
                <c:pt idx="458">
                  <c:v>15.266666666666667</c:v>
                </c:pt>
                <c:pt idx="459">
                  <c:v>15.3</c:v>
                </c:pt>
                <c:pt idx="460">
                  <c:v>15.333333333333334</c:v>
                </c:pt>
                <c:pt idx="461">
                  <c:v>15.366666666666667</c:v>
                </c:pt>
                <c:pt idx="462">
                  <c:v>15.4</c:v>
                </c:pt>
                <c:pt idx="463">
                  <c:v>15.433333333333334</c:v>
                </c:pt>
                <c:pt idx="464">
                  <c:v>15.466666666666667</c:v>
                </c:pt>
                <c:pt idx="465">
                  <c:v>15.5</c:v>
                </c:pt>
                <c:pt idx="466">
                  <c:v>15.533333333333333</c:v>
                </c:pt>
                <c:pt idx="467">
                  <c:v>15.566666666666666</c:v>
                </c:pt>
                <c:pt idx="468">
                  <c:v>15.6</c:v>
                </c:pt>
                <c:pt idx="469">
                  <c:v>15.633333333333333</c:v>
                </c:pt>
                <c:pt idx="470">
                  <c:v>15.666666666666666</c:v>
                </c:pt>
                <c:pt idx="471">
                  <c:v>15.7</c:v>
                </c:pt>
                <c:pt idx="472">
                  <c:v>15.733333333333333</c:v>
                </c:pt>
                <c:pt idx="473">
                  <c:v>15.766666666666667</c:v>
                </c:pt>
                <c:pt idx="474">
                  <c:v>15.8</c:v>
                </c:pt>
                <c:pt idx="475">
                  <c:v>15.833333333333334</c:v>
                </c:pt>
                <c:pt idx="476">
                  <c:v>15.866666666666667</c:v>
                </c:pt>
                <c:pt idx="477">
                  <c:v>15.9</c:v>
                </c:pt>
                <c:pt idx="478">
                  <c:v>15.933333333333334</c:v>
                </c:pt>
                <c:pt idx="479">
                  <c:v>15.966666666666667</c:v>
                </c:pt>
                <c:pt idx="480">
                  <c:v>16</c:v>
                </c:pt>
                <c:pt idx="481">
                  <c:v>16.033333333333335</c:v>
                </c:pt>
                <c:pt idx="482">
                  <c:v>16.066666666666666</c:v>
                </c:pt>
                <c:pt idx="483">
                  <c:v>16.100000000000001</c:v>
                </c:pt>
                <c:pt idx="484">
                  <c:v>16.133333333333333</c:v>
                </c:pt>
                <c:pt idx="485">
                  <c:v>16.166666666666668</c:v>
                </c:pt>
                <c:pt idx="486">
                  <c:v>16.2</c:v>
                </c:pt>
                <c:pt idx="487">
                  <c:v>16.233333333333334</c:v>
                </c:pt>
                <c:pt idx="488">
                  <c:v>16.266666666666666</c:v>
                </c:pt>
                <c:pt idx="489">
                  <c:v>16.3</c:v>
                </c:pt>
                <c:pt idx="490">
                  <c:v>16.333333333333332</c:v>
                </c:pt>
                <c:pt idx="491">
                  <c:v>16.366666666666667</c:v>
                </c:pt>
                <c:pt idx="492">
                  <c:v>16.399999999999999</c:v>
                </c:pt>
                <c:pt idx="493">
                  <c:v>16.433333333333334</c:v>
                </c:pt>
                <c:pt idx="494">
                  <c:v>16.466666666666665</c:v>
                </c:pt>
                <c:pt idx="495">
                  <c:v>16.5</c:v>
                </c:pt>
                <c:pt idx="496">
                  <c:v>16.533333333333335</c:v>
                </c:pt>
                <c:pt idx="497">
                  <c:v>16.566666666666666</c:v>
                </c:pt>
                <c:pt idx="498">
                  <c:v>16.600000000000001</c:v>
                </c:pt>
                <c:pt idx="499">
                  <c:v>16.633333333333333</c:v>
                </c:pt>
                <c:pt idx="500">
                  <c:v>16.666666666666668</c:v>
                </c:pt>
                <c:pt idx="501">
                  <c:v>16.7</c:v>
                </c:pt>
                <c:pt idx="502">
                  <c:v>16.733333333333334</c:v>
                </c:pt>
                <c:pt idx="503">
                  <c:v>16.766666666666666</c:v>
                </c:pt>
                <c:pt idx="504">
                  <c:v>16.8</c:v>
                </c:pt>
                <c:pt idx="505">
                  <c:v>16.833333333333332</c:v>
                </c:pt>
                <c:pt idx="506">
                  <c:v>16.866666666666667</c:v>
                </c:pt>
                <c:pt idx="507">
                  <c:v>16.899999999999999</c:v>
                </c:pt>
                <c:pt idx="508">
                  <c:v>16.933333333333334</c:v>
                </c:pt>
                <c:pt idx="509">
                  <c:v>16.966666666666665</c:v>
                </c:pt>
                <c:pt idx="510">
                  <c:v>17</c:v>
                </c:pt>
                <c:pt idx="511">
                  <c:v>17.033333333333335</c:v>
                </c:pt>
                <c:pt idx="512">
                  <c:v>17.066666666666666</c:v>
                </c:pt>
                <c:pt idx="513">
                  <c:v>17.100000000000001</c:v>
                </c:pt>
                <c:pt idx="514">
                  <c:v>17.133333333333333</c:v>
                </c:pt>
                <c:pt idx="515">
                  <c:v>17.166666666666668</c:v>
                </c:pt>
                <c:pt idx="516">
                  <c:v>17.2</c:v>
                </c:pt>
                <c:pt idx="517">
                  <c:v>17.233333333333334</c:v>
                </c:pt>
                <c:pt idx="518">
                  <c:v>17.266666666666666</c:v>
                </c:pt>
                <c:pt idx="519">
                  <c:v>17.3</c:v>
                </c:pt>
                <c:pt idx="520">
                  <c:v>17.333333333333332</c:v>
                </c:pt>
                <c:pt idx="521">
                  <c:v>17.366666666666667</c:v>
                </c:pt>
                <c:pt idx="522">
                  <c:v>17.399999999999999</c:v>
                </c:pt>
                <c:pt idx="523">
                  <c:v>17.433333333333334</c:v>
                </c:pt>
                <c:pt idx="524">
                  <c:v>17.466666666666665</c:v>
                </c:pt>
                <c:pt idx="525">
                  <c:v>17.5</c:v>
                </c:pt>
                <c:pt idx="526">
                  <c:v>17.533333333333335</c:v>
                </c:pt>
                <c:pt idx="527">
                  <c:v>17.566666666666666</c:v>
                </c:pt>
                <c:pt idx="528">
                  <c:v>17.600000000000001</c:v>
                </c:pt>
                <c:pt idx="529">
                  <c:v>17.633333333333333</c:v>
                </c:pt>
                <c:pt idx="530">
                  <c:v>17.666666666666668</c:v>
                </c:pt>
                <c:pt idx="531">
                  <c:v>17.7</c:v>
                </c:pt>
                <c:pt idx="532">
                  <c:v>17.733333333333334</c:v>
                </c:pt>
                <c:pt idx="533">
                  <c:v>17.766666666666666</c:v>
                </c:pt>
                <c:pt idx="534">
                  <c:v>17.8</c:v>
                </c:pt>
                <c:pt idx="535">
                  <c:v>17.833333333333332</c:v>
                </c:pt>
                <c:pt idx="536">
                  <c:v>17.866666666666667</c:v>
                </c:pt>
                <c:pt idx="537">
                  <c:v>17.899999999999999</c:v>
                </c:pt>
                <c:pt idx="538">
                  <c:v>17.933333333333334</c:v>
                </c:pt>
                <c:pt idx="539">
                  <c:v>17.966666666666665</c:v>
                </c:pt>
                <c:pt idx="540">
                  <c:v>18</c:v>
                </c:pt>
                <c:pt idx="541">
                  <c:v>18.033333333333335</c:v>
                </c:pt>
                <c:pt idx="542">
                  <c:v>18.066666666666666</c:v>
                </c:pt>
                <c:pt idx="543">
                  <c:v>18.100000000000001</c:v>
                </c:pt>
                <c:pt idx="544">
                  <c:v>18.133333333333333</c:v>
                </c:pt>
                <c:pt idx="545">
                  <c:v>18.166666666666668</c:v>
                </c:pt>
                <c:pt idx="546">
                  <c:v>18.2</c:v>
                </c:pt>
                <c:pt idx="547">
                  <c:v>18.233333333333334</c:v>
                </c:pt>
                <c:pt idx="548">
                  <c:v>18.266666666666666</c:v>
                </c:pt>
                <c:pt idx="549">
                  <c:v>18.3</c:v>
                </c:pt>
                <c:pt idx="550">
                  <c:v>18.333333333333332</c:v>
                </c:pt>
                <c:pt idx="551">
                  <c:v>18.366666666666667</c:v>
                </c:pt>
                <c:pt idx="552">
                  <c:v>18.399999999999999</c:v>
                </c:pt>
                <c:pt idx="553">
                  <c:v>18.433333333333334</c:v>
                </c:pt>
                <c:pt idx="554">
                  <c:v>18.466666666666665</c:v>
                </c:pt>
                <c:pt idx="555">
                  <c:v>18.5</c:v>
                </c:pt>
                <c:pt idx="556">
                  <c:v>18.533333333333335</c:v>
                </c:pt>
                <c:pt idx="557">
                  <c:v>18.566666666666666</c:v>
                </c:pt>
                <c:pt idx="558">
                  <c:v>18.600000000000001</c:v>
                </c:pt>
                <c:pt idx="559">
                  <c:v>18.633333333333333</c:v>
                </c:pt>
                <c:pt idx="560">
                  <c:v>18.666666666666668</c:v>
                </c:pt>
                <c:pt idx="561">
                  <c:v>18.7</c:v>
                </c:pt>
                <c:pt idx="562">
                  <c:v>18.733333333333334</c:v>
                </c:pt>
                <c:pt idx="563">
                  <c:v>18.766666666666666</c:v>
                </c:pt>
                <c:pt idx="564">
                  <c:v>18.8</c:v>
                </c:pt>
                <c:pt idx="565">
                  <c:v>18.833333333333332</c:v>
                </c:pt>
                <c:pt idx="566">
                  <c:v>18.866666666666667</c:v>
                </c:pt>
                <c:pt idx="567">
                  <c:v>18.899999999999999</c:v>
                </c:pt>
                <c:pt idx="568">
                  <c:v>18.933333333333334</c:v>
                </c:pt>
                <c:pt idx="569">
                  <c:v>18.966666666666665</c:v>
                </c:pt>
                <c:pt idx="570">
                  <c:v>19</c:v>
                </c:pt>
                <c:pt idx="571">
                  <c:v>19.033333333333335</c:v>
                </c:pt>
                <c:pt idx="572">
                  <c:v>19.066666666666666</c:v>
                </c:pt>
                <c:pt idx="573">
                  <c:v>19.100000000000001</c:v>
                </c:pt>
                <c:pt idx="574">
                  <c:v>19.133333333333333</c:v>
                </c:pt>
                <c:pt idx="575">
                  <c:v>19.166666666666668</c:v>
                </c:pt>
                <c:pt idx="576">
                  <c:v>19.2</c:v>
                </c:pt>
                <c:pt idx="577">
                  <c:v>19.233333333333334</c:v>
                </c:pt>
                <c:pt idx="578">
                  <c:v>19.266666666666666</c:v>
                </c:pt>
                <c:pt idx="579">
                  <c:v>19.3</c:v>
                </c:pt>
                <c:pt idx="580">
                  <c:v>19.333333333333332</c:v>
                </c:pt>
                <c:pt idx="581">
                  <c:v>19.366666666666667</c:v>
                </c:pt>
                <c:pt idx="582">
                  <c:v>19.399999999999999</c:v>
                </c:pt>
                <c:pt idx="583">
                  <c:v>19.433333333333334</c:v>
                </c:pt>
                <c:pt idx="584">
                  <c:v>19.466666666666665</c:v>
                </c:pt>
                <c:pt idx="585">
                  <c:v>19.5</c:v>
                </c:pt>
                <c:pt idx="586">
                  <c:v>19.533333333333335</c:v>
                </c:pt>
                <c:pt idx="587">
                  <c:v>19.566666666666666</c:v>
                </c:pt>
                <c:pt idx="588">
                  <c:v>19.600000000000001</c:v>
                </c:pt>
                <c:pt idx="589">
                  <c:v>19.633333333333333</c:v>
                </c:pt>
                <c:pt idx="590">
                  <c:v>19.666666666666668</c:v>
                </c:pt>
                <c:pt idx="591">
                  <c:v>19.7</c:v>
                </c:pt>
                <c:pt idx="592">
                  <c:v>19.733333333333334</c:v>
                </c:pt>
                <c:pt idx="593">
                  <c:v>19.766666666666666</c:v>
                </c:pt>
                <c:pt idx="594">
                  <c:v>19.8</c:v>
                </c:pt>
                <c:pt idx="595">
                  <c:v>19.833333333333332</c:v>
                </c:pt>
                <c:pt idx="596">
                  <c:v>19.866666666666667</c:v>
                </c:pt>
                <c:pt idx="597">
                  <c:v>19.899999999999999</c:v>
                </c:pt>
                <c:pt idx="598">
                  <c:v>19.933333333333334</c:v>
                </c:pt>
                <c:pt idx="599">
                  <c:v>19.966666666666665</c:v>
                </c:pt>
                <c:pt idx="600">
                  <c:v>20</c:v>
                </c:pt>
                <c:pt idx="601">
                  <c:v>20.033333333333335</c:v>
                </c:pt>
                <c:pt idx="602">
                  <c:v>20.066666666666666</c:v>
                </c:pt>
                <c:pt idx="603">
                  <c:v>20.100000000000001</c:v>
                </c:pt>
                <c:pt idx="604">
                  <c:v>20.133333333333333</c:v>
                </c:pt>
                <c:pt idx="605">
                  <c:v>20.166666666666668</c:v>
                </c:pt>
                <c:pt idx="606">
                  <c:v>20.2</c:v>
                </c:pt>
                <c:pt idx="607">
                  <c:v>20.233333333333334</c:v>
                </c:pt>
                <c:pt idx="608">
                  <c:v>20.266666666666666</c:v>
                </c:pt>
                <c:pt idx="609">
                  <c:v>20.3</c:v>
                </c:pt>
                <c:pt idx="610">
                  <c:v>20.333333333333332</c:v>
                </c:pt>
                <c:pt idx="611">
                  <c:v>20.366666666666667</c:v>
                </c:pt>
                <c:pt idx="612">
                  <c:v>20.399999999999999</c:v>
                </c:pt>
                <c:pt idx="613">
                  <c:v>20.433333333333334</c:v>
                </c:pt>
                <c:pt idx="614">
                  <c:v>20.466666666666665</c:v>
                </c:pt>
                <c:pt idx="615">
                  <c:v>20.5</c:v>
                </c:pt>
                <c:pt idx="616">
                  <c:v>20.533333333333335</c:v>
                </c:pt>
                <c:pt idx="617">
                  <c:v>20.566666666666666</c:v>
                </c:pt>
                <c:pt idx="618">
                  <c:v>20.6</c:v>
                </c:pt>
                <c:pt idx="619">
                  <c:v>20.633333333333333</c:v>
                </c:pt>
                <c:pt idx="620">
                  <c:v>20.666666666666668</c:v>
                </c:pt>
                <c:pt idx="621">
                  <c:v>20.7</c:v>
                </c:pt>
                <c:pt idx="622">
                  <c:v>20.733333333333334</c:v>
                </c:pt>
                <c:pt idx="623">
                  <c:v>20.766666666666666</c:v>
                </c:pt>
                <c:pt idx="624">
                  <c:v>20.8</c:v>
                </c:pt>
                <c:pt idx="625">
                  <c:v>20.833333333333332</c:v>
                </c:pt>
                <c:pt idx="626">
                  <c:v>20.866666666666667</c:v>
                </c:pt>
                <c:pt idx="627">
                  <c:v>20.9</c:v>
                </c:pt>
                <c:pt idx="628">
                  <c:v>20.933333333333334</c:v>
                </c:pt>
                <c:pt idx="629">
                  <c:v>20.966666666666665</c:v>
                </c:pt>
                <c:pt idx="630">
                  <c:v>21</c:v>
                </c:pt>
                <c:pt idx="631">
                  <c:v>21.033333333333335</c:v>
                </c:pt>
                <c:pt idx="632">
                  <c:v>21.066666666666666</c:v>
                </c:pt>
                <c:pt idx="633">
                  <c:v>21.1</c:v>
                </c:pt>
                <c:pt idx="634">
                  <c:v>21.133333333333333</c:v>
                </c:pt>
                <c:pt idx="635">
                  <c:v>21.166666666666668</c:v>
                </c:pt>
                <c:pt idx="636">
                  <c:v>21.2</c:v>
                </c:pt>
                <c:pt idx="637">
                  <c:v>21.233333333333334</c:v>
                </c:pt>
                <c:pt idx="638">
                  <c:v>21.266666666666666</c:v>
                </c:pt>
                <c:pt idx="639">
                  <c:v>21.3</c:v>
                </c:pt>
                <c:pt idx="640">
                  <c:v>21.333333333333332</c:v>
                </c:pt>
                <c:pt idx="641">
                  <c:v>21.366666666666667</c:v>
                </c:pt>
                <c:pt idx="642">
                  <c:v>21.4</c:v>
                </c:pt>
                <c:pt idx="643">
                  <c:v>21.433333333333334</c:v>
                </c:pt>
                <c:pt idx="644">
                  <c:v>21.466666666666665</c:v>
                </c:pt>
                <c:pt idx="645">
                  <c:v>21.5</c:v>
                </c:pt>
                <c:pt idx="646">
                  <c:v>21.533333333333335</c:v>
                </c:pt>
                <c:pt idx="647">
                  <c:v>21.566666666666666</c:v>
                </c:pt>
                <c:pt idx="648">
                  <c:v>21.6</c:v>
                </c:pt>
                <c:pt idx="649">
                  <c:v>21.633333333333333</c:v>
                </c:pt>
                <c:pt idx="650">
                  <c:v>21.666666666666668</c:v>
                </c:pt>
                <c:pt idx="651">
                  <c:v>21.7</c:v>
                </c:pt>
                <c:pt idx="652">
                  <c:v>21.733333333333334</c:v>
                </c:pt>
                <c:pt idx="653">
                  <c:v>21.766666666666666</c:v>
                </c:pt>
                <c:pt idx="654">
                  <c:v>21.8</c:v>
                </c:pt>
                <c:pt idx="655">
                  <c:v>21.833333333333332</c:v>
                </c:pt>
                <c:pt idx="656">
                  <c:v>21.866666666666667</c:v>
                </c:pt>
                <c:pt idx="657">
                  <c:v>21.9</c:v>
                </c:pt>
                <c:pt idx="658">
                  <c:v>21.933333333333334</c:v>
                </c:pt>
                <c:pt idx="659">
                  <c:v>21.966666666666665</c:v>
                </c:pt>
                <c:pt idx="660">
                  <c:v>22</c:v>
                </c:pt>
                <c:pt idx="661">
                  <c:v>22.033333333333335</c:v>
                </c:pt>
                <c:pt idx="662">
                  <c:v>22.066666666666666</c:v>
                </c:pt>
                <c:pt idx="663">
                  <c:v>22.1</c:v>
                </c:pt>
                <c:pt idx="664">
                  <c:v>22.133333333333333</c:v>
                </c:pt>
                <c:pt idx="665">
                  <c:v>22.166666666666668</c:v>
                </c:pt>
                <c:pt idx="666">
                  <c:v>22.2</c:v>
                </c:pt>
                <c:pt idx="667">
                  <c:v>22.233333333333334</c:v>
                </c:pt>
                <c:pt idx="668">
                  <c:v>22.266666666666666</c:v>
                </c:pt>
                <c:pt idx="669">
                  <c:v>22.3</c:v>
                </c:pt>
                <c:pt idx="670">
                  <c:v>22.333333333333332</c:v>
                </c:pt>
                <c:pt idx="671">
                  <c:v>22.366666666666667</c:v>
                </c:pt>
                <c:pt idx="672">
                  <c:v>22.4</c:v>
                </c:pt>
                <c:pt idx="673">
                  <c:v>22.433333333333334</c:v>
                </c:pt>
                <c:pt idx="674">
                  <c:v>22.466666666666665</c:v>
                </c:pt>
                <c:pt idx="675">
                  <c:v>22.5</c:v>
                </c:pt>
                <c:pt idx="676">
                  <c:v>22.533333333333335</c:v>
                </c:pt>
                <c:pt idx="677">
                  <c:v>22.566666666666666</c:v>
                </c:pt>
                <c:pt idx="678">
                  <c:v>22.6</c:v>
                </c:pt>
                <c:pt idx="679">
                  <c:v>22.633333333333333</c:v>
                </c:pt>
                <c:pt idx="680">
                  <c:v>22.666666666666668</c:v>
                </c:pt>
                <c:pt idx="681">
                  <c:v>22.7</c:v>
                </c:pt>
                <c:pt idx="682">
                  <c:v>22.733333333333334</c:v>
                </c:pt>
                <c:pt idx="683">
                  <c:v>22.766666666666666</c:v>
                </c:pt>
                <c:pt idx="684">
                  <c:v>22.8</c:v>
                </c:pt>
                <c:pt idx="685">
                  <c:v>22.833333333333332</c:v>
                </c:pt>
                <c:pt idx="686">
                  <c:v>22.866666666666667</c:v>
                </c:pt>
                <c:pt idx="687">
                  <c:v>22.9</c:v>
                </c:pt>
                <c:pt idx="688">
                  <c:v>22.933333333333334</c:v>
                </c:pt>
                <c:pt idx="689">
                  <c:v>22.966666666666665</c:v>
                </c:pt>
                <c:pt idx="690">
                  <c:v>23</c:v>
                </c:pt>
                <c:pt idx="691">
                  <c:v>23.033333333333335</c:v>
                </c:pt>
                <c:pt idx="692">
                  <c:v>23.066666666666666</c:v>
                </c:pt>
                <c:pt idx="693">
                  <c:v>23.1</c:v>
                </c:pt>
                <c:pt idx="694">
                  <c:v>23.133333333333333</c:v>
                </c:pt>
                <c:pt idx="695">
                  <c:v>23.166666666666668</c:v>
                </c:pt>
                <c:pt idx="696">
                  <c:v>23.2</c:v>
                </c:pt>
                <c:pt idx="697">
                  <c:v>23.233333333333334</c:v>
                </c:pt>
                <c:pt idx="698">
                  <c:v>23.266666666666666</c:v>
                </c:pt>
                <c:pt idx="699">
                  <c:v>23.3</c:v>
                </c:pt>
                <c:pt idx="700">
                  <c:v>23.333333333333332</c:v>
                </c:pt>
                <c:pt idx="701">
                  <c:v>23.366666666666667</c:v>
                </c:pt>
                <c:pt idx="702">
                  <c:v>23.4</c:v>
                </c:pt>
                <c:pt idx="703">
                  <c:v>23.433333333333334</c:v>
                </c:pt>
                <c:pt idx="704">
                  <c:v>23.466666666666665</c:v>
                </c:pt>
                <c:pt idx="705">
                  <c:v>23.5</c:v>
                </c:pt>
                <c:pt idx="706">
                  <c:v>23.533333333333335</c:v>
                </c:pt>
                <c:pt idx="707">
                  <c:v>23.566666666666666</c:v>
                </c:pt>
                <c:pt idx="708">
                  <c:v>23.6</c:v>
                </c:pt>
                <c:pt idx="709">
                  <c:v>23.633333333333333</c:v>
                </c:pt>
                <c:pt idx="710">
                  <c:v>23.666666666666668</c:v>
                </c:pt>
                <c:pt idx="711">
                  <c:v>23.7</c:v>
                </c:pt>
                <c:pt idx="712">
                  <c:v>23.733333333333334</c:v>
                </c:pt>
                <c:pt idx="713">
                  <c:v>23.766666666666666</c:v>
                </c:pt>
                <c:pt idx="714">
                  <c:v>23.8</c:v>
                </c:pt>
                <c:pt idx="715">
                  <c:v>23.833333333333332</c:v>
                </c:pt>
                <c:pt idx="716">
                  <c:v>23.866666666666667</c:v>
                </c:pt>
                <c:pt idx="717">
                  <c:v>23.9</c:v>
                </c:pt>
                <c:pt idx="718">
                  <c:v>23.933333333333334</c:v>
                </c:pt>
                <c:pt idx="719">
                  <c:v>23.966666666666665</c:v>
                </c:pt>
                <c:pt idx="720">
                  <c:v>24</c:v>
                </c:pt>
                <c:pt idx="721">
                  <c:v>24.033333333333335</c:v>
                </c:pt>
                <c:pt idx="722">
                  <c:v>24.066666666666666</c:v>
                </c:pt>
                <c:pt idx="723">
                  <c:v>24.1</c:v>
                </c:pt>
                <c:pt idx="724">
                  <c:v>24.133333333333333</c:v>
                </c:pt>
                <c:pt idx="725">
                  <c:v>24.166666666666668</c:v>
                </c:pt>
                <c:pt idx="726">
                  <c:v>24.2</c:v>
                </c:pt>
                <c:pt idx="727">
                  <c:v>24.233333333333334</c:v>
                </c:pt>
                <c:pt idx="728">
                  <c:v>24.266666666666666</c:v>
                </c:pt>
                <c:pt idx="729">
                  <c:v>24.3</c:v>
                </c:pt>
                <c:pt idx="730">
                  <c:v>24.333333333333332</c:v>
                </c:pt>
                <c:pt idx="731">
                  <c:v>24.366666666666667</c:v>
                </c:pt>
                <c:pt idx="732">
                  <c:v>24.4</c:v>
                </c:pt>
                <c:pt idx="733">
                  <c:v>24.433333333333334</c:v>
                </c:pt>
                <c:pt idx="734">
                  <c:v>24.466666666666665</c:v>
                </c:pt>
                <c:pt idx="735">
                  <c:v>24.5</c:v>
                </c:pt>
                <c:pt idx="736">
                  <c:v>24.533333333333335</c:v>
                </c:pt>
                <c:pt idx="737">
                  <c:v>24.566666666666666</c:v>
                </c:pt>
                <c:pt idx="738">
                  <c:v>24.6</c:v>
                </c:pt>
                <c:pt idx="739">
                  <c:v>24.633333333333333</c:v>
                </c:pt>
                <c:pt idx="740">
                  <c:v>24.666666666666668</c:v>
                </c:pt>
                <c:pt idx="741">
                  <c:v>24.7</c:v>
                </c:pt>
                <c:pt idx="742">
                  <c:v>24.733333333333334</c:v>
                </c:pt>
                <c:pt idx="743">
                  <c:v>24.766666666666666</c:v>
                </c:pt>
                <c:pt idx="744">
                  <c:v>24.8</c:v>
                </c:pt>
                <c:pt idx="745">
                  <c:v>24.833333333333332</c:v>
                </c:pt>
                <c:pt idx="746">
                  <c:v>24.866666666666667</c:v>
                </c:pt>
                <c:pt idx="747">
                  <c:v>24.9</c:v>
                </c:pt>
                <c:pt idx="748">
                  <c:v>24.933333333333334</c:v>
                </c:pt>
                <c:pt idx="749">
                  <c:v>24.966666666666665</c:v>
                </c:pt>
                <c:pt idx="750">
                  <c:v>25</c:v>
                </c:pt>
                <c:pt idx="751">
                  <c:v>25.033333333333335</c:v>
                </c:pt>
                <c:pt idx="752">
                  <c:v>25.066666666666666</c:v>
                </c:pt>
                <c:pt idx="753">
                  <c:v>25.1</c:v>
                </c:pt>
                <c:pt idx="754">
                  <c:v>25.133333333333333</c:v>
                </c:pt>
                <c:pt idx="755">
                  <c:v>25.166666666666668</c:v>
                </c:pt>
                <c:pt idx="756">
                  <c:v>25.2</c:v>
                </c:pt>
                <c:pt idx="757">
                  <c:v>25.233333333333334</c:v>
                </c:pt>
                <c:pt idx="758">
                  <c:v>25.266666666666666</c:v>
                </c:pt>
                <c:pt idx="759">
                  <c:v>25.3</c:v>
                </c:pt>
                <c:pt idx="760">
                  <c:v>25.333333333333332</c:v>
                </c:pt>
                <c:pt idx="761">
                  <c:v>25.366666666666667</c:v>
                </c:pt>
                <c:pt idx="762">
                  <c:v>25.4</c:v>
                </c:pt>
                <c:pt idx="763">
                  <c:v>25.433333333333334</c:v>
                </c:pt>
                <c:pt idx="764">
                  <c:v>25.466666666666665</c:v>
                </c:pt>
                <c:pt idx="765">
                  <c:v>25.5</c:v>
                </c:pt>
                <c:pt idx="766">
                  <c:v>25.533333333333335</c:v>
                </c:pt>
                <c:pt idx="767">
                  <c:v>25.566666666666666</c:v>
                </c:pt>
                <c:pt idx="768">
                  <c:v>25.6</c:v>
                </c:pt>
                <c:pt idx="769">
                  <c:v>25.633333333333333</c:v>
                </c:pt>
                <c:pt idx="770">
                  <c:v>25.666666666666668</c:v>
                </c:pt>
                <c:pt idx="771">
                  <c:v>25.7</c:v>
                </c:pt>
                <c:pt idx="772">
                  <c:v>25.733333333333334</c:v>
                </c:pt>
                <c:pt idx="773">
                  <c:v>25.766666666666666</c:v>
                </c:pt>
                <c:pt idx="774">
                  <c:v>25.8</c:v>
                </c:pt>
                <c:pt idx="775">
                  <c:v>25.833333333333332</c:v>
                </c:pt>
                <c:pt idx="776">
                  <c:v>25.866666666666667</c:v>
                </c:pt>
                <c:pt idx="777">
                  <c:v>25.9</c:v>
                </c:pt>
                <c:pt idx="778">
                  <c:v>25.933333333333334</c:v>
                </c:pt>
                <c:pt idx="779">
                  <c:v>25.966666666666665</c:v>
                </c:pt>
                <c:pt idx="780">
                  <c:v>26</c:v>
                </c:pt>
                <c:pt idx="781">
                  <c:v>26.033333333333335</c:v>
                </c:pt>
                <c:pt idx="782">
                  <c:v>26.066666666666666</c:v>
                </c:pt>
                <c:pt idx="783">
                  <c:v>26.1</c:v>
                </c:pt>
                <c:pt idx="784">
                  <c:v>26.133333333333333</c:v>
                </c:pt>
                <c:pt idx="785">
                  <c:v>26.166666666666668</c:v>
                </c:pt>
                <c:pt idx="786">
                  <c:v>26.2</c:v>
                </c:pt>
                <c:pt idx="787">
                  <c:v>26.233333333333334</c:v>
                </c:pt>
                <c:pt idx="788">
                  <c:v>26.266666666666666</c:v>
                </c:pt>
                <c:pt idx="789">
                  <c:v>26.3</c:v>
                </c:pt>
                <c:pt idx="790">
                  <c:v>26.333333333333332</c:v>
                </c:pt>
                <c:pt idx="791">
                  <c:v>26.366666666666667</c:v>
                </c:pt>
                <c:pt idx="792">
                  <c:v>26.4</c:v>
                </c:pt>
                <c:pt idx="793">
                  <c:v>26.433333333333334</c:v>
                </c:pt>
                <c:pt idx="794">
                  <c:v>26.466666666666665</c:v>
                </c:pt>
                <c:pt idx="795">
                  <c:v>26.5</c:v>
                </c:pt>
                <c:pt idx="796">
                  <c:v>26.533333333333335</c:v>
                </c:pt>
                <c:pt idx="797">
                  <c:v>26.566666666666666</c:v>
                </c:pt>
                <c:pt idx="798">
                  <c:v>26.6</c:v>
                </c:pt>
                <c:pt idx="799">
                  <c:v>26.633333333333333</c:v>
                </c:pt>
                <c:pt idx="800">
                  <c:v>26.666666666666668</c:v>
                </c:pt>
                <c:pt idx="801">
                  <c:v>26.7</c:v>
                </c:pt>
                <c:pt idx="802">
                  <c:v>26.733333333333334</c:v>
                </c:pt>
                <c:pt idx="803">
                  <c:v>26.766666666666666</c:v>
                </c:pt>
                <c:pt idx="804">
                  <c:v>26.8</c:v>
                </c:pt>
                <c:pt idx="805">
                  <c:v>26.833333333333332</c:v>
                </c:pt>
                <c:pt idx="806">
                  <c:v>26.866666666666667</c:v>
                </c:pt>
                <c:pt idx="807">
                  <c:v>26.9</c:v>
                </c:pt>
                <c:pt idx="808">
                  <c:v>26.933333333333334</c:v>
                </c:pt>
                <c:pt idx="809">
                  <c:v>26.966666666666665</c:v>
                </c:pt>
                <c:pt idx="810">
                  <c:v>27</c:v>
                </c:pt>
                <c:pt idx="811">
                  <c:v>27.033333333333335</c:v>
                </c:pt>
                <c:pt idx="812">
                  <c:v>27.066666666666666</c:v>
                </c:pt>
                <c:pt idx="813">
                  <c:v>27.1</c:v>
                </c:pt>
                <c:pt idx="814">
                  <c:v>27.133333333333333</c:v>
                </c:pt>
                <c:pt idx="815">
                  <c:v>27.166666666666668</c:v>
                </c:pt>
                <c:pt idx="816">
                  <c:v>27.2</c:v>
                </c:pt>
                <c:pt idx="817">
                  <c:v>27.233333333333334</c:v>
                </c:pt>
                <c:pt idx="818">
                  <c:v>27.266666666666666</c:v>
                </c:pt>
                <c:pt idx="819">
                  <c:v>27.3</c:v>
                </c:pt>
                <c:pt idx="820">
                  <c:v>27.333333333333332</c:v>
                </c:pt>
                <c:pt idx="821">
                  <c:v>27.366666666666667</c:v>
                </c:pt>
                <c:pt idx="822">
                  <c:v>27.4</c:v>
                </c:pt>
                <c:pt idx="823">
                  <c:v>27.433333333333334</c:v>
                </c:pt>
                <c:pt idx="824">
                  <c:v>27.466666666666665</c:v>
                </c:pt>
                <c:pt idx="825">
                  <c:v>27.5</c:v>
                </c:pt>
                <c:pt idx="826">
                  <c:v>27.533333333333335</c:v>
                </c:pt>
                <c:pt idx="827">
                  <c:v>27.566666666666666</c:v>
                </c:pt>
                <c:pt idx="828">
                  <c:v>27.6</c:v>
                </c:pt>
                <c:pt idx="829">
                  <c:v>27.633333333333333</c:v>
                </c:pt>
                <c:pt idx="830">
                  <c:v>27.666666666666668</c:v>
                </c:pt>
                <c:pt idx="831">
                  <c:v>27.7</c:v>
                </c:pt>
                <c:pt idx="832">
                  <c:v>27.733333333333334</c:v>
                </c:pt>
                <c:pt idx="833">
                  <c:v>27.766666666666666</c:v>
                </c:pt>
                <c:pt idx="834">
                  <c:v>27.8</c:v>
                </c:pt>
                <c:pt idx="835">
                  <c:v>27.833333333333332</c:v>
                </c:pt>
                <c:pt idx="836">
                  <c:v>27.866666666666667</c:v>
                </c:pt>
                <c:pt idx="837">
                  <c:v>27.9</c:v>
                </c:pt>
                <c:pt idx="838">
                  <c:v>27.933333333333334</c:v>
                </c:pt>
                <c:pt idx="839">
                  <c:v>27.966666666666665</c:v>
                </c:pt>
                <c:pt idx="840">
                  <c:v>28</c:v>
                </c:pt>
                <c:pt idx="841">
                  <c:v>28.033333333333335</c:v>
                </c:pt>
                <c:pt idx="842">
                  <c:v>28.066666666666666</c:v>
                </c:pt>
                <c:pt idx="843">
                  <c:v>28.1</c:v>
                </c:pt>
                <c:pt idx="844">
                  <c:v>28.133333333333333</c:v>
                </c:pt>
                <c:pt idx="845">
                  <c:v>28.166666666666668</c:v>
                </c:pt>
                <c:pt idx="846">
                  <c:v>28.2</c:v>
                </c:pt>
                <c:pt idx="847">
                  <c:v>28.233333333333334</c:v>
                </c:pt>
                <c:pt idx="848">
                  <c:v>28.266666666666666</c:v>
                </c:pt>
                <c:pt idx="849">
                  <c:v>28.3</c:v>
                </c:pt>
                <c:pt idx="850">
                  <c:v>28.333333333333332</c:v>
                </c:pt>
                <c:pt idx="851">
                  <c:v>28.366666666666667</c:v>
                </c:pt>
                <c:pt idx="852">
                  <c:v>28.4</c:v>
                </c:pt>
                <c:pt idx="853">
                  <c:v>28.433333333333334</c:v>
                </c:pt>
                <c:pt idx="854">
                  <c:v>28.466666666666665</c:v>
                </c:pt>
                <c:pt idx="855">
                  <c:v>28.5</c:v>
                </c:pt>
                <c:pt idx="856">
                  <c:v>28.533333333333335</c:v>
                </c:pt>
                <c:pt idx="857">
                  <c:v>28.566666666666666</c:v>
                </c:pt>
                <c:pt idx="858">
                  <c:v>28.6</c:v>
                </c:pt>
                <c:pt idx="859">
                  <c:v>28.633333333333333</c:v>
                </c:pt>
                <c:pt idx="860">
                  <c:v>28.666666666666668</c:v>
                </c:pt>
                <c:pt idx="861">
                  <c:v>28.7</c:v>
                </c:pt>
                <c:pt idx="862">
                  <c:v>28.733333333333334</c:v>
                </c:pt>
                <c:pt idx="863">
                  <c:v>28.766666666666666</c:v>
                </c:pt>
                <c:pt idx="864">
                  <c:v>28.8</c:v>
                </c:pt>
                <c:pt idx="865">
                  <c:v>28.833333333333332</c:v>
                </c:pt>
                <c:pt idx="866">
                  <c:v>28.866666666666667</c:v>
                </c:pt>
                <c:pt idx="867">
                  <c:v>28.9</c:v>
                </c:pt>
                <c:pt idx="868">
                  <c:v>28.933333333333334</c:v>
                </c:pt>
                <c:pt idx="869">
                  <c:v>28.966666666666665</c:v>
                </c:pt>
                <c:pt idx="870">
                  <c:v>29</c:v>
                </c:pt>
                <c:pt idx="871">
                  <c:v>29.033333333333335</c:v>
                </c:pt>
                <c:pt idx="872">
                  <c:v>29.066666666666666</c:v>
                </c:pt>
                <c:pt idx="873">
                  <c:v>29.1</c:v>
                </c:pt>
                <c:pt idx="874">
                  <c:v>29.133333333333333</c:v>
                </c:pt>
                <c:pt idx="875">
                  <c:v>29.166666666666668</c:v>
                </c:pt>
                <c:pt idx="876">
                  <c:v>29.2</c:v>
                </c:pt>
                <c:pt idx="877">
                  <c:v>29.233333333333334</c:v>
                </c:pt>
                <c:pt idx="878">
                  <c:v>29.266666666666666</c:v>
                </c:pt>
                <c:pt idx="879">
                  <c:v>29.3</c:v>
                </c:pt>
                <c:pt idx="880">
                  <c:v>29.333333333333332</c:v>
                </c:pt>
                <c:pt idx="881">
                  <c:v>29.366666666666667</c:v>
                </c:pt>
                <c:pt idx="882">
                  <c:v>29.4</c:v>
                </c:pt>
                <c:pt idx="883">
                  <c:v>29.433333333333334</c:v>
                </c:pt>
                <c:pt idx="884">
                  <c:v>29.466666666666665</c:v>
                </c:pt>
                <c:pt idx="885">
                  <c:v>29.5</c:v>
                </c:pt>
                <c:pt idx="886">
                  <c:v>29.533333333333335</c:v>
                </c:pt>
                <c:pt idx="887">
                  <c:v>29.566666666666666</c:v>
                </c:pt>
                <c:pt idx="888">
                  <c:v>29.6</c:v>
                </c:pt>
                <c:pt idx="889">
                  <c:v>29.633333333333333</c:v>
                </c:pt>
                <c:pt idx="890">
                  <c:v>29.666666666666668</c:v>
                </c:pt>
                <c:pt idx="891">
                  <c:v>29.7</c:v>
                </c:pt>
                <c:pt idx="892">
                  <c:v>29.733333333333334</c:v>
                </c:pt>
                <c:pt idx="893">
                  <c:v>29.766666666666666</c:v>
                </c:pt>
                <c:pt idx="894">
                  <c:v>29.8</c:v>
                </c:pt>
                <c:pt idx="895">
                  <c:v>29.833333333333332</c:v>
                </c:pt>
                <c:pt idx="896">
                  <c:v>29.866666666666667</c:v>
                </c:pt>
                <c:pt idx="897">
                  <c:v>29.9</c:v>
                </c:pt>
                <c:pt idx="898">
                  <c:v>29.933333333333334</c:v>
                </c:pt>
                <c:pt idx="899">
                  <c:v>29.966666666666665</c:v>
                </c:pt>
                <c:pt idx="900">
                  <c:v>30</c:v>
                </c:pt>
              </c:numCache>
            </c:numRef>
          </c:xVal>
          <c:yVal>
            <c:numRef>
              <c:f>重心!$F$2:$F$902</c:f>
              <c:numCache>
                <c:formatCode>General</c:formatCode>
                <c:ptCount val="901"/>
                <c:pt idx="0">
                  <c:v>2.2729511536778779</c:v>
                </c:pt>
                <c:pt idx="1">
                  <c:v>2.2744739558698019</c:v>
                </c:pt>
                <c:pt idx="2">
                  <c:v>2.2748689661861379</c:v>
                </c:pt>
                <c:pt idx="3">
                  <c:v>2.2730824133264913</c:v>
                </c:pt>
                <c:pt idx="4">
                  <c:v>2.2747124129456835</c:v>
                </c:pt>
                <c:pt idx="5">
                  <c:v>2.2744681064302861</c:v>
                </c:pt>
                <c:pt idx="6">
                  <c:v>2.2750858485364698</c:v>
                </c:pt>
                <c:pt idx="7">
                  <c:v>2.2755473543729945</c:v>
                </c:pt>
                <c:pt idx="8">
                  <c:v>2.2775506344299599</c:v>
                </c:pt>
                <c:pt idx="9">
                  <c:v>2.2774260063749665</c:v>
                </c:pt>
                <c:pt idx="10">
                  <c:v>2.2774287712104502</c:v>
                </c:pt>
                <c:pt idx="11">
                  <c:v>2.2783283532522152</c:v>
                </c:pt>
                <c:pt idx="12">
                  <c:v>2.2770021435827412</c:v>
                </c:pt>
                <c:pt idx="13">
                  <c:v>2.2795542678853522</c:v>
                </c:pt>
                <c:pt idx="14">
                  <c:v>2.2812779824827736</c:v>
                </c:pt>
                <c:pt idx="15">
                  <c:v>2.2824587625488229</c:v>
                </c:pt>
                <c:pt idx="16">
                  <c:v>2.2824469166165411</c:v>
                </c:pt>
                <c:pt idx="17">
                  <c:v>2.2840511798661831</c:v>
                </c:pt>
                <c:pt idx="18">
                  <c:v>2.2830231532318019</c:v>
                </c:pt>
                <c:pt idx="19">
                  <c:v>2.2856763051752114</c:v>
                </c:pt>
                <c:pt idx="20">
                  <c:v>2.2854012145968046</c:v>
                </c:pt>
                <c:pt idx="21">
                  <c:v>2.2854179334289908</c:v>
                </c:pt>
                <c:pt idx="22">
                  <c:v>2.2838004705169941</c:v>
                </c:pt>
                <c:pt idx="23">
                  <c:v>2.2848145650887832</c:v>
                </c:pt>
                <c:pt idx="24">
                  <c:v>2.28297256139984</c:v>
                </c:pt>
                <c:pt idx="25">
                  <c:v>2.2815042163486194</c:v>
                </c:pt>
                <c:pt idx="26">
                  <c:v>2.2804806822490642</c:v>
                </c:pt>
                <c:pt idx="27">
                  <c:v>2.2785070595385695</c:v>
                </c:pt>
                <c:pt idx="28">
                  <c:v>2.2790836804440131</c:v>
                </c:pt>
                <c:pt idx="29">
                  <c:v>2.2771412731174343</c:v>
                </c:pt>
                <c:pt idx="30">
                  <c:v>2.2753402031362371</c:v>
                </c:pt>
                <c:pt idx="31">
                  <c:v>2.2765420360814121</c:v>
                </c:pt>
                <c:pt idx="32">
                  <c:v>2.2754930429415787</c:v>
                </c:pt>
                <c:pt idx="33">
                  <c:v>2.276661443284298</c:v>
                </c:pt>
                <c:pt idx="34">
                  <c:v>2.2777316526173834</c:v>
                </c:pt>
                <c:pt idx="35">
                  <c:v>2.2765138332115904</c:v>
                </c:pt>
                <c:pt idx="36">
                  <c:v>2.2761051467980429</c:v>
                </c:pt>
                <c:pt idx="37">
                  <c:v>2.2757318224437721</c:v>
                </c:pt>
                <c:pt idx="38">
                  <c:v>2.2765380931518249</c:v>
                </c:pt>
                <c:pt idx="39">
                  <c:v>2.2770371467191017</c:v>
                </c:pt>
                <c:pt idx="40">
                  <c:v>2.2777386367695183</c:v>
                </c:pt>
                <c:pt idx="41">
                  <c:v>2.2761066590296526</c:v>
                </c:pt>
                <c:pt idx="42">
                  <c:v>2.2777088470828297</c:v>
                </c:pt>
                <c:pt idx="43">
                  <c:v>2.2790814962607397</c:v>
                </c:pt>
                <c:pt idx="44">
                  <c:v>2.2791605480020256</c:v>
                </c:pt>
                <c:pt idx="45">
                  <c:v>2.279432969587631</c:v>
                </c:pt>
                <c:pt idx="46">
                  <c:v>2.2789910070553852</c:v>
                </c:pt>
                <c:pt idx="47">
                  <c:v>2.2783954845988283</c:v>
                </c:pt>
                <c:pt idx="48">
                  <c:v>2.2774038154148837</c:v>
                </c:pt>
                <c:pt idx="49">
                  <c:v>2.2788477245443373</c:v>
                </c:pt>
                <c:pt idx="50">
                  <c:v>2.2784289480236239</c:v>
                </c:pt>
                <c:pt idx="51">
                  <c:v>2.2781207585078009</c:v>
                </c:pt>
                <c:pt idx="52">
                  <c:v>2.2780144967601461</c:v>
                </c:pt>
                <c:pt idx="53">
                  <c:v>2.2776283549441114</c:v>
                </c:pt>
                <c:pt idx="54">
                  <c:v>2.2751876838469087</c:v>
                </c:pt>
                <c:pt idx="55">
                  <c:v>2.2754152447100546</c:v>
                </c:pt>
                <c:pt idx="56">
                  <c:v>2.2756722426301792</c:v>
                </c:pt>
                <c:pt idx="57">
                  <c:v>2.2742735102839768</c:v>
                </c:pt>
                <c:pt idx="58">
                  <c:v>2.2730800968081009</c:v>
                </c:pt>
                <c:pt idx="59">
                  <c:v>2.2716522187285215</c:v>
                </c:pt>
                <c:pt idx="60">
                  <c:v>2.2706384533020199</c:v>
                </c:pt>
                <c:pt idx="61">
                  <c:v>2.2717148821308792</c:v>
                </c:pt>
                <c:pt idx="62">
                  <c:v>2.2705781858370266</c:v>
                </c:pt>
                <c:pt idx="63">
                  <c:v>2.2694124739469634</c:v>
                </c:pt>
                <c:pt idx="64">
                  <c:v>2.2677462126667423</c:v>
                </c:pt>
                <c:pt idx="65">
                  <c:v>2.2686494103732291</c:v>
                </c:pt>
                <c:pt idx="66">
                  <c:v>2.2693735597200626</c:v>
                </c:pt>
                <c:pt idx="67">
                  <c:v>2.2685002785958828</c:v>
                </c:pt>
                <c:pt idx="68">
                  <c:v>2.2677729351440234</c:v>
                </c:pt>
                <c:pt idx="69">
                  <c:v>2.2677571322940229</c:v>
                </c:pt>
                <c:pt idx="70">
                  <c:v>2.2686168223522043</c:v>
                </c:pt>
                <c:pt idx="71">
                  <c:v>2.2697667838875804</c:v>
                </c:pt>
                <c:pt idx="72">
                  <c:v>2.2689286035652776</c:v>
                </c:pt>
                <c:pt idx="73">
                  <c:v>2.2692508994260683</c:v>
                </c:pt>
                <c:pt idx="74">
                  <c:v>2.2697204766112833</c:v>
                </c:pt>
                <c:pt idx="75">
                  <c:v>2.2720044522071747</c:v>
                </c:pt>
                <c:pt idx="76">
                  <c:v>2.2729529406642524</c:v>
                </c:pt>
                <c:pt idx="77">
                  <c:v>2.2724685234872868</c:v>
                </c:pt>
                <c:pt idx="78">
                  <c:v>2.2738717228377898</c:v>
                </c:pt>
                <c:pt idx="79">
                  <c:v>2.2730224029286119</c:v>
                </c:pt>
                <c:pt idx="80">
                  <c:v>2.272495487913528</c:v>
                </c:pt>
                <c:pt idx="81">
                  <c:v>2.2706608654985172</c:v>
                </c:pt>
                <c:pt idx="82">
                  <c:v>2.2722465641184351</c:v>
                </c:pt>
                <c:pt idx="83">
                  <c:v>2.2727220840905411</c:v>
                </c:pt>
                <c:pt idx="84">
                  <c:v>2.2703312736565202</c:v>
                </c:pt>
                <c:pt idx="85">
                  <c:v>2.2702809860368314</c:v>
                </c:pt>
                <c:pt idx="86">
                  <c:v>2.2689705912182148</c:v>
                </c:pt>
                <c:pt idx="87">
                  <c:v>2.2693169010395757</c:v>
                </c:pt>
                <c:pt idx="88">
                  <c:v>2.2678446695408629</c:v>
                </c:pt>
                <c:pt idx="89">
                  <c:v>2.2677211615194568</c:v>
                </c:pt>
                <c:pt idx="90">
                  <c:v>2.2662587667098095</c:v>
                </c:pt>
                <c:pt idx="91">
                  <c:v>2.2667427814030048</c:v>
                </c:pt>
                <c:pt idx="92">
                  <c:v>2.2636935567939069</c:v>
                </c:pt>
                <c:pt idx="93">
                  <c:v>2.2615780665948444</c:v>
                </c:pt>
                <c:pt idx="94">
                  <c:v>2.2614230605783594</c:v>
                </c:pt>
                <c:pt idx="95">
                  <c:v>2.2604109725359129</c:v>
                </c:pt>
                <c:pt idx="96">
                  <c:v>2.2581400997379704</c:v>
                </c:pt>
                <c:pt idx="97">
                  <c:v>2.2586933583757114</c:v>
                </c:pt>
                <c:pt idx="98">
                  <c:v>2.2585433503269003</c:v>
                </c:pt>
                <c:pt idx="99">
                  <c:v>2.2590541874479353</c:v>
                </c:pt>
                <c:pt idx="100">
                  <c:v>2.2583616652736231</c:v>
                </c:pt>
                <c:pt idx="101">
                  <c:v>2.2574725179216633</c:v>
                </c:pt>
                <c:pt idx="102">
                  <c:v>2.2571559997554145</c:v>
                </c:pt>
                <c:pt idx="103">
                  <c:v>2.2558736888729607</c:v>
                </c:pt>
                <c:pt idx="104">
                  <c:v>2.2560172856738347</c:v>
                </c:pt>
                <c:pt idx="105">
                  <c:v>2.2554830395279954</c:v>
                </c:pt>
                <c:pt idx="106">
                  <c:v>2.2559934869974012</c:v>
                </c:pt>
                <c:pt idx="107">
                  <c:v>2.256755365668607</c:v>
                </c:pt>
                <c:pt idx="108">
                  <c:v>2.2539552437432726</c:v>
                </c:pt>
                <c:pt idx="109">
                  <c:v>2.2560835053649169</c:v>
                </c:pt>
                <c:pt idx="110">
                  <c:v>2.2568350635550019</c:v>
                </c:pt>
                <c:pt idx="111">
                  <c:v>2.257604382386547</c:v>
                </c:pt>
                <c:pt idx="112">
                  <c:v>2.2556070081027211</c:v>
                </c:pt>
                <c:pt idx="113">
                  <c:v>2.2538360611427999</c:v>
                </c:pt>
                <c:pt idx="114">
                  <c:v>2.255281013761572</c:v>
                </c:pt>
                <c:pt idx="115">
                  <c:v>2.2568929695567803</c:v>
                </c:pt>
                <c:pt idx="116">
                  <c:v>2.2563362343617732</c:v>
                </c:pt>
                <c:pt idx="117">
                  <c:v>2.2554398541614709</c:v>
                </c:pt>
                <c:pt idx="118">
                  <c:v>2.2559897969025173</c:v>
                </c:pt>
                <c:pt idx="119">
                  <c:v>2.2571799201776548</c:v>
                </c:pt>
                <c:pt idx="120">
                  <c:v>2.2573813855776201</c:v>
                </c:pt>
                <c:pt idx="121">
                  <c:v>2.2543942474595742</c:v>
                </c:pt>
                <c:pt idx="122">
                  <c:v>2.2524772285271886</c:v>
                </c:pt>
                <c:pt idx="123">
                  <c:v>2.2518052271576066</c:v>
                </c:pt>
                <c:pt idx="124">
                  <c:v>2.2509916716967169</c:v>
                </c:pt>
                <c:pt idx="125">
                  <c:v>2.2523139692262983</c:v>
                </c:pt>
                <c:pt idx="126">
                  <c:v>2.2521779544589919</c:v>
                </c:pt>
                <c:pt idx="127">
                  <c:v>2.2535886784239687</c:v>
                </c:pt>
                <c:pt idx="128">
                  <c:v>2.2543299666213783</c:v>
                </c:pt>
                <c:pt idx="129">
                  <c:v>2.2534952737214065</c:v>
                </c:pt>
                <c:pt idx="130">
                  <c:v>2.2509717315473261</c:v>
                </c:pt>
                <c:pt idx="131">
                  <c:v>2.2497763296248494</c:v>
                </c:pt>
                <c:pt idx="132">
                  <c:v>2.2487991452668727</c:v>
                </c:pt>
                <c:pt idx="133">
                  <c:v>2.2492732819039198</c:v>
                </c:pt>
                <c:pt idx="134">
                  <c:v>2.2495182321122247</c:v>
                </c:pt>
                <c:pt idx="135">
                  <c:v>2.2474115793905898</c:v>
                </c:pt>
                <c:pt idx="136">
                  <c:v>2.2476856705811881</c:v>
                </c:pt>
                <c:pt idx="137">
                  <c:v>2.2474285655517767</c:v>
                </c:pt>
                <c:pt idx="138">
                  <c:v>2.2472222024116837</c:v>
                </c:pt>
                <c:pt idx="139">
                  <c:v>2.2465117458531298</c:v>
                </c:pt>
                <c:pt idx="140">
                  <c:v>2.2468402819962803</c:v>
                </c:pt>
                <c:pt idx="141">
                  <c:v>2.25201261748101</c:v>
                </c:pt>
                <c:pt idx="142">
                  <c:v>2.2492928939351664</c:v>
                </c:pt>
                <c:pt idx="143">
                  <c:v>2.2488367955183057</c:v>
                </c:pt>
                <c:pt idx="144">
                  <c:v>2.2489631554053058</c:v>
                </c:pt>
                <c:pt idx="145">
                  <c:v>2.2448970023491737</c:v>
                </c:pt>
                <c:pt idx="146">
                  <c:v>2.2438455249798634</c:v>
                </c:pt>
                <c:pt idx="147">
                  <c:v>2.2443411451044524</c:v>
                </c:pt>
                <c:pt idx="148">
                  <c:v>2.2441728414753954</c:v>
                </c:pt>
                <c:pt idx="149">
                  <c:v>2.244680976717488</c:v>
                </c:pt>
                <c:pt idx="150">
                  <c:v>2.2459633366785807</c:v>
                </c:pt>
                <c:pt idx="151">
                  <c:v>2.2490568120884382</c:v>
                </c:pt>
                <c:pt idx="152">
                  <c:v>2.2484423117446974</c:v>
                </c:pt>
                <c:pt idx="153">
                  <c:v>2.2479458881527208</c:v>
                </c:pt>
                <c:pt idx="154">
                  <c:v>2.2454624164673285</c:v>
                </c:pt>
                <c:pt idx="155">
                  <c:v>2.2445997983117469</c:v>
                </c:pt>
                <c:pt idx="156">
                  <c:v>2.2435182879501596</c:v>
                </c:pt>
                <c:pt idx="157">
                  <c:v>2.2439788285358895</c:v>
                </c:pt>
                <c:pt idx="158">
                  <c:v>2.2425447612043188</c:v>
                </c:pt>
                <c:pt idx="159">
                  <c:v>2.2421060997368047</c:v>
                </c:pt>
                <c:pt idx="160">
                  <c:v>2.2401080293879052</c:v>
                </c:pt>
                <c:pt idx="161">
                  <c:v>2.2376090770728689</c:v>
                </c:pt>
                <c:pt idx="162">
                  <c:v>2.2370064284905173</c:v>
                </c:pt>
                <c:pt idx="163">
                  <c:v>2.2360500499954634</c:v>
                </c:pt>
                <c:pt idx="164">
                  <c:v>2.2364591878534799</c:v>
                </c:pt>
                <c:pt idx="165">
                  <c:v>2.2351567137963255</c:v>
                </c:pt>
                <c:pt idx="166">
                  <c:v>2.2350254845296713</c:v>
                </c:pt>
                <c:pt idx="167">
                  <c:v>2.2336416264334962</c:v>
                </c:pt>
                <c:pt idx="168">
                  <c:v>2.234801082062293</c:v>
                </c:pt>
                <c:pt idx="169">
                  <c:v>2.2302840592666429</c:v>
                </c:pt>
                <c:pt idx="170">
                  <c:v>2.2294226144203146</c:v>
                </c:pt>
                <c:pt idx="171">
                  <c:v>2.2280321502035192</c:v>
                </c:pt>
                <c:pt idx="172">
                  <c:v>2.2286482714824793</c:v>
                </c:pt>
                <c:pt idx="173">
                  <c:v>2.2281982629902308</c:v>
                </c:pt>
                <c:pt idx="174">
                  <c:v>2.2282461072777866</c:v>
                </c:pt>
                <c:pt idx="175">
                  <c:v>2.2297266491398791</c:v>
                </c:pt>
                <c:pt idx="176">
                  <c:v>2.2300137447428576</c:v>
                </c:pt>
                <c:pt idx="177">
                  <c:v>2.2308343851946972</c:v>
                </c:pt>
                <c:pt idx="178">
                  <c:v>2.2333847505380469</c:v>
                </c:pt>
                <c:pt idx="179">
                  <c:v>2.2335201536147746</c:v>
                </c:pt>
                <c:pt idx="180">
                  <c:v>2.2340910277935904</c:v>
                </c:pt>
                <c:pt idx="181">
                  <c:v>2.2332179566094772</c:v>
                </c:pt>
                <c:pt idx="182">
                  <c:v>2.2325172264023676</c:v>
                </c:pt>
                <c:pt idx="183">
                  <c:v>2.2317928673477638</c:v>
                </c:pt>
                <c:pt idx="184">
                  <c:v>2.2303655644480456</c:v>
                </c:pt>
                <c:pt idx="185">
                  <c:v>2.2313935262525812</c:v>
                </c:pt>
                <c:pt idx="186">
                  <c:v>2.2311282434926603</c:v>
                </c:pt>
                <c:pt idx="187">
                  <c:v>2.2320947409047633</c:v>
                </c:pt>
                <c:pt idx="188">
                  <c:v>2.2324878496570419</c:v>
                </c:pt>
                <c:pt idx="189">
                  <c:v>2.2322928228596988</c:v>
                </c:pt>
                <c:pt idx="190">
                  <c:v>2.2274990169036806</c:v>
                </c:pt>
                <c:pt idx="191">
                  <c:v>2.2291382376794142</c:v>
                </c:pt>
                <c:pt idx="192">
                  <c:v>2.2276608836179936</c:v>
                </c:pt>
                <c:pt idx="193">
                  <c:v>2.2274123034129345</c:v>
                </c:pt>
                <c:pt idx="194">
                  <c:v>2.2258680232932759</c:v>
                </c:pt>
                <c:pt idx="195">
                  <c:v>2.2219798407692424</c:v>
                </c:pt>
                <c:pt idx="196">
                  <c:v>2.2223668416175446</c:v>
                </c:pt>
                <c:pt idx="197">
                  <c:v>2.2214619475433617</c:v>
                </c:pt>
                <c:pt idx="198">
                  <c:v>2.2211327789937032</c:v>
                </c:pt>
                <c:pt idx="199">
                  <c:v>2.2180751513148906</c:v>
                </c:pt>
                <c:pt idx="200">
                  <c:v>2.2157288762254765</c:v>
                </c:pt>
                <c:pt idx="201">
                  <c:v>2.2162041063693163</c:v>
                </c:pt>
                <c:pt idx="202">
                  <c:v>2.2155929712083906</c:v>
                </c:pt>
                <c:pt idx="203">
                  <c:v>2.2128507808019764</c:v>
                </c:pt>
                <c:pt idx="204">
                  <c:v>2.2112051296558453</c:v>
                </c:pt>
                <c:pt idx="205">
                  <c:v>2.2099008622145089</c:v>
                </c:pt>
                <c:pt idx="206">
                  <c:v>2.2078273728787079</c:v>
                </c:pt>
                <c:pt idx="207">
                  <c:v>2.2069606844876071</c:v>
                </c:pt>
                <c:pt idx="208">
                  <c:v>2.20766673978782</c:v>
                </c:pt>
                <c:pt idx="209">
                  <c:v>2.2071546542178866</c:v>
                </c:pt>
                <c:pt idx="210">
                  <c:v>2.2069557830658995</c:v>
                </c:pt>
                <c:pt idx="211">
                  <c:v>2.2053025199213185</c:v>
                </c:pt>
                <c:pt idx="212">
                  <c:v>2.2059750328620673</c:v>
                </c:pt>
                <c:pt idx="213">
                  <c:v>2.2052669108729543</c:v>
                </c:pt>
                <c:pt idx="214">
                  <c:v>2.2059283848984794</c:v>
                </c:pt>
                <c:pt idx="215">
                  <c:v>2.2091204758905074</c:v>
                </c:pt>
                <c:pt idx="216">
                  <c:v>2.2086855887036707</c:v>
                </c:pt>
                <c:pt idx="217">
                  <c:v>2.2083162366223945</c:v>
                </c:pt>
                <c:pt idx="218">
                  <c:v>2.2099910909367981</c:v>
                </c:pt>
                <c:pt idx="219">
                  <c:v>2.2086962621456641</c:v>
                </c:pt>
                <c:pt idx="220">
                  <c:v>2.2056373887787211</c:v>
                </c:pt>
                <c:pt idx="221">
                  <c:v>2.2034706358264158</c:v>
                </c:pt>
                <c:pt idx="222">
                  <c:v>2.2021472327296929</c:v>
                </c:pt>
                <c:pt idx="223">
                  <c:v>2.2013404389626272</c:v>
                </c:pt>
                <c:pt idx="224">
                  <c:v>2.1994676452584758</c:v>
                </c:pt>
                <c:pt idx="225">
                  <c:v>2.1984131231108601</c:v>
                </c:pt>
                <c:pt idx="226">
                  <c:v>2.1967531875376634</c:v>
                </c:pt>
                <c:pt idx="227">
                  <c:v>2.1954959842876773</c:v>
                </c:pt>
                <c:pt idx="228">
                  <c:v>2.1949698892376661</c:v>
                </c:pt>
                <c:pt idx="229">
                  <c:v>2.1923380829680674</c:v>
                </c:pt>
                <c:pt idx="230">
                  <c:v>2.1889591903523007</c:v>
                </c:pt>
                <c:pt idx="231">
                  <c:v>2.1904935542093806</c:v>
                </c:pt>
                <c:pt idx="232">
                  <c:v>2.1918976606398126</c:v>
                </c:pt>
                <c:pt idx="233">
                  <c:v>2.192395882816383</c:v>
                </c:pt>
                <c:pt idx="234">
                  <c:v>2.1916361760037266</c:v>
                </c:pt>
                <c:pt idx="235">
                  <c:v>2.1922682000695559</c:v>
                </c:pt>
                <c:pt idx="236">
                  <c:v>2.191775421779032</c:v>
                </c:pt>
                <c:pt idx="237">
                  <c:v>2.1873948308770395</c:v>
                </c:pt>
                <c:pt idx="238">
                  <c:v>2.1874710912405479</c:v>
                </c:pt>
                <c:pt idx="239">
                  <c:v>2.1882407776985557</c:v>
                </c:pt>
                <c:pt idx="240">
                  <c:v>2.1886602525482752</c:v>
                </c:pt>
                <c:pt idx="241">
                  <c:v>2.1894279644059349</c:v>
                </c:pt>
                <c:pt idx="242">
                  <c:v>2.1893661452772224</c:v>
                </c:pt>
                <c:pt idx="243">
                  <c:v>2.190354980709674</c:v>
                </c:pt>
                <c:pt idx="244">
                  <c:v>2.1909353375854215</c:v>
                </c:pt>
                <c:pt idx="245">
                  <c:v>2.1897836298301421</c:v>
                </c:pt>
                <c:pt idx="246">
                  <c:v>2.1913835100026735</c:v>
                </c:pt>
                <c:pt idx="247">
                  <c:v>2.1950273191334584</c:v>
                </c:pt>
                <c:pt idx="248">
                  <c:v>2.1959289526332548</c:v>
                </c:pt>
                <c:pt idx="249">
                  <c:v>2.197760876179331</c:v>
                </c:pt>
                <c:pt idx="250">
                  <c:v>2.1968223841539816</c:v>
                </c:pt>
                <c:pt idx="251">
                  <c:v>2.1951817817799451</c:v>
                </c:pt>
                <c:pt idx="252">
                  <c:v>2.193726320232845</c:v>
                </c:pt>
                <c:pt idx="253">
                  <c:v>2.191847624240467</c:v>
                </c:pt>
                <c:pt idx="254">
                  <c:v>2.1899769994714338</c:v>
                </c:pt>
                <c:pt idx="255">
                  <c:v>2.1882759898195023</c:v>
                </c:pt>
                <c:pt idx="256">
                  <c:v>2.1894883963771137</c:v>
                </c:pt>
                <c:pt idx="257">
                  <c:v>2.1890726572249211</c:v>
                </c:pt>
                <c:pt idx="258">
                  <c:v>2.188221412171766</c:v>
                </c:pt>
                <c:pt idx="259">
                  <c:v>2.1870733803826998</c:v>
                </c:pt>
                <c:pt idx="260">
                  <c:v>2.1857821389350955</c:v>
                </c:pt>
                <c:pt idx="261">
                  <c:v>2.1839276063872162</c:v>
                </c:pt>
                <c:pt idx="262">
                  <c:v>2.1830448788031274</c:v>
                </c:pt>
                <c:pt idx="263">
                  <c:v>2.1827206766746232</c:v>
                </c:pt>
                <c:pt idx="264">
                  <c:v>2.1823458933635504</c:v>
                </c:pt>
                <c:pt idx="265">
                  <c:v>2.1806149876351331</c:v>
                </c:pt>
                <c:pt idx="266">
                  <c:v>2.1797149628074974</c:v>
                </c:pt>
                <c:pt idx="267">
                  <c:v>2.1784765925261262</c:v>
                </c:pt>
                <c:pt idx="268">
                  <c:v>2.1757725951534592</c:v>
                </c:pt>
                <c:pt idx="269">
                  <c:v>2.173913103360483</c:v>
                </c:pt>
                <c:pt idx="270">
                  <c:v>2.170232437480144</c:v>
                </c:pt>
                <c:pt idx="271">
                  <c:v>2.1693542116224642</c:v>
                </c:pt>
                <c:pt idx="272">
                  <c:v>2.1685525987171861</c:v>
                </c:pt>
                <c:pt idx="273">
                  <c:v>2.1683904867362274</c:v>
                </c:pt>
                <c:pt idx="274">
                  <c:v>2.1692648802568373</c:v>
                </c:pt>
                <c:pt idx="275">
                  <c:v>2.1711860333209092</c:v>
                </c:pt>
                <c:pt idx="276">
                  <c:v>2.1719903682146811</c:v>
                </c:pt>
                <c:pt idx="277">
                  <c:v>2.1700926953566007</c:v>
                </c:pt>
                <c:pt idx="278">
                  <c:v>2.1709417503532573</c:v>
                </c:pt>
                <c:pt idx="279">
                  <c:v>2.1708566681603201</c:v>
                </c:pt>
                <c:pt idx="280">
                  <c:v>2.1731273131598883</c:v>
                </c:pt>
                <c:pt idx="281">
                  <c:v>2.1740059755740226</c:v>
                </c:pt>
                <c:pt idx="282">
                  <c:v>2.1738301570575178</c:v>
                </c:pt>
                <c:pt idx="283">
                  <c:v>2.1713062844623159</c:v>
                </c:pt>
                <c:pt idx="284">
                  <c:v>2.1671594227573641</c:v>
                </c:pt>
                <c:pt idx="285">
                  <c:v>2.1677226363326598</c:v>
                </c:pt>
                <c:pt idx="286">
                  <c:v>2.1673608928616175</c:v>
                </c:pt>
                <c:pt idx="287">
                  <c:v>2.1679149976714456</c:v>
                </c:pt>
                <c:pt idx="288">
                  <c:v>2.1649251350702667</c:v>
                </c:pt>
                <c:pt idx="289">
                  <c:v>2.1634446606368636</c:v>
                </c:pt>
                <c:pt idx="290">
                  <c:v>2.1659010139314891</c:v>
                </c:pt>
                <c:pt idx="291">
                  <c:v>2.1670286390243261</c:v>
                </c:pt>
                <c:pt idx="292">
                  <c:v>2.1627082063935958</c:v>
                </c:pt>
                <c:pt idx="293">
                  <c:v>2.1613200509654757</c:v>
                </c:pt>
                <c:pt idx="294">
                  <c:v>2.1601378940489564</c:v>
                </c:pt>
                <c:pt idx="295">
                  <c:v>2.1586479191190748</c:v>
                </c:pt>
                <c:pt idx="296">
                  <c:v>2.1590070376205661</c:v>
                </c:pt>
                <c:pt idx="297">
                  <c:v>2.158533575223474</c:v>
                </c:pt>
                <c:pt idx="298">
                  <c:v>2.1583220305238298</c:v>
                </c:pt>
                <c:pt idx="299">
                  <c:v>2.1569005394105631</c:v>
                </c:pt>
                <c:pt idx="300">
                  <c:v>2.1555971394920186</c:v>
                </c:pt>
                <c:pt idx="301">
                  <c:v>2.1519584829304463</c:v>
                </c:pt>
                <c:pt idx="302">
                  <c:v>2.1487991710567704</c:v>
                </c:pt>
                <c:pt idx="303">
                  <c:v>2.1468354050959286</c:v>
                </c:pt>
                <c:pt idx="304">
                  <c:v>2.1469810937577698</c:v>
                </c:pt>
                <c:pt idx="305">
                  <c:v>2.1467271557818637</c:v>
                </c:pt>
                <c:pt idx="306">
                  <c:v>2.1454811207657398</c:v>
                </c:pt>
                <c:pt idx="307">
                  <c:v>2.1470932049686997</c:v>
                </c:pt>
                <c:pt idx="308">
                  <c:v>2.1461696354588775</c:v>
                </c:pt>
                <c:pt idx="309">
                  <c:v>2.1467931780847369</c:v>
                </c:pt>
                <c:pt idx="310">
                  <c:v>2.1473845600085721</c:v>
                </c:pt>
                <c:pt idx="311">
                  <c:v>2.1493890893101169</c:v>
                </c:pt>
                <c:pt idx="312">
                  <c:v>2.1489199584595227</c:v>
                </c:pt>
                <c:pt idx="313">
                  <c:v>2.1497811337101611</c:v>
                </c:pt>
                <c:pt idx="314">
                  <c:v>2.15095341206916</c:v>
                </c:pt>
                <c:pt idx="315">
                  <c:v>2.1492972452952315</c:v>
                </c:pt>
                <c:pt idx="316">
                  <c:v>2.1518042140803373</c:v>
                </c:pt>
                <c:pt idx="317">
                  <c:v>2.1512131110107076</c:v>
                </c:pt>
                <c:pt idx="318">
                  <c:v>2.1508909613332015</c:v>
                </c:pt>
                <c:pt idx="319">
                  <c:v>2.1502458793402819</c:v>
                </c:pt>
                <c:pt idx="320">
                  <c:v>2.1495403524280459</c:v>
                </c:pt>
                <c:pt idx="321">
                  <c:v>2.1473269383264615</c:v>
                </c:pt>
                <c:pt idx="322">
                  <c:v>2.1449008839538206</c:v>
                </c:pt>
                <c:pt idx="323">
                  <c:v>2.1429523209003096</c:v>
                </c:pt>
                <c:pt idx="324">
                  <c:v>2.141924798717926</c:v>
                </c:pt>
                <c:pt idx="325">
                  <c:v>2.1421170811072856</c:v>
                </c:pt>
                <c:pt idx="326">
                  <c:v>2.1414330947443805</c:v>
                </c:pt>
                <c:pt idx="327">
                  <c:v>2.1408158893172171</c:v>
                </c:pt>
                <c:pt idx="328">
                  <c:v>2.1404115409851512</c:v>
                </c:pt>
                <c:pt idx="329">
                  <c:v>2.1392995715309948</c:v>
                </c:pt>
                <c:pt idx="330">
                  <c:v>2.138883937952933</c:v>
                </c:pt>
                <c:pt idx="331">
                  <c:v>2.1388105111496309</c:v>
                </c:pt>
                <c:pt idx="332">
                  <c:v>2.136296021119775</c:v>
                </c:pt>
                <c:pt idx="333">
                  <c:v>2.1351413167079381</c:v>
                </c:pt>
                <c:pt idx="334">
                  <c:v>2.1307080666666938</c:v>
                </c:pt>
                <c:pt idx="335">
                  <c:v>2.1297446109473075</c:v>
                </c:pt>
                <c:pt idx="336">
                  <c:v>2.1284542525594787</c:v>
                </c:pt>
                <c:pt idx="337">
                  <c:v>2.1267996959059698</c:v>
                </c:pt>
                <c:pt idx="338">
                  <c:v>2.1287260590192396</c:v>
                </c:pt>
                <c:pt idx="339">
                  <c:v>2.1268357858712439</c:v>
                </c:pt>
                <c:pt idx="340">
                  <c:v>2.1264910688257905</c:v>
                </c:pt>
                <c:pt idx="341">
                  <c:v>2.1263261997783358</c:v>
                </c:pt>
                <c:pt idx="342">
                  <c:v>2.1273102948722444</c:v>
                </c:pt>
                <c:pt idx="343">
                  <c:v>2.1240435896856229</c:v>
                </c:pt>
                <c:pt idx="344">
                  <c:v>2.122217239718061</c:v>
                </c:pt>
                <c:pt idx="345">
                  <c:v>2.1210538497787996</c:v>
                </c:pt>
                <c:pt idx="346">
                  <c:v>2.1218109129049143</c:v>
                </c:pt>
                <c:pt idx="347">
                  <c:v>2.1210902277851673</c:v>
                </c:pt>
                <c:pt idx="348">
                  <c:v>2.1181666879655463</c:v>
                </c:pt>
                <c:pt idx="349">
                  <c:v>2.1180837054572192</c:v>
                </c:pt>
                <c:pt idx="350">
                  <c:v>2.118472359500839</c:v>
                </c:pt>
                <c:pt idx="351">
                  <c:v>2.1175033768404314</c:v>
                </c:pt>
                <c:pt idx="352">
                  <c:v>2.117173281485798</c:v>
                </c:pt>
                <c:pt idx="353">
                  <c:v>2.1187701139393296</c:v>
                </c:pt>
                <c:pt idx="354">
                  <c:v>2.1189082032161237</c:v>
                </c:pt>
                <c:pt idx="355">
                  <c:v>2.1179137485444217</c:v>
                </c:pt>
                <c:pt idx="356">
                  <c:v>2.1188186266109184</c:v>
                </c:pt>
                <c:pt idx="357">
                  <c:v>2.116759601377443</c:v>
                </c:pt>
                <c:pt idx="358">
                  <c:v>2.1168384067772874</c:v>
                </c:pt>
                <c:pt idx="359">
                  <c:v>2.1137490295123147</c:v>
                </c:pt>
                <c:pt idx="360">
                  <c:v>2.1112638664527847</c:v>
                </c:pt>
                <c:pt idx="361">
                  <c:v>2.1096306827593776</c:v>
                </c:pt>
                <c:pt idx="362">
                  <c:v>2.110378225421508</c:v>
                </c:pt>
                <c:pt idx="363">
                  <c:v>2.1080902309470728</c:v>
                </c:pt>
                <c:pt idx="364">
                  <c:v>2.1076470639173088</c:v>
                </c:pt>
                <c:pt idx="365">
                  <c:v>2.1054417736371094</c:v>
                </c:pt>
                <c:pt idx="366">
                  <c:v>2.1063667919275071</c:v>
                </c:pt>
                <c:pt idx="367">
                  <c:v>2.106921222448678</c:v>
                </c:pt>
                <c:pt idx="368">
                  <c:v>2.1064797897358316</c:v>
                </c:pt>
                <c:pt idx="369">
                  <c:v>2.1035725389482423</c:v>
                </c:pt>
                <c:pt idx="370">
                  <c:v>2.1024867737676458</c:v>
                </c:pt>
                <c:pt idx="371">
                  <c:v>2.1040746652348425</c:v>
                </c:pt>
                <c:pt idx="372">
                  <c:v>2.1013670536856024</c:v>
                </c:pt>
                <c:pt idx="373">
                  <c:v>2.1003748740977266</c:v>
                </c:pt>
                <c:pt idx="374">
                  <c:v>2.1003672264432001</c:v>
                </c:pt>
                <c:pt idx="375">
                  <c:v>2.1011002325619175</c:v>
                </c:pt>
                <c:pt idx="376">
                  <c:v>2.0980489558079047</c:v>
                </c:pt>
                <c:pt idx="377">
                  <c:v>2.0987385989635539</c:v>
                </c:pt>
                <c:pt idx="378">
                  <c:v>2.0989090436303219</c:v>
                </c:pt>
                <c:pt idx="379">
                  <c:v>2.0960711782581729</c:v>
                </c:pt>
                <c:pt idx="380">
                  <c:v>2.0951303127031444</c:v>
                </c:pt>
                <c:pt idx="381">
                  <c:v>2.0956314393317932</c:v>
                </c:pt>
                <c:pt idx="382">
                  <c:v>2.0979663009539551</c:v>
                </c:pt>
                <c:pt idx="383">
                  <c:v>2.0946877722017616</c:v>
                </c:pt>
                <c:pt idx="384">
                  <c:v>2.0947928672814999</c:v>
                </c:pt>
                <c:pt idx="385">
                  <c:v>2.0900587279552587</c:v>
                </c:pt>
                <c:pt idx="386">
                  <c:v>2.0843087282806496</c:v>
                </c:pt>
                <c:pt idx="387">
                  <c:v>2.085669231731718</c:v>
                </c:pt>
                <c:pt idx="388">
                  <c:v>2.0844030158265587</c:v>
                </c:pt>
                <c:pt idx="389">
                  <c:v>2.0849172660876238</c:v>
                </c:pt>
                <c:pt idx="390">
                  <c:v>2.0831598982234989</c:v>
                </c:pt>
                <c:pt idx="391">
                  <c:v>2.0815541055226978</c:v>
                </c:pt>
                <c:pt idx="392">
                  <c:v>2.0825556818726878</c:v>
                </c:pt>
                <c:pt idx="393">
                  <c:v>2.0846995098503931</c:v>
                </c:pt>
                <c:pt idx="394">
                  <c:v>2.0841292335447092</c:v>
                </c:pt>
                <c:pt idx="395">
                  <c:v>2.0842982697540369</c:v>
                </c:pt>
                <c:pt idx="396">
                  <c:v>2.078820017070945</c:v>
                </c:pt>
                <c:pt idx="397">
                  <c:v>2.0740158646413867</c:v>
                </c:pt>
                <c:pt idx="398">
                  <c:v>2.0747089265928236</c:v>
                </c:pt>
                <c:pt idx="399">
                  <c:v>2.0733918123764052</c:v>
                </c:pt>
                <c:pt idx="400">
                  <c:v>2.0705626494308089</c:v>
                </c:pt>
                <c:pt idx="401">
                  <c:v>2.0696451221854621</c:v>
                </c:pt>
                <c:pt idx="402">
                  <c:v>2.0670167534465542</c:v>
                </c:pt>
                <c:pt idx="403">
                  <c:v>2.0667894611466817</c:v>
                </c:pt>
                <c:pt idx="404">
                  <c:v>2.0668846935641816</c:v>
                </c:pt>
                <c:pt idx="405">
                  <c:v>2.0673644978477146</c:v>
                </c:pt>
                <c:pt idx="406">
                  <c:v>2.0674881129659064</c:v>
                </c:pt>
                <c:pt idx="407">
                  <c:v>2.0653885898549724</c:v>
                </c:pt>
                <c:pt idx="408">
                  <c:v>2.0627542940428523</c:v>
                </c:pt>
                <c:pt idx="409">
                  <c:v>2.0617592973931536</c:v>
                </c:pt>
                <c:pt idx="410">
                  <c:v>2.061858028986403</c:v>
                </c:pt>
                <c:pt idx="411">
                  <c:v>2.06031185651839</c:v>
                </c:pt>
                <c:pt idx="412">
                  <c:v>2.0618637330577472</c:v>
                </c:pt>
                <c:pt idx="413">
                  <c:v>2.0629213165285871</c:v>
                </c:pt>
                <c:pt idx="414">
                  <c:v>2.0619390165817699</c:v>
                </c:pt>
                <c:pt idx="415">
                  <c:v>2.0625543676261278</c:v>
                </c:pt>
                <c:pt idx="416">
                  <c:v>2.065586949104206</c:v>
                </c:pt>
                <c:pt idx="417">
                  <c:v>2.0651571964581152</c:v>
                </c:pt>
                <c:pt idx="418">
                  <c:v>2.0633729318612848</c:v>
                </c:pt>
                <c:pt idx="419">
                  <c:v>2.062542771994516</c:v>
                </c:pt>
                <c:pt idx="420">
                  <c:v>2.0632082713021336</c:v>
                </c:pt>
                <c:pt idx="421">
                  <c:v>2.0599248018678424</c:v>
                </c:pt>
                <c:pt idx="422">
                  <c:v>2.0610209681580067</c:v>
                </c:pt>
                <c:pt idx="423">
                  <c:v>2.0572705918143717</c:v>
                </c:pt>
                <c:pt idx="424">
                  <c:v>2.0573770108025249</c:v>
                </c:pt>
                <c:pt idx="425">
                  <c:v>2.0551647747527979</c:v>
                </c:pt>
                <c:pt idx="426">
                  <c:v>2.0547824295601771</c:v>
                </c:pt>
                <c:pt idx="427">
                  <c:v>2.055028787947935</c:v>
                </c:pt>
                <c:pt idx="428">
                  <c:v>2.054815345041777</c:v>
                </c:pt>
                <c:pt idx="429">
                  <c:v>2.0516317479514727</c:v>
                </c:pt>
                <c:pt idx="430">
                  <c:v>2.0519486983146908</c:v>
                </c:pt>
                <c:pt idx="431">
                  <c:v>2.0491065682923137</c:v>
                </c:pt>
                <c:pt idx="432">
                  <c:v>2.0452884901448569</c:v>
                </c:pt>
                <c:pt idx="433">
                  <c:v>2.0448120333939226</c:v>
                </c:pt>
                <c:pt idx="434">
                  <c:v>2.0463882491708882</c:v>
                </c:pt>
                <c:pt idx="435">
                  <c:v>2.0447912330559794</c:v>
                </c:pt>
                <c:pt idx="436">
                  <c:v>2.0417529419796234</c:v>
                </c:pt>
                <c:pt idx="437">
                  <c:v>2.0404533675140075</c:v>
                </c:pt>
                <c:pt idx="438">
                  <c:v>2.0376118879881848</c:v>
                </c:pt>
                <c:pt idx="439">
                  <c:v>2.038089973783261</c:v>
                </c:pt>
                <c:pt idx="440">
                  <c:v>2.035941745086626</c:v>
                </c:pt>
                <c:pt idx="441">
                  <c:v>2.0340494790953194</c:v>
                </c:pt>
                <c:pt idx="442">
                  <c:v>2.0358824522656791</c:v>
                </c:pt>
                <c:pt idx="443">
                  <c:v>2.0333046808177979</c:v>
                </c:pt>
                <c:pt idx="444">
                  <c:v>2.0358314218363649</c:v>
                </c:pt>
                <c:pt idx="445">
                  <c:v>2.0336000466799153</c:v>
                </c:pt>
                <c:pt idx="446">
                  <c:v>2.0301251715037325</c:v>
                </c:pt>
                <c:pt idx="447">
                  <c:v>2.0318361200952171</c:v>
                </c:pt>
                <c:pt idx="448">
                  <c:v>2.0316752105058216</c:v>
                </c:pt>
                <c:pt idx="449">
                  <c:v>2.0300672093106877</c:v>
                </c:pt>
                <c:pt idx="450">
                  <c:v>2.0271815800308026</c:v>
                </c:pt>
                <c:pt idx="451">
                  <c:v>2.0240690244302244</c:v>
                </c:pt>
                <c:pt idx="452">
                  <c:v>2.0290789193972558</c:v>
                </c:pt>
                <c:pt idx="453">
                  <c:v>2.0293947711547919</c:v>
                </c:pt>
                <c:pt idx="454">
                  <c:v>2.029623237641367</c:v>
                </c:pt>
                <c:pt idx="455">
                  <c:v>2.028124840859626</c:v>
                </c:pt>
                <c:pt idx="456">
                  <c:v>2.0268502153615651</c:v>
                </c:pt>
                <c:pt idx="457">
                  <c:v>2.0221177824788743</c:v>
                </c:pt>
                <c:pt idx="458">
                  <c:v>2.0223628354744543</c:v>
                </c:pt>
                <c:pt idx="459">
                  <c:v>2.0219796983049316</c:v>
                </c:pt>
                <c:pt idx="460">
                  <c:v>2.023580298481308</c:v>
                </c:pt>
                <c:pt idx="461">
                  <c:v>2.0221891843176549</c:v>
                </c:pt>
                <c:pt idx="462">
                  <c:v>2.0212192365677253</c:v>
                </c:pt>
                <c:pt idx="463">
                  <c:v>2.0179219642537678</c:v>
                </c:pt>
                <c:pt idx="464">
                  <c:v>2.0160473241441235</c:v>
                </c:pt>
                <c:pt idx="465">
                  <c:v>2.0154482576624444</c:v>
                </c:pt>
                <c:pt idx="466">
                  <c:v>2.0105407138166704</c:v>
                </c:pt>
                <c:pt idx="467">
                  <c:v>2.0082711221491949</c:v>
                </c:pt>
                <c:pt idx="468">
                  <c:v>2.0056633499521443</c:v>
                </c:pt>
                <c:pt idx="469">
                  <c:v>2.0036210504531158</c:v>
                </c:pt>
                <c:pt idx="470">
                  <c:v>2.0007375988314635</c:v>
                </c:pt>
                <c:pt idx="471">
                  <c:v>1.9998437431047491</c:v>
                </c:pt>
                <c:pt idx="472">
                  <c:v>1.9936653481017124</c:v>
                </c:pt>
                <c:pt idx="473">
                  <c:v>1.9926199526923845</c:v>
                </c:pt>
                <c:pt idx="474">
                  <c:v>1.9941253842664819</c:v>
                </c:pt>
                <c:pt idx="475">
                  <c:v>1.9991618191275724</c:v>
                </c:pt>
                <c:pt idx="476">
                  <c:v>1.9980356820124359</c:v>
                </c:pt>
                <c:pt idx="477">
                  <c:v>1.9958933838313455</c:v>
                </c:pt>
                <c:pt idx="478">
                  <c:v>1.994032741061827</c:v>
                </c:pt>
                <c:pt idx="479">
                  <c:v>1.986250494945071</c:v>
                </c:pt>
                <c:pt idx="480">
                  <c:v>1.9878528452917297</c:v>
                </c:pt>
                <c:pt idx="481">
                  <c:v>1.9862295435936963</c:v>
                </c:pt>
                <c:pt idx="482">
                  <c:v>1.9878891445137181</c:v>
                </c:pt>
                <c:pt idx="483">
                  <c:v>1.9842841830921119</c:v>
                </c:pt>
                <c:pt idx="484">
                  <c:v>1.9819276229210934</c:v>
                </c:pt>
                <c:pt idx="485">
                  <c:v>1.9840315680014851</c:v>
                </c:pt>
                <c:pt idx="486">
                  <c:v>1.9846686944793317</c:v>
                </c:pt>
                <c:pt idx="487">
                  <c:v>1.9853073521525628</c:v>
                </c:pt>
                <c:pt idx="488">
                  <c:v>1.9836736304725358</c:v>
                </c:pt>
                <c:pt idx="489">
                  <c:v>1.9821038715571726</c:v>
                </c:pt>
                <c:pt idx="490">
                  <c:v>1.9821586972683962</c:v>
                </c:pt>
                <c:pt idx="491">
                  <c:v>1.9829288418935036</c:v>
                </c:pt>
                <c:pt idx="492">
                  <c:v>1.9816805773325046</c:v>
                </c:pt>
                <c:pt idx="493">
                  <c:v>1.9807288163213357</c:v>
                </c:pt>
                <c:pt idx="494">
                  <c:v>1.9795706140086344</c:v>
                </c:pt>
                <c:pt idx="495">
                  <c:v>1.9803580163756698</c:v>
                </c:pt>
                <c:pt idx="496">
                  <c:v>1.9716908791341894</c:v>
                </c:pt>
                <c:pt idx="497">
                  <c:v>1.9725989681315386</c:v>
                </c:pt>
                <c:pt idx="498">
                  <c:v>1.9682947783227129</c:v>
                </c:pt>
                <c:pt idx="499">
                  <c:v>1.9644020895239134</c:v>
                </c:pt>
                <c:pt idx="500">
                  <c:v>1.9619929724136376</c:v>
                </c:pt>
                <c:pt idx="501">
                  <c:v>1.9573032969147406</c:v>
                </c:pt>
                <c:pt idx="502">
                  <c:v>1.9538074777490138</c:v>
                </c:pt>
                <c:pt idx="503">
                  <c:v>1.949577619210012</c:v>
                </c:pt>
                <c:pt idx="504">
                  <c:v>1.949065828066552</c:v>
                </c:pt>
                <c:pt idx="505">
                  <c:v>1.9522170607582763</c:v>
                </c:pt>
                <c:pt idx="506">
                  <c:v>1.952166552643863</c:v>
                </c:pt>
                <c:pt idx="507">
                  <c:v>1.9522786907611229</c:v>
                </c:pt>
                <c:pt idx="508">
                  <c:v>1.9501151167397435</c:v>
                </c:pt>
                <c:pt idx="509">
                  <c:v>1.9457814962269719</c:v>
                </c:pt>
                <c:pt idx="510">
                  <c:v>1.9462288020898428</c:v>
                </c:pt>
                <c:pt idx="511">
                  <c:v>1.9477621374611409</c:v>
                </c:pt>
                <c:pt idx="512">
                  <c:v>1.9459638767946246</c:v>
                </c:pt>
                <c:pt idx="513">
                  <c:v>1.9465535236512912</c:v>
                </c:pt>
                <c:pt idx="514">
                  <c:v>1.9497346015266508</c:v>
                </c:pt>
                <c:pt idx="515">
                  <c:v>1.9496955441259189</c:v>
                </c:pt>
                <c:pt idx="516">
                  <c:v>1.9493875219967858</c:v>
                </c:pt>
                <c:pt idx="517">
                  <c:v>1.9479056009290623</c:v>
                </c:pt>
                <c:pt idx="518">
                  <c:v>1.948677356589106</c:v>
                </c:pt>
                <c:pt idx="519">
                  <c:v>1.9463440286387796</c:v>
                </c:pt>
                <c:pt idx="520">
                  <c:v>1.9479230708457049</c:v>
                </c:pt>
                <c:pt idx="521">
                  <c:v>1.9438969080468012</c:v>
                </c:pt>
                <c:pt idx="522">
                  <c:v>1.9434622424847221</c:v>
                </c:pt>
                <c:pt idx="523">
                  <c:v>1.9394421494480043</c:v>
                </c:pt>
                <c:pt idx="524">
                  <c:v>1.9399784673725837</c:v>
                </c:pt>
                <c:pt idx="525">
                  <c:v>1.9378060166689948</c:v>
                </c:pt>
                <c:pt idx="526">
                  <c:v>1.9385334481757945</c:v>
                </c:pt>
                <c:pt idx="527">
                  <c:v>1.9338343170227299</c:v>
                </c:pt>
                <c:pt idx="528">
                  <c:v>1.9323737947529172</c:v>
                </c:pt>
                <c:pt idx="529">
                  <c:v>1.9313652174069857</c:v>
                </c:pt>
                <c:pt idx="530">
                  <c:v>1.9230817978507946</c:v>
                </c:pt>
                <c:pt idx="531">
                  <c:v>1.9205634981849564</c:v>
                </c:pt>
                <c:pt idx="532">
                  <c:v>1.9214441829960778</c:v>
                </c:pt>
                <c:pt idx="533">
                  <c:v>1.9210335558037701</c:v>
                </c:pt>
                <c:pt idx="534">
                  <c:v>1.921226472409763</c:v>
                </c:pt>
                <c:pt idx="535">
                  <c:v>1.9215878898418493</c:v>
                </c:pt>
                <c:pt idx="536">
                  <c:v>1.9186804063028498</c:v>
                </c:pt>
                <c:pt idx="537">
                  <c:v>1.9187880147861565</c:v>
                </c:pt>
                <c:pt idx="538">
                  <c:v>1.9193133200699544</c:v>
                </c:pt>
                <c:pt idx="539">
                  <c:v>1.9174223258539653</c:v>
                </c:pt>
                <c:pt idx="540">
                  <c:v>1.9159491122314201</c:v>
                </c:pt>
                <c:pt idx="541">
                  <c:v>1.9144126665712111</c:v>
                </c:pt>
                <c:pt idx="542">
                  <c:v>1.9132447007633107</c:v>
                </c:pt>
                <c:pt idx="543">
                  <c:v>1.9127989418238185</c:v>
                </c:pt>
                <c:pt idx="544">
                  <c:v>1.9106727371394274</c:v>
                </c:pt>
                <c:pt idx="545">
                  <c:v>1.9115399215011351</c:v>
                </c:pt>
                <c:pt idx="546">
                  <c:v>1.9086455550481976</c:v>
                </c:pt>
                <c:pt idx="547">
                  <c:v>1.9064298953845062</c:v>
                </c:pt>
                <c:pt idx="548">
                  <c:v>1.9051489396573185</c:v>
                </c:pt>
                <c:pt idx="549">
                  <c:v>1.9026689646808825</c:v>
                </c:pt>
                <c:pt idx="550">
                  <c:v>1.903724822748162</c:v>
                </c:pt>
                <c:pt idx="551">
                  <c:v>1.8987667703640756</c:v>
                </c:pt>
                <c:pt idx="552">
                  <c:v>1.9032655422441291</c:v>
                </c:pt>
                <c:pt idx="553">
                  <c:v>1.8951776955517956</c:v>
                </c:pt>
                <c:pt idx="554">
                  <c:v>1.8937705124195754</c:v>
                </c:pt>
                <c:pt idx="555">
                  <c:v>1.8923413917987537</c:v>
                </c:pt>
                <c:pt idx="556">
                  <c:v>1.8905657944306122</c:v>
                </c:pt>
                <c:pt idx="557">
                  <c:v>1.8980286776185249</c:v>
                </c:pt>
                <c:pt idx="558">
                  <c:v>1.8955127716639613</c:v>
                </c:pt>
                <c:pt idx="559">
                  <c:v>1.8931190297215568</c:v>
                </c:pt>
                <c:pt idx="560">
                  <c:v>1.8925032834720186</c:v>
                </c:pt>
                <c:pt idx="561">
                  <c:v>1.8916322625332267</c:v>
                </c:pt>
                <c:pt idx="562">
                  <c:v>1.8910471359532603</c:v>
                </c:pt>
                <c:pt idx="563">
                  <c:v>1.8878413744376437</c:v>
                </c:pt>
                <c:pt idx="564">
                  <c:v>1.8846021321334181</c:v>
                </c:pt>
                <c:pt idx="565">
                  <c:v>1.8850133396908402</c:v>
                </c:pt>
                <c:pt idx="566">
                  <c:v>1.8810652635476899</c:v>
                </c:pt>
                <c:pt idx="567">
                  <c:v>1.8818994200279739</c:v>
                </c:pt>
                <c:pt idx="568">
                  <c:v>1.8781719600068862</c:v>
                </c:pt>
                <c:pt idx="569">
                  <c:v>1.8724574650031363</c:v>
                </c:pt>
                <c:pt idx="570">
                  <c:v>1.8649790496890246</c:v>
                </c:pt>
                <c:pt idx="571">
                  <c:v>1.8614256902156208</c:v>
                </c:pt>
                <c:pt idx="572">
                  <c:v>1.866602661779692</c:v>
                </c:pt>
                <c:pt idx="573">
                  <c:v>1.8627122818245598</c:v>
                </c:pt>
                <c:pt idx="574">
                  <c:v>1.8613214398686411</c:v>
                </c:pt>
                <c:pt idx="575">
                  <c:v>1.8653677132996096</c:v>
                </c:pt>
                <c:pt idx="576">
                  <c:v>1.8637560433403733</c:v>
                </c:pt>
                <c:pt idx="577">
                  <c:v>1.8631579000168748</c:v>
                </c:pt>
                <c:pt idx="578">
                  <c:v>1.8593235697784294</c:v>
                </c:pt>
                <c:pt idx="579">
                  <c:v>1.8594210667695641</c:v>
                </c:pt>
                <c:pt idx="580">
                  <c:v>1.8602306657082626</c:v>
                </c:pt>
                <c:pt idx="581">
                  <c:v>1.8612429116978679</c:v>
                </c:pt>
                <c:pt idx="582">
                  <c:v>1.854917943522211</c:v>
                </c:pt>
                <c:pt idx="583">
                  <c:v>1.8527173613933146</c:v>
                </c:pt>
                <c:pt idx="584">
                  <c:v>1.8540291920037169</c:v>
                </c:pt>
                <c:pt idx="585">
                  <c:v>1.8537073482487345</c:v>
                </c:pt>
                <c:pt idx="586">
                  <c:v>1.8503784067550926</c:v>
                </c:pt>
                <c:pt idx="587">
                  <c:v>1.8442580682567196</c:v>
                </c:pt>
                <c:pt idx="588">
                  <c:v>1.8407021607785445</c:v>
                </c:pt>
                <c:pt idx="589">
                  <c:v>1.8472799015664698</c:v>
                </c:pt>
                <c:pt idx="590">
                  <c:v>1.8434252514186986</c:v>
                </c:pt>
                <c:pt idx="591">
                  <c:v>1.8452108229303634</c:v>
                </c:pt>
                <c:pt idx="592">
                  <c:v>1.8417916604953748</c:v>
                </c:pt>
                <c:pt idx="593">
                  <c:v>1.8408916548309799</c:v>
                </c:pt>
                <c:pt idx="594">
                  <c:v>1.8364899312175065</c:v>
                </c:pt>
                <c:pt idx="595">
                  <c:v>1.8341665998213657</c:v>
                </c:pt>
                <c:pt idx="596">
                  <c:v>1.8305296575702465</c:v>
                </c:pt>
                <c:pt idx="597">
                  <c:v>1.8280990369302983</c:v>
                </c:pt>
                <c:pt idx="598">
                  <c:v>1.8226097773688665</c:v>
                </c:pt>
                <c:pt idx="599">
                  <c:v>1.8185036609634315</c:v>
                </c:pt>
                <c:pt idx="600">
                  <c:v>1.8123614457374326</c:v>
                </c:pt>
                <c:pt idx="601">
                  <c:v>1.812045005099802</c:v>
                </c:pt>
                <c:pt idx="602">
                  <c:v>1.8105495494904953</c:v>
                </c:pt>
                <c:pt idx="603">
                  <c:v>1.8048757139509033</c:v>
                </c:pt>
                <c:pt idx="604">
                  <c:v>1.8061092574685143</c:v>
                </c:pt>
                <c:pt idx="605">
                  <c:v>1.8074685925108243</c:v>
                </c:pt>
                <c:pt idx="606">
                  <c:v>1.7986028807063144</c:v>
                </c:pt>
                <c:pt idx="607">
                  <c:v>1.8039546122443024</c:v>
                </c:pt>
                <c:pt idx="608">
                  <c:v>1.8036743302402438</c:v>
                </c:pt>
                <c:pt idx="609">
                  <c:v>1.8031517600758533</c:v>
                </c:pt>
                <c:pt idx="610">
                  <c:v>1.7951341153886597</c:v>
                </c:pt>
                <c:pt idx="611">
                  <c:v>1.7909902377704203</c:v>
                </c:pt>
                <c:pt idx="612">
                  <c:v>1.788928103881916</c:v>
                </c:pt>
                <c:pt idx="613">
                  <c:v>1.7929338961974619</c:v>
                </c:pt>
                <c:pt idx="614">
                  <c:v>1.7895501731635319</c:v>
                </c:pt>
                <c:pt idx="615">
                  <c:v>1.7831662738727774</c:v>
                </c:pt>
                <c:pt idx="616">
                  <c:v>1.7820026603323029</c:v>
                </c:pt>
                <c:pt idx="617">
                  <c:v>1.7827225957523842</c:v>
                </c:pt>
                <c:pt idx="618">
                  <c:v>1.7848143148899864</c:v>
                </c:pt>
                <c:pt idx="619">
                  <c:v>1.7831227464363242</c:v>
                </c:pt>
                <c:pt idx="620">
                  <c:v>1.7799287966681836</c:v>
                </c:pt>
                <c:pt idx="621">
                  <c:v>1.7814536581822791</c:v>
                </c:pt>
                <c:pt idx="622">
                  <c:v>1.772181775075564</c:v>
                </c:pt>
                <c:pt idx="623">
                  <c:v>1.770979288798759</c:v>
                </c:pt>
                <c:pt idx="624">
                  <c:v>1.7667446448990607</c:v>
                </c:pt>
                <c:pt idx="625">
                  <c:v>1.7688001421802646</c:v>
                </c:pt>
                <c:pt idx="626">
                  <c:v>1.7681326924081453</c:v>
                </c:pt>
                <c:pt idx="627">
                  <c:v>1.7647859765981606</c:v>
                </c:pt>
                <c:pt idx="628">
                  <c:v>1.7615831336061112</c:v>
                </c:pt>
                <c:pt idx="629">
                  <c:v>1.7614155863898098</c:v>
                </c:pt>
                <c:pt idx="630">
                  <c:v>1.7562567190667848</c:v>
                </c:pt>
                <c:pt idx="631">
                  <c:v>1.7512958146881827</c:v>
                </c:pt>
                <c:pt idx="632">
                  <c:v>1.7480693571598325</c:v>
                </c:pt>
                <c:pt idx="633">
                  <c:v>1.7455000558365701</c:v>
                </c:pt>
                <c:pt idx="634">
                  <c:v>1.7450049894768234</c:v>
                </c:pt>
                <c:pt idx="635">
                  <c:v>1.7470904827477685</c:v>
                </c:pt>
                <c:pt idx="636">
                  <c:v>1.7456514811219077</c:v>
                </c:pt>
                <c:pt idx="637">
                  <c:v>1.7420398355982958</c:v>
                </c:pt>
                <c:pt idx="638">
                  <c:v>1.7403298527005426</c:v>
                </c:pt>
                <c:pt idx="639">
                  <c:v>1.7346605470547232</c:v>
                </c:pt>
                <c:pt idx="640">
                  <c:v>1.7354873219573717</c:v>
                </c:pt>
                <c:pt idx="641">
                  <c:v>1.7307720661085297</c:v>
                </c:pt>
                <c:pt idx="642">
                  <c:v>1.7311583586631216</c:v>
                </c:pt>
                <c:pt idx="643">
                  <c:v>1.7289136426299307</c:v>
                </c:pt>
                <c:pt idx="644">
                  <c:v>1.7291755643941336</c:v>
                </c:pt>
                <c:pt idx="645">
                  <c:v>1.7282409084747028</c:v>
                </c:pt>
                <c:pt idx="646">
                  <c:v>1.727568091422568</c:v>
                </c:pt>
                <c:pt idx="647">
                  <c:v>1.7262736704650643</c:v>
                </c:pt>
                <c:pt idx="648">
                  <c:v>1.7270503698337898</c:v>
                </c:pt>
                <c:pt idx="649">
                  <c:v>1.7235833396669094</c:v>
                </c:pt>
                <c:pt idx="650">
                  <c:v>1.7212007926814832</c:v>
                </c:pt>
                <c:pt idx="651">
                  <c:v>1.7208880452280371</c:v>
                </c:pt>
                <c:pt idx="652">
                  <c:v>1.7187494548819831</c:v>
                </c:pt>
                <c:pt idx="653">
                  <c:v>1.7176463438586851</c:v>
                </c:pt>
                <c:pt idx="654">
                  <c:v>1.715912709780129</c:v>
                </c:pt>
                <c:pt idx="655">
                  <c:v>1.7163040028276035</c:v>
                </c:pt>
                <c:pt idx="656">
                  <c:v>1.7126247909350247</c:v>
                </c:pt>
                <c:pt idx="657">
                  <c:v>1.7109626157747297</c:v>
                </c:pt>
                <c:pt idx="658">
                  <c:v>1.7087324789370717</c:v>
                </c:pt>
                <c:pt idx="659">
                  <c:v>1.7071276272501854</c:v>
                </c:pt>
                <c:pt idx="660">
                  <c:v>1.7043807642962228</c:v>
                </c:pt>
                <c:pt idx="661">
                  <c:v>1.7038097889086152</c:v>
                </c:pt>
                <c:pt idx="662">
                  <c:v>1.6987216589205385</c:v>
                </c:pt>
                <c:pt idx="663">
                  <c:v>1.7005980273191292</c:v>
                </c:pt>
                <c:pt idx="664">
                  <c:v>1.6983061793798073</c:v>
                </c:pt>
                <c:pt idx="665">
                  <c:v>1.6959137660070722</c:v>
                </c:pt>
                <c:pt idx="666">
                  <c:v>1.6932541455945949</c:v>
                </c:pt>
                <c:pt idx="667">
                  <c:v>1.6923901229333131</c:v>
                </c:pt>
                <c:pt idx="668">
                  <c:v>1.6891705840661164</c:v>
                </c:pt>
                <c:pt idx="669">
                  <c:v>1.6864099397764232</c:v>
                </c:pt>
                <c:pt idx="670">
                  <c:v>1.6848272693837671</c:v>
                </c:pt>
                <c:pt idx="671">
                  <c:v>1.6830469671990482</c:v>
                </c:pt>
                <c:pt idx="672">
                  <c:v>1.6787097960190087</c:v>
                </c:pt>
                <c:pt idx="673">
                  <c:v>1.6771815456176657</c:v>
                </c:pt>
                <c:pt idx="674">
                  <c:v>1.6759937436192447</c:v>
                </c:pt>
                <c:pt idx="675">
                  <c:v>1.6744116706312449</c:v>
                </c:pt>
                <c:pt idx="676">
                  <c:v>1.6706151012198447</c:v>
                </c:pt>
                <c:pt idx="677">
                  <c:v>1.6697758509933252</c:v>
                </c:pt>
                <c:pt idx="678">
                  <c:v>1.6676828403429806</c:v>
                </c:pt>
                <c:pt idx="679">
                  <c:v>1.666595531566508</c:v>
                </c:pt>
                <c:pt idx="680">
                  <c:v>1.6654836220614164</c:v>
                </c:pt>
                <c:pt idx="681">
                  <c:v>1.6635686023270324</c:v>
                </c:pt>
                <c:pt idx="682">
                  <c:v>1.663552449357214</c:v>
                </c:pt>
                <c:pt idx="683">
                  <c:v>1.6629595889080919</c:v>
                </c:pt>
                <c:pt idx="684">
                  <c:v>1.6605462259639678</c:v>
                </c:pt>
                <c:pt idx="685">
                  <c:v>1.6594966124813628</c:v>
                </c:pt>
                <c:pt idx="686">
                  <c:v>1.6545587586351991</c:v>
                </c:pt>
                <c:pt idx="687">
                  <c:v>1.6550507605299307</c:v>
                </c:pt>
                <c:pt idx="688">
                  <c:v>1.6562291844347758</c:v>
                </c:pt>
                <c:pt idx="689">
                  <c:v>1.6555353302400941</c:v>
                </c:pt>
                <c:pt idx="690">
                  <c:v>1.6554968291855268</c:v>
                </c:pt>
                <c:pt idx="691">
                  <c:v>1.6540781754352134</c:v>
                </c:pt>
                <c:pt idx="692">
                  <c:v>1.652238913217025</c:v>
                </c:pt>
                <c:pt idx="693">
                  <c:v>1.6514078081301038</c:v>
                </c:pt>
                <c:pt idx="694">
                  <c:v>1.6494918960299387</c:v>
                </c:pt>
                <c:pt idx="695">
                  <c:v>1.6467024338130574</c:v>
                </c:pt>
                <c:pt idx="696">
                  <c:v>1.6447636217610533</c:v>
                </c:pt>
                <c:pt idx="697">
                  <c:v>1.6426136650387675</c:v>
                </c:pt>
                <c:pt idx="698">
                  <c:v>1.641102782952103</c:v>
                </c:pt>
                <c:pt idx="699">
                  <c:v>1.640876292966412</c:v>
                </c:pt>
                <c:pt idx="700">
                  <c:v>1.6370708180490114</c:v>
                </c:pt>
                <c:pt idx="701">
                  <c:v>1.6344582889399446</c:v>
                </c:pt>
                <c:pt idx="702">
                  <c:v>1.6320396841231455</c:v>
                </c:pt>
                <c:pt idx="703">
                  <c:v>1.6306798427170384</c:v>
                </c:pt>
                <c:pt idx="704">
                  <c:v>1.6286423977093119</c:v>
                </c:pt>
                <c:pt idx="705">
                  <c:v>1.6256517776521473</c:v>
                </c:pt>
                <c:pt idx="706">
                  <c:v>1.6244332404360431</c:v>
                </c:pt>
                <c:pt idx="707">
                  <c:v>1.6233020556346978</c:v>
                </c:pt>
                <c:pt idx="708">
                  <c:v>1.6193264852903917</c:v>
                </c:pt>
                <c:pt idx="709">
                  <c:v>1.6196935093587532</c:v>
                </c:pt>
                <c:pt idx="710">
                  <c:v>1.616187223409868</c:v>
                </c:pt>
                <c:pt idx="711">
                  <c:v>1.6148846964293728</c:v>
                </c:pt>
                <c:pt idx="712">
                  <c:v>1.6142981115617558</c:v>
                </c:pt>
                <c:pt idx="713">
                  <c:v>1.614297873431499</c:v>
                </c:pt>
                <c:pt idx="714">
                  <c:v>1.6134338164787985</c:v>
                </c:pt>
                <c:pt idx="715">
                  <c:v>1.6128244152556104</c:v>
                </c:pt>
                <c:pt idx="716">
                  <c:v>1.6126465738797717</c:v>
                </c:pt>
                <c:pt idx="717">
                  <c:v>1.6117864013124108</c:v>
                </c:pt>
                <c:pt idx="718">
                  <c:v>1.6110062009517689</c:v>
                </c:pt>
                <c:pt idx="719">
                  <c:v>1.6101180289638244</c:v>
                </c:pt>
                <c:pt idx="720">
                  <c:v>1.6090815143282557</c:v>
                </c:pt>
                <c:pt idx="721">
                  <c:v>1.6061178048267688</c:v>
                </c:pt>
                <c:pt idx="722">
                  <c:v>1.606925671587345</c:v>
                </c:pt>
                <c:pt idx="723">
                  <c:v>1.6039382516307583</c:v>
                </c:pt>
                <c:pt idx="724">
                  <c:v>1.6021305509543671</c:v>
                </c:pt>
                <c:pt idx="725">
                  <c:v>1.6021840824944507</c:v>
                </c:pt>
                <c:pt idx="726">
                  <c:v>1.6007487680602239</c:v>
                </c:pt>
                <c:pt idx="727">
                  <c:v>1.5991779176157073</c:v>
                </c:pt>
                <c:pt idx="728">
                  <c:v>1.5973383939890109</c:v>
                </c:pt>
                <c:pt idx="729">
                  <c:v>1.5943107686935232</c:v>
                </c:pt>
                <c:pt idx="730">
                  <c:v>1.5922183457703627</c:v>
                </c:pt>
                <c:pt idx="731">
                  <c:v>1.5904976594503457</c:v>
                </c:pt>
                <c:pt idx="732">
                  <c:v>1.5873290438007102</c:v>
                </c:pt>
                <c:pt idx="733">
                  <c:v>1.5851923015247376</c:v>
                </c:pt>
                <c:pt idx="734">
                  <c:v>1.583994506836589</c:v>
                </c:pt>
                <c:pt idx="735">
                  <c:v>1.5843800517770705</c:v>
                </c:pt>
                <c:pt idx="736">
                  <c:v>1.5832860082743996</c:v>
                </c:pt>
                <c:pt idx="737">
                  <c:v>1.5801944395647802</c:v>
                </c:pt>
                <c:pt idx="738">
                  <c:v>1.578162479043671</c:v>
                </c:pt>
                <c:pt idx="739">
                  <c:v>1.5771472003555125</c:v>
                </c:pt>
                <c:pt idx="740">
                  <c:v>1.5761291096851346</c:v>
                </c:pt>
                <c:pt idx="741">
                  <c:v>1.5727687141295792</c:v>
                </c:pt>
                <c:pt idx="742">
                  <c:v>1.5722213698108183</c:v>
                </c:pt>
                <c:pt idx="743">
                  <c:v>1.5708642203849856</c:v>
                </c:pt>
                <c:pt idx="744">
                  <c:v>1.5714815186219773</c:v>
                </c:pt>
                <c:pt idx="745">
                  <c:v>1.5687277290652173</c:v>
                </c:pt>
                <c:pt idx="746">
                  <c:v>1.5676101656275763</c:v>
                </c:pt>
                <c:pt idx="747">
                  <c:v>1.5664618094999911</c:v>
                </c:pt>
                <c:pt idx="748">
                  <c:v>1.5659560967295356</c:v>
                </c:pt>
                <c:pt idx="749">
                  <c:v>1.5647736938415857</c:v>
                </c:pt>
                <c:pt idx="750">
                  <c:v>1.563881133537778</c:v>
                </c:pt>
                <c:pt idx="751">
                  <c:v>1.5642010447148456</c:v>
                </c:pt>
                <c:pt idx="752">
                  <c:v>1.562563695628296</c:v>
                </c:pt>
                <c:pt idx="753">
                  <c:v>1.5625677379853034</c:v>
                </c:pt>
                <c:pt idx="754">
                  <c:v>1.5586726001696145</c:v>
                </c:pt>
                <c:pt idx="755">
                  <c:v>1.5597568829345696</c:v>
                </c:pt>
                <c:pt idx="756">
                  <c:v>1.5597281490618025</c:v>
                </c:pt>
                <c:pt idx="757">
                  <c:v>1.5570269323625912</c:v>
                </c:pt>
                <c:pt idx="758">
                  <c:v>1.5556107178307106</c:v>
                </c:pt>
                <c:pt idx="759">
                  <c:v>1.5534645214417866</c:v>
                </c:pt>
                <c:pt idx="760">
                  <c:v>1.553586711918713</c:v>
                </c:pt>
                <c:pt idx="761">
                  <c:v>1.5529159300293838</c:v>
                </c:pt>
                <c:pt idx="762">
                  <c:v>1.5512706224722839</c:v>
                </c:pt>
                <c:pt idx="763">
                  <c:v>1.5515312322536514</c:v>
                </c:pt>
                <c:pt idx="764">
                  <c:v>1.5516528385992483</c:v>
                </c:pt>
                <c:pt idx="765">
                  <c:v>1.549863495861852</c:v>
                </c:pt>
                <c:pt idx="766">
                  <c:v>1.5494612236101843</c:v>
                </c:pt>
                <c:pt idx="767">
                  <c:v>1.5435485839666849</c:v>
                </c:pt>
                <c:pt idx="768">
                  <c:v>1.5400648657906515</c:v>
                </c:pt>
                <c:pt idx="769">
                  <c:v>1.5411945535540059</c:v>
                </c:pt>
                <c:pt idx="770">
                  <c:v>1.5406733622718114</c:v>
                </c:pt>
                <c:pt idx="771">
                  <c:v>1.5386361156304407</c:v>
                </c:pt>
                <c:pt idx="772">
                  <c:v>1.5372960786296679</c:v>
                </c:pt>
                <c:pt idx="773">
                  <c:v>1.5370771524793971</c:v>
                </c:pt>
                <c:pt idx="774">
                  <c:v>1.5357463672744331</c:v>
                </c:pt>
                <c:pt idx="775">
                  <c:v>1.5347511111656671</c:v>
                </c:pt>
                <c:pt idx="776">
                  <c:v>1.5334129184339942</c:v>
                </c:pt>
                <c:pt idx="777">
                  <c:v>1.5310691368634755</c:v>
                </c:pt>
                <c:pt idx="778">
                  <c:v>1.5298030248255017</c:v>
                </c:pt>
                <c:pt idx="779">
                  <c:v>1.5288685927577375</c:v>
                </c:pt>
                <c:pt idx="780">
                  <c:v>1.5267533121469499</c:v>
                </c:pt>
                <c:pt idx="781">
                  <c:v>1.5259085867290925</c:v>
                </c:pt>
                <c:pt idx="782">
                  <c:v>1.5263576367222249</c:v>
                </c:pt>
                <c:pt idx="783">
                  <c:v>1.5243556015809807</c:v>
                </c:pt>
                <c:pt idx="784">
                  <c:v>1.524371118617166</c:v>
                </c:pt>
                <c:pt idx="785">
                  <c:v>1.5210163410701127</c:v>
                </c:pt>
                <c:pt idx="786">
                  <c:v>1.5205009912136054</c:v>
                </c:pt>
                <c:pt idx="787">
                  <c:v>1.5203146138269019</c:v>
                </c:pt>
                <c:pt idx="788">
                  <c:v>1.5203566321402753</c:v>
                </c:pt>
                <c:pt idx="789">
                  <c:v>1.5189415926519176</c:v>
                </c:pt>
                <c:pt idx="790">
                  <c:v>1.5174929893208329</c:v>
                </c:pt>
                <c:pt idx="791">
                  <c:v>1.5156814233572533</c:v>
                </c:pt>
                <c:pt idx="792">
                  <c:v>1.5147836207300174</c:v>
                </c:pt>
                <c:pt idx="793">
                  <c:v>1.5118732818640193</c:v>
                </c:pt>
                <c:pt idx="794">
                  <c:v>1.5118954988999942</c:v>
                </c:pt>
                <c:pt idx="795">
                  <c:v>1.5090861201672239</c:v>
                </c:pt>
                <c:pt idx="796">
                  <c:v>1.5076023298944305</c:v>
                </c:pt>
                <c:pt idx="797">
                  <c:v>1.5065522109362177</c:v>
                </c:pt>
                <c:pt idx="798">
                  <c:v>1.5050272208840576</c:v>
                </c:pt>
                <c:pt idx="799">
                  <c:v>1.5032374628745573</c:v>
                </c:pt>
                <c:pt idx="800">
                  <c:v>1.5014117183944971</c:v>
                </c:pt>
                <c:pt idx="801">
                  <c:v>1.5025871927706029</c:v>
                </c:pt>
                <c:pt idx="802">
                  <c:v>1.5006898311281927</c:v>
                </c:pt>
                <c:pt idx="803">
                  <c:v>1.4980310651017268</c:v>
                </c:pt>
                <c:pt idx="804">
                  <c:v>1.4953958660127267</c:v>
                </c:pt>
                <c:pt idx="805">
                  <c:v>1.4913199913050033</c:v>
                </c:pt>
                <c:pt idx="806">
                  <c:v>1.4894388257395423</c:v>
                </c:pt>
                <c:pt idx="807">
                  <c:v>1.488340571849267</c:v>
                </c:pt>
                <c:pt idx="808">
                  <c:v>1.4861986400551044</c:v>
                </c:pt>
                <c:pt idx="809">
                  <c:v>1.4854036163993365</c:v>
                </c:pt>
                <c:pt idx="810">
                  <c:v>1.4850867393142659</c:v>
                </c:pt>
                <c:pt idx="811">
                  <c:v>1.485241549843878</c:v>
                </c:pt>
                <c:pt idx="812">
                  <c:v>1.4831611507067102</c:v>
                </c:pt>
                <c:pt idx="813">
                  <c:v>1.4824999575619613</c:v>
                </c:pt>
                <c:pt idx="814">
                  <c:v>1.4824509305332665</c:v>
                </c:pt>
                <c:pt idx="815">
                  <c:v>1.4815581473479831</c:v>
                </c:pt>
                <c:pt idx="816">
                  <c:v>1.4804500246291548</c:v>
                </c:pt>
                <c:pt idx="817">
                  <c:v>1.4798536932389643</c:v>
                </c:pt>
                <c:pt idx="818">
                  <c:v>1.4791466986895268</c:v>
                </c:pt>
                <c:pt idx="819">
                  <c:v>1.4774293916065242</c:v>
                </c:pt>
                <c:pt idx="820">
                  <c:v>1.476146333677949</c:v>
                </c:pt>
                <c:pt idx="821">
                  <c:v>1.4753640037016167</c:v>
                </c:pt>
                <c:pt idx="822">
                  <c:v>1.4749094359586687</c:v>
                </c:pt>
                <c:pt idx="823">
                  <c:v>1.4748583473234069</c:v>
                </c:pt>
                <c:pt idx="824">
                  <c:v>1.4745075179827414</c:v>
                </c:pt>
                <c:pt idx="825">
                  <c:v>1.4745787749344179</c:v>
                </c:pt>
                <c:pt idx="826">
                  <c:v>1.4729543070265478</c:v>
                </c:pt>
                <c:pt idx="827">
                  <c:v>1.4694311004258975</c:v>
                </c:pt>
                <c:pt idx="828">
                  <c:v>1.4670314888121512</c:v>
                </c:pt>
                <c:pt idx="829">
                  <c:v>1.4655246248142946</c:v>
                </c:pt>
                <c:pt idx="830">
                  <c:v>1.4620336450203255</c:v>
                </c:pt>
                <c:pt idx="831">
                  <c:v>1.4602018267945074</c:v>
                </c:pt>
                <c:pt idx="832">
                  <c:v>1.4598781119059836</c:v>
                </c:pt>
                <c:pt idx="833">
                  <c:v>1.4585633328646952</c:v>
                </c:pt>
                <c:pt idx="834">
                  <c:v>1.4571298867045477</c:v>
                </c:pt>
                <c:pt idx="835">
                  <c:v>1.4549981552894506</c:v>
                </c:pt>
                <c:pt idx="836">
                  <c:v>1.4518564542531753</c:v>
                </c:pt>
                <c:pt idx="837">
                  <c:v>1.450444024425366</c:v>
                </c:pt>
                <c:pt idx="838">
                  <c:v>1.4482627199874922</c:v>
                </c:pt>
                <c:pt idx="839">
                  <c:v>1.447561286701174</c:v>
                </c:pt>
                <c:pt idx="840">
                  <c:v>1.445575791906702</c:v>
                </c:pt>
                <c:pt idx="841">
                  <c:v>1.4422913240949191</c:v>
                </c:pt>
                <c:pt idx="842">
                  <c:v>1.4408829812357182</c:v>
                </c:pt>
                <c:pt idx="843">
                  <c:v>1.4393966811306216</c:v>
                </c:pt>
                <c:pt idx="844">
                  <c:v>1.4391434093014384</c:v>
                </c:pt>
                <c:pt idx="845">
                  <c:v>1.4361803833809048</c:v>
                </c:pt>
                <c:pt idx="846">
                  <c:v>1.4358996186079713</c:v>
                </c:pt>
                <c:pt idx="847">
                  <c:v>1.4347968636488251</c:v>
                </c:pt>
                <c:pt idx="848">
                  <c:v>1.4323500085160823</c:v>
                </c:pt>
                <c:pt idx="849">
                  <c:v>1.4325634023489107</c:v>
                </c:pt>
                <c:pt idx="850">
                  <c:v>1.4318763505477816</c:v>
                </c:pt>
                <c:pt idx="851">
                  <c:v>1.4326229203260372</c:v>
                </c:pt>
                <c:pt idx="852">
                  <c:v>1.4320692435286622</c:v>
                </c:pt>
                <c:pt idx="853">
                  <c:v>1.4318225859344771</c:v>
                </c:pt>
                <c:pt idx="854">
                  <c:v>1.4315650299079448</c:v>
                </c:pt>
                <c:pt idx="855">
                  <c:v>1.4307146957412038</c:v>
                </c:pt>
                <c:pt idx="856">
                  <c:v>1.4298271083857699</c:v>
                </c:pt>
                <c:pt idx="857">
                  <c:v>1.4303306174912538</c:v>
                </c:pt>
                <c:pt idx="858">
                  <c:v>1.4291918467536853</c:v>
                </c:pt>
                <c:pt idx="859">
                  <c:v>1.431445938939405</c:v>
                </c:pt>
                <c:pt idx="860">
                  <c:v>1.4281576824826872</c:v>
                </c:pt>
                <c:pt idx="861">
                  <c:v>1.4259378275154384</c:v>
                </c:pt>
                <c:pt idx="862">
                  <c:v>1.4252874762721435</c:v>
                </c:pt>
                <c:pt idx="863">
                  <c:v>1.4243981383357549</c:v>
                </c:pt>
                <c:pt idx="864">
                  <c:v>1.4235830383196182</c:v>
                </c:pt>
                <c:pt idx="865">
                  <c:v>1.4199018361113211</c:v>
                </c:pt>
                <c:pt idx="866">
                  <c:v>1.4182542828892721</c:v>
                </c:pt>
                <c:pt idx="867">
                  <c:v>1.4172819782833375</c:v>
                </c:pt>
                <c:pt idx="868">
                  <c:v>1.4165721086470791</c:v>
                </c:pt>
                <c:pt idx="869">
                  <c:v>1.4150216571886907</c:v>
                </c:pt>
                <c:pt idx="870">
                  <c:v>1.4138475914610258</c:v>
                </c:pt>
                <c:pt idx="871">
                  <c:v>1.4125026071531064</c:v>
                </c:pt>
                <c:pt idx="872">
                  <c:v>1.4112106288279347</c:v>
                </c:pt>
                <c:pt idx="873">
                  <c:v>1.4098867078237753</c:v>
                </c:pt>
                <c:pt idx="874">
                  <c:v>1.4107164847934737</c:v>
                </c:pt>
                <c:pt idx="875">
                  <c:v>1.4077439994458851</c:v>
                </c:pt>
                <c:pt idx="876">
                  <c:v>1.4084956506787547</c:v>
                </c:pt>
                <c:pt idx="877">
                  <c:v>1.4075876944080485</c:v>
                </c:pt>
                <c:pt idx="878">
                  <c:v>1.4061160592673176</c:v>
                </c:pt>
                <c:pt idx="879">
                  <c:v>1.4034579465150405</c:v>
                </c:pt>
                <c:pt idx="880">
                  <c:v>1.4029882415753521</c:v>
                </c:pt>
                <c:pt idx="881">
                  <c:v>1.4012922903332752</c:v>
                </c:pt>
                <c:pt idx="882">
                  <c:v>1.399724843149444</c:v>
                </c:pt>
                <c:pt idx="883">
                  <c:v>1.4006992719921452</c:v>
                </c:pt>
                <c:pt idx="884">
                  <c:v>1.399017835648193</c:v>
                </c:pt>
                <c:pt idx="885">
                  <c:v>1.398037752196823</c:v>
                </c:pt>
                <c:pt idx="886">
                  <c:v>1.3989961673292417</c:v>
                </c:pt>
                <c:pt idx="887">
                  <c:v>1.396757696037344</c:v>
                </c:pt>
                <c:pt idx="888">
                  <c:v>1.3976339872689008</c:v>
                </c:pt>
                <c:pt idx="889">
                  <c:v>1.3946506260131033</c:v>
                </c:pt>
                <c:pt idx="890">
                  <c:v>1.3940216001317653</c:v>
                </c:pt>
                <c:pt idx="891">
                  <c:v>1.3970779010598326</c:v>
                </c:pt>
                <c:pt idx="892">
                  <c:v>1.3951541543595634</c:v>
                </c:pt>
                <c:pt idx="893">
                  <c:v>1.3929332970020225</c:v>
                </c:pt>
                <c:pt idx="894">
                  <c:v>1.3908409329843376</c:v>
                </c:pt>
                <c:pt idx="895">
                  <c:v>1.3889982482449852</c:v>
                </c:pt>
                <c:pt idx="896">
                  <c:v>1.387701123848909</c:v>
                </c:pt>
                <c:pt idx="897">
                  <c:v>1.3864376184317193</c:v>
                </c:pt>
                <c:pt idx="898">
                  <c:v>1.3848470488385529</c:v>
                </c:pt>
                <c:pt idx="899">
                  <c:v>1.3847719764614703</c:v>
                </c:pt>
                <c:pt idx="900">
                  <c:v>1.383820135870081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18E0-454B-95A5-FF2BA77B579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936609007"/>
        <c:axId val="936609487"/>
      </c:scatterChart>
      <c:valAx>
        <c:axId val="936609007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ja-JP" altLang="en-US" sz="1800" baseline="0"/>
                  <a:t>時間</a:t>
                </a:r>
                <a:r>
                  <a:rPr lang="en-US" altLang="ja-JP" sz="1800" baseline="0"/>
                  <a:t> [s]</a:t>
                </a:r>
                <a:endParaRPr lang="ja-JP" altLang="en-US" sz="1800" baseline="0"/>
              </a:p>
            </c:rich>
          </c:tx>
          <c:layout>
            <c:manualLayout>
              <c:xMode val="edge"/>
              <c:yMode val="edge"/>
              <c:x val="0.46798443936244416"/>
              <c:y val="0.8616135666350740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ja-JP" altLang="en-US"/>
            </a:p>
          </c:txPr>
        </c:title>
        <c:numFmt formatCode="General" sourceLinked="1"/>
        <c:majorTickMark val="none"/>
        <c:minorTickMark val="none"/>
        <c:tickLblPos val="low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936609487"/>
        <c:crosses val="autoZero"/>
        <c:crossBetween val="midCat"/>
      </c:valAx>
      <c:valAx>
        <c:axId val="936609487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altLang="ja-JP" sz="1800" b="0" i="0" u="none" strike="noStrike" kern="1200" baseline="0">
                    <a:solidFill>
                      <a:sysClr val="windowText" lastClr="000000">
                        <a:lumMod val="65000"/>
                        <a:lumOff val="35000"/>
                      </a:sysClr>
                    </a:solidFill>
                  </a:rPr>
                  <a:t>x</a:t>
                </a:r>
                <a:r>
                  <a:rPr lang="ja-JP" altLang="en-US" sz="1800" b="0" i="0" u="none" strike="noStrike" kern="1200" baseline="0">
                    <a:solidFill>
                      <a:sysClr val="windowText" lastClr="000000">
                        <a:lumMod val="65000"/>
                        <a:lumOff val="35000"/>
                      </a:sysClr>
                    </a:solidFill>
                  </a:rPr>
                  <a:t>方向の</a:t>
                </a:r>
                <a:r>
                  <a:rPr lang="ja-JP" altLang="en-US" sz="1800" baseline="0"/>
                  <a:t>座標</a:t>
                </a:r>
                <a:r>
                  <a:rPr lang="en-US" altLang="ja-JP" sz="1800" baseline="0"/>
                  <a:t> [cm]</a:t>
                </a:r>
                <a:endParaRPr lang="ja-JP" altLang="en-US" sz="1800" baseline="0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ja-JP" alt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936609007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61711628488043224"/>
          <c:y val="0.14711266044282603"/>
          <c:w val="0.29287174272894162"/>
          <c:h val="0.17322577797814995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altLang="ja-JP" sz="1800" baseline="0"/>
              <a:t>y</a:t>
            </a:r>
            <a:r>
              <a:rPr lang="ja-JP" altLang="en-US" sz="1800" baseline="0"/>
              <a:t>方向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>
        <c:manualLayout>
          <c:layoutTarget val="inner"/>
          <c:xMode val="edge"/>
          <c:yMode val="edge"/>
          <c:x val="0.11997940160263884"/>
          <c:y val="0.12619717065817204"/>
          <c:w val="0.84444841875985122"/>
          <c:h val="0.70189506715512018"/>
        </c:manualLayout>
      </c:layout>
      <c:scatterChart>
        <c:scatterStyle val="lineMarker"/>
        <c:varyColors val="0"/>
        <c:ser>
          <c:idx val="0"/>
          <c:order val="0"/>
          <c:tx>
            <c:strRef>
              <c:f>重心!$C$1</c:f>
              <c:strCache>
                <c:ptCount val="1"/>
                <c:pt idx="0">
                  <c:v>実y座標 [cm]</c:v>
                </c:pt>
              </c:strCache>
            </c:strRef>
          </c:tx>
          <c:spPr>
            <a:ln w="381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重心!$A$2:$A$902</c:f>
              <c:numCache>
                <c:formatCode>General</c:formatCode>
                <c:ptCount val="901"/>
                <c:pt idx="0">
                  <c:v>0</c:v>
                </c:pt>
                <c:pt idx="1">
                  <c:v>3.3333333333333333E-2</c:v>
                </c:pt>
                <c:pt idx="2">
                  <c:v>6.6666666666666666E-2</c:v>
                </c:pt>
                <c:pt idx="3">
                  <c:v>0.1</c:v>
                </c:pt>
                <c:pt idx="4">
                  <c:v>0.13333333333333333</c:v>
                </c:pt>
                <c:pt idx="5">
                  <c:v>0.16666666666666666</c:v>
                </c:pt>
                <c:pt idx="6">
                  <c:v>0.2</c:v>
                </c:pt>
                <c:pt idx="7">
                  <c:v>0.23333333333333334</c:v>
                </c:pt>
                <c:pt idx="8">
                  <c:v>0.26666666666666666</c:v>
                </c:pt>
                <c:pt idx="9">
                  <c:v>0.3</c:v>
                </c:pt>
                <c:pt idx="10">
                  <c:v>0.33333333333333331</c:v>
                </c:pt>
                <c:pt idx="11">
                  <c:v>0.36666666666666664</c:v>
                </c:pt>
                <c:pt idx="12">
                  <c:v>0.4</c:v>
                </c:pt>
                <c:pt idx="13">
                  <c:v>0.43333333333333335</c:v>
                </c:pt>
                <c:pt idx="14">
                  <c:v>0.46666666666666667</c:v>
                </c:pt>
                <c:pt idx="15">
                  <c:v>0.5</c:v>
                </c:pt>
                <c:pt idx="16">
                  <c:v>0.53333333333333333</c:v>
                </c:pt>
                <c:pt idx="17">
                  <c:v>0.56666666666666665</c:v>
                </c:pt>
                <c:pt idx="18">
                  <c:v>0.6</c:v>
                </c:pt>
                <c:pt idx="19">
                  <c:v>0.6333333333333333</c:v>
                </c:pt>
                <c:pt idx="20">
                  <c:v>0.66666666666666663</c:v>
                </c:pt>
                <c:pt idx="21">
                  <c:v>0.7</c:v>
                </c:pt>
                <c:pt idx="22">
                  <c:v>0.73333333333333328</c:v>
                </c:pt>
                <c:pt idx="23">
                  <c:v>0.76666666666666672</c:v>
                </c:pt>
                <c:pt idx="24">
                  <c:v>0.8</c:v>
                </c:pt>
                <c:pt idx="25">
                  <c:v>0.83333333333333337</c:v>
                </c:pt>
                <c:pt idx="26">
                  <c:v>0.8666666666666667</c:v>
                </c:pt>
                <c:pt idx="27">
                  <c:v>0.9</c:v>
                </c:pt>
                <c:pt idx="28">
                  <c:v>0.93333333333333335</c:v>
                </c:pt>
                <c:pt idx="29">
                  <c:v>0.96666666666666667</c:v>
                </c:pt>
                <c:pt idx="30">
                  <c:v>1</c:v>
                </c:pt>
                <c:pt idx="31">
                  <c:v>1.0333333333333334</c:v>
                </c:pt>
                <c:pt idx="32">
                  <c:v>1.0666666666666667</c:v>
                </c:pt>
                <c:pt idx="33">
                  <c:v>1.1000000000000001</c:v>
                </c:pt>
                <c:pt idx="34">
                  <c:v>1.1333333333333333</c:v>
                </c:pt>
                <c:pt idx="35">
                  <c:v>1.1666666666666667</c:v>
                </c:pt>
                <c:pt idx="36">
                  <c:v>1.2</c:v>
                </c:pt>
                <c:pt idx="37">
                  <c:v>1.2333333333333334</c:v>
                </c:pt>
                <c:pt idx="38">
                  <c:v>1.2666666666666666</c:v>
                </c:pt>
                <c:pt idx="39">
                  <c:v>1.3</c:v>
                </c:pt>
                <c:pt idx="40">
                  <c:v>1.3333333333333333</c:v>
                </c:pt>
                <c:pt idx="41">
                  <c:v>1.3666666666666667</c:v>
                </c:pt>
                <c:pt idx="42">
                  <c:v>1.4</c:v>
                </c:pt>
                <c:pt idx="43">
                  <c:v>1.4333333333333333</c:v>
                </c:pt>
                <c:pt idx="44">
                  <c:v>1.4666666666666666</c:v>
                </c:pt>
                <c:pt idx="45">
                  <c:v>1.5</c:v>
                </c:pt>
                <c:pt idx="46">
                  <c:v>1.5333333333333334</c:v>
                </c:pt>
                <c:pt idx="47">
                  <c:v>1.5666666666666667</c:v>
                </c:pt>
                <c:pt idx="48">
                  <c:v>1.6</c:v>
                </c:pt>
                <c:pt idx="49">
                  <c:v>1.6333333333333333</c:v>
                </c:pt>
                <c:pt idx="50">
                  <c:v>1.6666666666666667</c:v>
                </c:pt>
                <c:pt idx="51">
                  <c:v>1.7</c:v>
                </c:pt>
                <c:pt idx="52">
                  <c:v>1.7333333333333334</c:v>
                </c:pt>
                <c:pt idx="53">
                  <c:v>1.7666666666666666</c:v>
                </c:pt>
                <c:pt idx="54">
                  <c:v>1.8</c:v>
                </c:pt>
                <c:pt idx="55">
                  <c:v>1.8333333333333333</c:v>
                </c:pt>
                <c:pt idx="56">
                  <c:v>1.8666666666666667</c:v>
                </c:pt>
                <c:pt idx="57">
                  <c:v>1.9</c:v>
                </c:pt>
                <c:pt idx="58">
                  <c:v>1.9333333333333333</c:v>
                </c:pt>
                <c:pt idx="59">
                  <c:v>1.9666666666666666</c:v>
                </c:pt>
                <c:pt idx="60">
                  <c:v>2</c:v>
                </c:pt>
                <c:pt idx="61">
                  <c:v>2.0333333333333332</c:v>
                </c:pt>
                <c:pt idx="62">
                  <c:v>2.0666666666666669</c:v>
                </c:pt>
                <c:pt idx="63">
                  <c:v>2.1</c:v>
                </c:pt>
                <c:pt idx="64">
                  <c:v>2.1333333333333333</c:v>
                </c:pt>
                <c:pt idx="65">
                  <c:v>2.1666666666666665</c:v>
                </c:pt>
                <c:pt idx="66">
                  <c:v>2.2000000000000002</c:v>
                </c:pt>
                <c:pt idx="67">
                  <c:v>2.2333333333333334</c:v>
                </c:pt>
                <c:pt idx="68">
                  <c:v>2.2666666666666666</c:v>
                </c:pt>
                <c:pt idx="69">
                  <c:v>2.2999999999999998</c:v>
                </c:pt>
                <c:pt idx="70">
                  <c:v>2.3333333333333335</c:v>
                </c:pt>
                <c:pt idx="71">
                  <c:v>2.3666666666666667</c:v>
                </c:pt>
                <c:pt idx="72">
                  <c:v>2.4</c:v>
                </c:pt>
                <c:pt idx="73">
                  <c:v>2.4333333333333331</c:v>
                </c:pt>
                <c:pt idx="74">
                  <c:v>2.4666666666666668</c:v>
                </c:pt>
                <c:pt idx="75">
                  <c:v>2.5</c:v>
                </c:pt>
                <c:pt idx="76">
                  <c:v>2.5333333333333332</c:v>
                </c:pt>
                <c:pt idx="77">
                  <c:v>2.5666666666666669</c:v>
                </c:pt>
                <c:pt idx="78">
                  <c:v>2.6</c:v>
                </c:pt>
                <c:pt idx="79">
                  <c:v>2.6333333333333333</c:v>
                </c:pt>
                <c:pt idx="80">
                  <c:v>2.6666666666666665</c:v>
                </c:pt>
                <c:pt idx="81">
                  <c:v>2.7</c:v>
                </c:pt>
                <c:pt idx="82">
                  <c:v>2.7333333333333334</c:v>
                </c:pt>
                <c:pt idx="83">
                  <c:v>2.7666666666666666</c:v>
                </c:pt>
                <c:pt idx="84">
                  <c:v>2.8</c:v>
                </c:pt>
                <c:pt idx="85">
                  <c:v>2.8333333333333335</c:v>
                </c:pt>
                <c:pt idx="86">
                  <c:v>2.8666666666666667</c:v>
                </c:pt>
                <c:pt idx="87">
                  <c:v>2.9</c:v>
                </c:pt>
                <c:pt idx="88">
                  <c:v>2.9333333333333331</c:v>
                </c:pt>
                <c:pt idx="89">
                  <c:v>2.9666666666666668</c:v>
                </c:pt>
                <c:pt idx="90">
                  <c:v>3</c:v>
                </c:pt>
                <c:pt idx="91">
                  <c:v>3.0333333333333332</c:v>
                </c:pt>
                <c:pt idx="92">
                  <c:v>3.0666666666666669</c:v>
                </c:pt>
                <c:pt idx="93">
                  <c:v>3.1</c:v>
                </c:pt>
                <c:pt idx="94">
                  <c:v>3.1333333333333333</c:v>
                </c:pt>
                <c:pt idx="95">
                  <c:v>3.1666666666666665</c:v>
                </c:pt>
                <c:pt idx="96">
                  <c:v>3.2</c:v>
                </c:pt>
                <c:pt idx="97">
                  <c:v>3.2333333333333334</c:v>
                </c:pt>
                <c:pt idx="98">
                  <c:v>3.2666666666666666</c:v>
                </c:pt>
                <c:pt idx="99">
                  <c:v>3.3</c:v>
                </c:pt>
                <c:pt idx="100">
                  <c:v>3.3333333333333335</c:v>
                </c:pt>
                <c:pt idx="101">
                  <c:v>3.3666666666666667</c:v>
                </c:pt>
                <c:pt idx="102">
                  <c:v>3.4</c:v>
                </c:pt>
                <c:pt idx="103">
                  <c:v>3.4333333333333331</c:v>
                </c:pt>
                <c:pt idx="104">
                  <c:v>3.4666666666666668</c:v>
                </c:pt>
                <c:pt idx="105">
                  <c:v>3.5</c:v>
                </c:pt>
                <c:pt idx="106">
                  <c:v>3.5333333333333332</c:v>
                </c:pt>
                <c:pt idx="107">
                  <c:v>3.5666666666666669</c:v>
                </c:pt>
                <c:pt idx="108">
                  <c:v>3.6</c:v>
                </c:pt>
                <c:pt idx="109">
                  <c:v>3.6333333333333333</c:v>
                </c:pt>
                <c:pt idx="110">
                  <c:v>3.6666666666666665</c:v>
                </c:pt>
                <c:pt idx="111">
                  <c:v>3.7</c:v>
                </c:pt>
                <c:pt idx="112">
                  <c:v>3.7333333333333334</c:v>
                </c:pt>
                <c:pt idx="113">
                  <c:v>3.7666666666666666</c:v>
                </c:pt>
                <c:pt idx="114">
                  <c:v>3.8</c:v>
                </c:pt>
                <c:pt idx="115">
                  <c:v>3.8333333333333335</c:v>
                </c:pt>
                <c:pt idx="116">
                  <c:v>3.8666666666666667</c:v>
                </c:pt>
                <c:pt idx="117">
                  <c:v>3.9</c:v>
                </c:pt>
                <c:pt idx="118">
                  <c:v>3.9333333333333331</c:v>
                </c:pt>
                <c:pt idx="119">
                  <c:v>3.9666666666666668</c:v>
                </c:pt>
                <c:pt idx="120">
                  <c:v>4</c:v>
                </c:pt>
                <c:pt idx="121">
                  <c:v>4.0333333333333332</c:v>
                </c:pt>
                <c:pt idx="122">
                  <c:v>4.0666666666666664</c:v>
                </c:pt>
                <c:pt idx="123">
                  <c:v>4.0999999999999996</c:v>
                </c:pt>
                <c:pt idx="124">
                  <c:v>4.1333333333333337</c:v>
                </c:pt>
                <c:pt idx="125">
                  <c:v>4.166666666666667</c:v>
                </c:pt>
                <c:pt idx="126">
                  <c:v>4.2</c:v>
                </c:pt>
                <c:pt idx="127">
                  <c:v>4.2333333333333334</c:v>
                </c:pt>
                <c:pt idx="128">
                  <c:v>4.2666666666666666</c:v>
                </c:pt>
                <c:pt idx="129">
                  <c:v>4.3</c:v>
                </c:pt>
                <c:pt idx="130">
                  <c:v>4.333333333333333</c:v>
                </c:pt>
                <c:pt idx="131">
                  <c:v>4.3666666666666663</c:v>
                </c:pt>
                <c:pt idx="132">
                  <c:v>4.4000000000000004</c:v>
                </c:pt>
                <c:pt idx="133">
                  <c:v>4.4333333333333336</c:v>
                </c:pt>
                <c:pt idx="134">
                  <c:v>4.4666666666666668</c:v>
                </c:pt>
                <c:pt idx="135">
                  <c:v>4.5</c:v>
                </c:pt>
                <c:pt idx="136">
                  <c:v>4.5333333333333332</c:v>
                </c:pt>
                <c:pt idx="137">
                  <c:v>4.5666666666666664</c:v>
                </c:pt>
                <c:pt idx="138">
                  <c:v>4.5999999999999996</c:v>
                </c:pt>
                <c:pt idx="139">
                  <c:v>4.6333333333333337</c:v>
                </c:pt>
                <c:pt idx="140">
                  <c:v>4.666666666666667</c:v>
                </c:pt>
                <c:pt idx="141">
                  <c:v>4.7</c:v>
                </c:pt>
                <c:pt idx="142">
                  <c:v>4.7333333333333334</c:v>
                </c:pt>
                <c:pt idx="143">
                  <c:v>4.7666666666666666</c:v>
                </c:pt>
                <c:pt idx="144">
                  <c:v>4.8</c:v>
                </c:pt>
                <c:pt idx="145">
                  <c:v>4.833333333333333</c:v>
                </c:pt>
                <c:pt idx="146">
                  <c:v>4.8666666666666663</c:v>
                </c:pt>
                <c:pt idx="147">
                  <c:v>4.9000000000000004</c:v>
                </c:pt>
                <c:pt idx="148">
                  <c:v>4.9333333333333336</c:v>
                </c:pt>
                <c:pt idx="149">
                  <c:v>4.9666666666666668</c:v>
                </c:pt>
                <c:pt idx="150">
                  <c:v>5</c:v>
                </c:pt>
                <c:pt idx="151">
                  <c:v>5.0333333333333332</c:v>
                </c:pt>
                <c:pt idx="152">
                  <c:v>5.0666666666666664</c:v>
                </c:pt>
                <c:pt idx="153">
                  <c:v>5.0999999999999996</c:v>
                </c:pt>
                <c:pt idx="154">
                  <c:v>5.1333333333333337</c:v>
                </c:pt>
                <c:pt idx="155">
                  <c:v>5.166666666666667</c:v>
                </c:pt>
                <c:pt idx="156">
                  <c:v>5.2</c:v>
                </c:pt>
                <c:pt idx="157">
                  <c:v>5.2333333333333334</c:v>
                </c:pt>
                <c:pt idx="158">
                  <c:v>5.2666666666666666</c:v>
                </c:pt>
                <c:pt idx="159">
                  <c:v>5.3</c:v>
                </c:pt>
                <c:pt idx="160">
                  <c:v>5.333333333333333</c:v>
                </c:pt>
                <c:pt idx="161">
                  <c:v>5.3666666666666663</c:v>
                </c:pt>
                <c:pt idx="162">
                  <c:v>5.4</c:v>
                </c:pt>
                <c:pt idx="163">
                  <c:v>5.4333333333333336</c:v>
                </c:pt>
                <c:pt idx="164">
                  <c:v>5.4666666666666668</c:v>
                </c:pt>
                <c:pt idx="165">
                  <c:v>5.5</c:v>
                </c:pt>
                <c:pt idx="166">
                  <c:v>5.5333333333333332</c:v>
                </c:pt>
                <c:pt idx="167">
                  <c:v>5.5666666666666664</c:v>
                </c:pt>
                <c:pt idx="168">
                  <c:v>5.6</c:v>
                </c:pt>
                <c:pt idx="169">
                  <c:v>5.6333333333333337</c:v>
                </c:pt>
                <c:pt idx="170">
                  <c:v>5.666666666666667</c:v>
                </c:pt>
                <c:pt idx="171">
                  <c:v>5.7</c:v>
                </c:pt>
                <c:pt idx="172">
                  <c:v>5.7333333333333334</c:v>
                </c:pt>
                <c:pt idx="173">
                  <c:v>5.7666666666666666</c:v>
                </c:pt>
                <c:pt idx="174">
                  <c:v>5.8</c:v>
                </c:pt>
                <c:pt idx="175">
                  <c:v>5.833333333333333</c:v>
                </c:pt>
                <c:pt idx="176">
                  <c:v>5.8666666666666663</c:v>
                </c:pt>
                <c:pt idx="177">
                  <c:v>5.9</c:v>
                </c:pt>
                <c:pt idx="178">
                  <c:v>5.9333333333333336</c:v>
                </c:pt>
                <c:pt idx="179">
                  <c:v>5.9666666666666668</c:v>
                </c:pt>
                <c:pt idx="180">
                  <c:v>6</c:v>
                </c:pt>
                <c:pt idx="181">
                  <c:v>6.0333333333333332</c:v>
                </c:pt>
                <c:pt idx="182">
                  <c:v>6.0666666666666664</c:v>
                </c:pt>
                <c:pt idx="183">
                  <c:v>6.1</c:v>
                </c:pt>
                <c:pt idx="184">
                  <c:v>6.1333333333333337</c:v>
                </c:pt>
                <c:pt idx="185">
                  <c:v>6.166666666666667</c:v>
                </c:pt>
                <c:pt idx="186">
                  <c:v>6.2</c:v>
                </c:pt>
                <c:pt idx="187">
                  <c:v>6.2333333333333334</c:v>
                </c:pt>
                <c:pt idx="188">
                  <c:v>6.2666666666666666</c:v>
                </c:pt>
                <c:pt idx="189">
                  <c:v>6.3</c:v>
                </c:pt>
                <c:pt idx="190">
                  <c:v>6.333333333333333</c:v>
                </c:pt>
                <c:pt idx="191">
                  <c:v>6.3666666666666663</c:v>
                </c:pt>
                <c:pt idx="192">
                  <c:v>6.4</c:v>
                </c:pt>
                <c:pt idx="193">
                  <c:v>6.4333333333333336</c:v>
                </c:pt>
                <c:pt idx="194">
                  <c:v>6.4666666666666668</c:v>
                </c:pt>
                <c:pt idx="195">
                  <c:v>6.5</c:v>
                </c:pt>
                <c:pt idx="196">
                  <c:v>6.5333333333333332</c:v>
                </c:pt>
                <c:pt idx="197">
                  <c:v>6.5666666666666664</c:v>
                </c:pt>
                <c:pt idx="198">
                  <c:v>6.6</c:v>
                </c:pt>
                <c:pt idx="199">
                  <c:v>6.6333333333333337</c:v>
                </c:pt>
                <c:pt idx="200">
                  <c:v>6.666666666666667</c:v>
                </c:pt>
                <c:pt idx="201">
                  <c:v>6.7</c:v>
                </c:pt>
                <c:pt idx="202">
                  <c:v>6.7333333333333334</c:v>
                </c:pt>
                <c:pt idx="203">
                  <c:v>6.7666666666666666</c:v>
                </c:pt>
                <c:pt idx="204">
                  <c:v>6.8</c:v>
                </c:pt>
                <c:pt idx="205">
                  <c:v>6.833333333333333</c:v>
                </c:pt>
                <c:pt idx="206">
                  <c:v>6.8666666666666663</c:v>
                </c:pt>
                <c:pt idx="207">
                  <c:v>6.9</c:v>
                </c:pt>
                <c:pt idx="208">
                  <c:v>6.9333333333333336</c:v>
                </c:pt>
                <c:pt idx="209">
                  <c:v>6.9666666666666668</c:v>
                </c:pt>
                <c:pt idx="210">
                  <c:v>7</c:v>
                </c:pt>
                <c:pt idx="211">
                  <c:v>7.0333333333333332</c:v>
                </c:pt>
                <c:pt idx="212">
                  <c:v>7.0666666666666664</c:v>
                </c:pt>
                <c:pt idx="213">
                  <c:v>7.1</c:v>
                </c:pt>
                <c:pt idx="214">
                  <c:v>7.1333333333333337</c:v>
                </c:pt>
                <c:pt idx="215">
                  <c:v>7.166666666666667</c:v>
                </c:pt>
                <c:pt idx="216">
                  <c:v>7.2</c:v>
                </c:pt>
                <c:pt idx="217">
                  <c:v>7.2333333333333334</c:v>
                </c:pt>
                <c:pt idx="218">
                  <c:v>7.2666666666666666</c:v>
                </c:pt>
                <c:pt idx="219">
                  <c:v>7.3</c:v>
                </c:pt>
                <c:pt idx="220">
                  <c:v>7.333333333333333</c:v>
                </c:pt>
                <c:pt idx="221">
                  <c:v>7.3666666666666663</c:v>
                </c:pt>
                <c:pt idx="222">
                  <c:v>7.4</c:v>
                </c:pt>
                <c:pt idx="223">
                  <c:v>7.4333333333333336</c:v>
                </c:pt>
                <c:pt idx="224">
                  <c:v>7.4666666666666668</c:v>
                </c:pt>
                <c:pt idx="225">
                  <c:v>7.5</c:v>
                </c:pt>
                <c:pt idx="226">
                  <c:v>7.5333333333333332</c:v>
                </c:pt>
                <c:pt idx="227">
                  <c:v>7.5666666666666664</c:v>
                </c:pt>
                <c:pt idx="228">
                  <c:v>7.6</c:v>
                </c:pt>
                <c:pt idx="229">
                  <c:v>7.6333333333333337</c:v>
                </c:pt>
                <c:pt idx="230">
                  <c:v>7.666666666666667</c:v>
                </c:pt>
                <c:pt idx="231">
                  <c:v>7.7</c:v>
                </c:pt>
                <c:pt idx="232">
                  <c:v>7.7333333333333334</c:v>
                </c:pt>
                <c:pt idx="233">
                  <c:v>7.7666666666666666</c:v>
                </c:pt>
                <c:pt idx="234">
                  <c:v>7.8</c:v>
                </c:pt>
                <c:pt idx="235">
                  <c:v>7.833333333333333</c:v>
                </c:pt>
                <c:pt idx="236">
                  <c:v>7.8666666666666663</c:v>
                </c:pt>
                <c:pt idx="237">
                  <c:v>7.9</c:v>
                </c:pt>
                <c:pt idx="238">
                  <c:v>7.9333333333333336</c:v>
                </c:pt>
                <c:pt idx="239">
                  <c:v>7.9666666666666668</c:v>
                </c:pt>
                <c:pt idx="240">
                  <c:v>8</c:v>
                </c:pt>
                <c:pt idx="241">
                  <c:v>8.0333333333333332</c:v>
                </c:pt>
                <c:pt idx="242">
                  <c:v>8.0666666666666664</c:v>
                </c:pt>
                <c:pt idx="243">
                  <c:v>8.1</c:v>
                </c:pt>
                <c:pt idx="244">
                  <c:v>8.1333333333333329</c:v>
                </c:pt>
                <c:pt idx="245">
                  <c:v>8.1666666666666661</c:v>
                </c:pt>
                <c:pt idx="246">
                  <c:v>8.1999999999999993</c:v>
                </c:pt>
                <c:pt idx="247">
                  <c:v>8.2333333333333325</c:v>
                </c:pt>
                <c:pt idx="248">
                  <c:v>8.2666666666666675</c:v>
                </c:pt>
                <c:pt idx="249">
                  <c:v>8.3000000000000007</c:v>
                </c:pt>
                <c:pt idx="250">
                  <c:v>8.3333333333333339</c:v>
                </c:pt>
                <c:pt idx="251">
                  <c:v>8.3666666666666671</c:v>
                </c:pt>
                <c:pt idx="252">
                  <c:v>8.4</c:v>
                </c:pt>
                <c:pt idx="253">
                  <c:v>8.4333333333333336</c:v>
                </c:pt>
                <c:pt idx="254">
                  <c:v>8.4666666666666668</c:v>
                </c:pt>
                <c:pt idx="255">
                  <c:v>8.5</c:v>
                </c:pt>
                <c:pt idx="256">
                  <c:v>8.5333333333333332</c:v>
                </c:pt>
                <c:pt idx="257">
                  <c:v>8.5666666666666664</c:v>
                </c:pt>
                <c:pt idx="258">
                  <c:v>8.6</c:v>
                </c:pt>
                <c:pt idx="259">
                  <c:v>8.6333333333333329</c:v>
                </c:pt>
                <c:pt idx="260">
                  <c:v>8.6666666666666661</c:v>
                </c:pt>
                <c:pt idx="261">
                  <c:v>8.6999999999999993</c:v>
                </c:pt>
                <c:pt idx="262">
                  <c:v>8.7333333333333325</c:v>
                </c:pt>
                <c:pt idx="263">
                  <c:v>8.7666666666666675</c:v>
                </c:pt>
                <c:pt idx="264">
                  <c:v>8.8000000000000007</c:v>
                </c:pt>
                <c:pt idx="265">
                  <c:v>8.8333333333333339</c:v>
                </c:pt>
                <c:pt idx="266">
                  <c:v>8.8666666666666671</c:v>
                </c:pt>
                <c:pt idx="267">
                  <c:v>8.9</c:v>
                </c:pt>
                <c:pt idx="268">
                  <c:v>8.9333333333333336</c:v>
                </c:pt>
                <c:pt idx="269">
                  <c:v>8.9666666666666668</c:v>
                </c:pt>
                <c:pt idx="270">
                  <c:v>9</c:v>
                </c:pt>
                <c:pt idx="271">
                  <c:v>9.0333333333333332</c:v>
                </c:pt>
                <c:pt idx="272">
                  <c:v>9.0666666666666664</c:v>
                </c:pt>
                <c:pt idx="273">
                  <c:v>9.1</c:v>
                </c:pt>
                <c:pt idx="274">
                  <c:v>9.1333333333333329</c:v>
                </c:pt>
                <c:pt idx="275">
                  <c:v>9.1666666666666661</c:v>
                </c:pt>
                <c:pt idx="276">
                  <c:v>9.1999999999999993</c:v>
                </c:pt>
                <c:pt idx="277">
                  <c:v>9.2333333333333325</c:v>
                </c:pt>
                <c:pt idx="278">
                  <c:v>9.2666666666666675</c:v>
                </c:pt>
                <c:pt idx="279">
                  <c:v>9.3000000000000007</c:v>
                </c:pt>
                <c:pt idx="280">
                  <c:v>9.3333333333333339</c:v>
                </c:pt>
                <c:pt idx="281">
                  <c:v>9.3666666666666671</c:v>
                </c:pt>
                <c:pt idx="282">
                  <c:v>9.4</c:v>
                </c:pt>
                <c:pt idx="283">
                  <c:v>9.4333333333333336</c:v>
                </c:pt>
                <c:pt idx="284">
                  <c:v>9.4666666666666668</c:v>
                </c:pt>
                <c:pt idx="285">
                  <c:v>9.5</c:v>
                </c:pt>
                <c:pt idx="286">
                  <c:v>9.5333333333333332</c:v>
                </c:pt>
                <c:pt idx="287">
                  <c:v>9.5666666666666664</c:v>
                </c:pt>
                <c:pt idx="288">
                  <c:v>9.6</c:v>
                </c:pt>
                <c:pt idx="289">
                  <c:v>9.6333333333333329</c:v>
                </c:pt>
                <c:pt idx="290">
                  <c:v>9.6666666666666661</c:v>
                </c:pt>
                <c:pt idx="291">
                  <c:v>9.6999999999999993</c:v>
                </c:pt>
                <c:pt idx="292">
                  <c:v>9.7333333333333325</c:v>
                </c:pt>
                <c:pt idx="293">
                  <c:v>9.7666666666666675</c:v>
                </c:pt>
                <c:pt idx="294">
                  <c:v>9.8000000000000007</c:v>
                </c:pt>
                <c:pt idx="295">
                  <c:v>9.8333333333333339</c:v>
                </c:pt>
                <c:pt idx="296">
                  <c:v>9.8666666666666671</c:v>
                </c:pt>
                <c:pt idx="297">
                  <c:v>9.9</c:v>
                </c:pt>
                <c:pt idx="298">
                  <c:v>9.9333333333333336</c:v>
                </c:pt>
                <c:pt idx="299">
                  <c:v>9.9666666666666668</c:v>
                </c:pt>
                <c:pt idx="300">
                  <c:v>10</c:v>
                </c:pt>
                <c:pt idx="301">
                  <c:v>10.033333333333333</c:v>
                </c:pt>
                <c:pt idx="302">
                  <c:v>10.066666666666666</c:v>
                </c:pt>
                <c:pt idx="303">
                  <c:v>10.1</c:v>
                </c:pt>
                <c:pt idx="304">
                  <c:v>10.133333333333333</c:v>
                </c:pt>
                <c:pt idx="305">
                  <c:v>10.166666666666666</c:v>
                </c:pt>
                <c:pt idx="306">
                  <c:v>10.199999999999999</c:v>
                </c:pt>
                <c:pt idx="307">
                  <c:v>10.233333333333333</c:v>
                </c:pt>
                <c:pt idx="308">
                  <c:v>10.266666666666667</c:v>
                </c:pt>
                <c:pt idx="309">
                  <c:v>10.3</c:v>
                </c:pt>
                <c:pt idx="310">
                  <c:v>10.333333333333334</c:v>
                </c:pt>
                <c:pt idx="311">
                  <c:v>10.366666666666667</c:v>
                </c:pt>
                <c:pt idx="312">
                  <c:v>10.4</c:v>
                </c:pt>
                <c:pt idx="313">
                  <c:v>10.433333333333334</c:v>
                </c:pt>
                <c:pt idx="314">
                  <c:v>10.466666666666667</c:v>
                </c:pt>
                <c:pt idx="315">
                  <c:v>10.5</c:v>
                </c:pt>
                <c:pt idx="316">
                  <c:v>10.533333333333333</c:v>
                </c:pt>
                <c:pt idx="317">
                  <c:v>10.566666666666666</c:v>
                </c:pt>
                <c:pt idx="318">
                  <c:v>10.6</c:v>
                </c:pt>
                <c:pt idx="319">
                  <c:v>10.633333333333333</c:v>
                </c:pt>
                <c:pt idx="320">
                  <c:v>10.666666666666666</c:v>
                </c:pt>
                <c:pt idx="321">
                  <c:v>10.7</c:v>
                </c:pt>
                <c:pt idx="322">
                  <c:v>10.733333333333333</c:v>
                </c:pt>
                <c:pt idx="323">
                  <c:v>10.766666666666667</c:v>
                </c:pt>
                <c:pt idx="324">
                  <c:v>10.8</c:v>
                </c:pt>
                <c:pt idx="325">
                  <c:v>10.833333333333334</c:v>
                </c:pt>
                <c:pt idx="326">
                  <c:v>10.866666666666667</c:v>
                </c:pt>
                <c:pt idx="327">
                  <c:v>10.9</c:v>
                </c:pt>
                <c:pt idx="328">
                  <c:v>10.933333333333334</c:v>
                </c:pt>
                <c:pt idx="329">
                  <c:v>10.966666666666667</c:v>
                </c:pt>
                <c:pt idx="330">
                  <c:v>11</c:v>
                </c:pt>
                <c:pt idx="331">
                  <c:v>11.033333333333333</c:v>
                </c:pt>
                <c:pt idx="332">
                  <c:v>11.066666666666666</c:v>
                </c:pt>
                <c:pt idx="333">
                  <c:v>11.1</c:v>
                </c:pt>
                <c:pt idx="334">
                  <c:v>11.133333333333333</c:v>
                </c:pt>
                <c:pt idx="335">
                  <c:v>11.166666666666666</c:v>
                </c:pt>
                <c:pt idx="336">
                  <c:v>11.2</c:v>
                </c:pt>
                <c:pt idx="337">
                  <c:v>11.233333333333333</c:v>
                </c:pt>
                <c:pt idx="338">
                  <c:v>11.266666666666667</c:v>
                </c:pt>
                <c:pt idx="339">
                  <c:v>11.3</c:v>
                </c:pt>
                <c:pt idx="340">
                  <c:v>11.333333333333334</c:v>
                </c:pt>
                <c:pt idx="341">
                  <c:v>11.366666666666667</c:v>
                </c:pt>
                <c:pt idx="342">
                  <c:v>11.4</c:v>
                </c:pt>
                <c:pt idx="343">
                  <c:v>11.433333333333334</c:v>
                </c:pt>
                <c:pt idx="344">
                  <c:v>11.466666666666667</c:v>
                </c:pt>
                <c:pt idx="345">
                  <c:v>11.5</c:v>
                </c:pt>
                <c:pt idx="346">
                  <c:v>11.533333333333333</c:v>
                </c:pt>
                <c:pt idx="347">
                  <c:v>11.566666666666666</c:v>
                </c:pt>
                <c:pt idx="348">
                  <c:v>11.6</c:v>
                </c:pt>
                <c:pt idx="349">
                  <c:v>11.633333333333333</c:v>
                </c:pt>
                <c:pt idx="350">
                  <c:v>11.666666666666666</c:v>
                </c:pt>
                <c:pt idx="351">
                  <c:v>11.7</c:v>
                </c:pt>
                <c:pt idx="352">
                  <c:v>11.733333333333333</c:v>
                </c:pt>
                <c:pt idx="353">
                  <c:v>11.766666666666667</c:v>
                </c:pt>
                <c:pt idx="354">
                  <c:v>11.8</c:v>
                </c:pt>
                <c:pt idx="355">
                  <c:v>11.833333333333334</c:v>
                </c:pt>
                <c:pt idx="356">
                  <c:v>11.866666666666667</c:v>
                </c:pt>
                <c:pt idx="357">
                  <c:v>11.9</c:v>
                </c:pt>
                <c:pt idx="358">
                  <c:v>11.933333333333334</c:v>
                </c:pt>
                <c:pt idx="359">
                  <c:v>11.966666666666667</c:v>
                </c:pt>
                <c:pt idx="360">
                  <c:v>12</c:v>
                </c:pt>
                <c:pt idx="361">
                  <c:v>12.033333333333333</c:v>
                </c:pt>
                <c:pt idx="362">
                  <c:v>12.066666666666666</c:v>
                </c:pt>
                <c:pt idx="363">
                  <c:v>12.1</c:v>
                </c:pt>
                <c:pt idx="364">
                  <c:v>12.133333333333333</c:v>
                </c:pt>
                <c:pt idx="365">
                  <c:v>12.166666666666666</c:v>
                </c:pt>
                <c:pt idx="366">
                  <c:v>12.2</c:v>
                </c:pt>
                <c:pt idx="367">
                  <c:v>12.233333333333333</c:v>
                </c:pt>
                <c:pt idx="368">
                  <c:v>12.266666666666667</c:v>
                </c:pt>
                <c:pt idx="369">
                  <c:v>12.3</c:v>
                </c:pt>
                <c:pt idx="370">
                  <c:v>12.333333333333334</c:v>
                </c:pt>
                <c:pt idx="371">
                  <c:v>12.366666666666667</c:v>
                </c:pt>
                <c:pt idx="372">
                  <c:v>12.4</c:v>
                </c:pt>
                <c:pt idx="373">
                  <c:v>12.433333333333334</c:v>
                </c:pt>
                <c:pt idx="374">
                  <c:v>12.466666666666667</c:v>
                </c:pt>
                <c:pt idx="375">
                  <c:v>12.5</c:v>
                </c:pt>
                <c:pt idx="376">
                  <c:v>12.533333333333333</c:v>
                </c:pt>
                <c:pt idx="377">
                  <c:v>12.566666666666666</c:v>
                </c:pt>
                <c:pt idx="378">
                  <c:v>12.6</c:v>
                </c:pt>
                <c:pt idx="379">
                  <c:v>12.633333333333333</c:v>
                </c:pt>
                <c:pt idx="380">
                  <c:v>12.666666666666666</c:v>
                </c:pt>
                <c:pt idx="381">
                  <c:v>12.7</c:v>
                </c:pt>
                <c:pt idx="382">
                  <c:v>12.733333333333333</c:v>
                </c:pt>
                <c:pt idx="383">
                  <c:v>12.766666666666667</c:v>
                </c:pt>
                <c:pt idx="384">
                  <c:v>12.8</c:v>
                </c:pt>
                <c:pt idx="385">
                  <c:v>12.833333333333334</c:v>
                </c:pt>
                <c:pt idx="386">
                  <c:v>12.866666666666667</c:v>
                </c:pt>
                <c:pt idx="387">
                  <c:v>12.9</c:v>
                </c:pt>
                <c:pt idx="388">
                  <c:v>12.933333333333334</c:v>
                </c:pt>
                <c:pt idx="389">
                  <c:v>12.966666666666667</c:v>
                </c:pt>
                <c:pt idx="390">
                  <c:v>13</c:v>
                </c:pt>
                <c:pt idx="391">
                  <c:v>13.033333333333333</c:v>
                </c:pt>
                <c:pt idx="392">
                  <c:v>13.066666666666666</c:v>
                </c:pt>
                <c:pt idx="393">
                  <c:v>13.1</c:v>
                </c:pt>
                <c:pt idx="394">
                  <c:v>13.133333333333333</c:v>
                </c:pt>
                <c:pt idx="395">
                  <c:v>13.166666666666666</c:v>
                </c:pt>
                <c:pt idx="396">
                  <c:v>13.2</c:v>
                </c:pt>
                <c:pt idx="397">
                  <c:v>13.233333333333333</c:v>
                </c:pt>
                <c:pt idx="398">
                  <c:v>13.266666666666667</c:v>
                </c:pt>
                <c:pt idx="399">
                  <c:v>13.3</c:v>
                </c:pt>
                <c:pt idx="400">
                  <c:v>13.333333333333334</c:v>
                </c:pt>
                <c:pt idx="401">
                  <c:v>13.366666666666667</c:v>
                </c:pt>
                <c:pt idx="402">
                  <c:v>13.4</c:v>
                </c:pt>
                <c:pt idx="403">
                  <c:v>13.433333333333334</c:v>
                </c:pt>
                <c:pt idx="404">
                  <c:v>13.466666666666667</c:v>
                </c:pt>
                <c:pt idx="405">
                  <c:v>13.5</c:v>
                </c:pt>
                <c:pt idx="406">
                  <c:v>13.533333333333333</c:v>
                </c:pt>
                <c:pt idx="407">
                  <c:v>13.566666666666666</c:v>
                </c:pt>
                <c:pt idx="408">
                  <c:v>13.6</c:v>
                </c:pt>
                <c:pt idx="409">
                  <c:v>13.633333333333333</c:v>
                </c:pt>
                <c:pt idx="410">
                  <c:v>13.666666666666666</c:v>
                </c:pt>
                <c:pt idx="411">
                  <c:v>13.7</c:v>
                </c:pt>
                <c:pt idx="412">
                  <c:v>13.733333333333333</c:v>
                </c:pt>
                <c:pt idx="413">
                  <c:v>13.766666666666667</c:v>
                </c:pt>
                <c:pt idx="414">
                  <c:v>13.8</c:v>
                </c:pt>
                <c:pt idx="415">
                  <c:v>13.833333333333334</c:v>
                </c:pt>
                <c:pt idx="416">
                  <c:v>13.866666666666667</c:v>
                </c:pt>
                <c:pt idx="417">
                  <c:v>13.9</c:v>
                </c:pt>
                <c:pt idx="418">
                  <c:v>13.933333333333334</c:v>
                </c:pt>
                <c:pt idx="419">
                  <c:v>13.966666666666667</c:v>
                </c:pt>
                <c:pt idx="420">
                  <c:v>14</c:v>
                </c:pt>
                <c:pt idx="421">
                  <c:v>14.033333333333333</c:v>
                </c:pt>
                <c:pt idx="422">
                  <c:v>14.066666666666666</c:v>
                </c:pt>
                <c:pt idx="423">
                  <c:v>14.1</c:v>
                </c:pt>
                <c:pt idx="424">
                  <c:v>14.133333333333333</c:v>
                </c:pt>
                <c:pt idx="425">
                  <c:v>14.166666666666666</c:v>
                </c:pt>
                <c:pt idx="426">
                  <c:v>14.2</c:v>
                </c:pt>
                <c:pt idx="427">
                  <c:v>14.233333333333333</c:v>
                </c:pt>
                <c:pt idx="428">
                  <c:v>14.266666666666667</c:v>
                </c:pt>
                <c:pt idx="429">
                  <c:v>14.3</c:v>
                </c:pt>
                <c:pt idx="430">
                  <c:v>14.333333333333334</c:v>
                </c:pt>
                <c:pt idx="431">
                  <c:v>14.366666666666667</c:v>
                </c:pt>
                <c:pt idx="432">
                  <c:v>14.4</c:v>
                </c:pt>
                <c:pt idx="433">
                  <c:v>14.433333333333334</c:v>
                </c:pt>
                <c:pt idx="434">
                  <c:v>14.466666666666667</c:v>
                </c:pt>
                <c:pt idx="435">
                  <c:v>14.5</c:v>
                </c:pt>
                <c:pt idx="436">
                  <c:v>14.533333333333333</c:v>
                </c:pt>
                <c:pt idx="437">
                  <c:v>14.566666666666666</c:v>
                </c:pt>
                <c:pt idx="438">
                  <c:v>14.6</c:v>
                </c:pt>
                <c:pt idx="439">
                  <c:v>14.633333333333333</c:v>
                </c:pt>
                <c:pt idx="440">
                  <c:v>14.666666666666666</c:v>
                </c:pt>
                <c:pt idx="441">
                  <c:v>14.7</c:v>
                </c:pt>
                <c:pt idx="442">
                  <c:v>14.733333333333333</c:v>
                </c:pt>
                <c:pt idx="443">
                  <c:v>14.766666666666667</c:v>
                </c:pt>
                <c:pt idx="444">
                  <c:v>14.8</c:v>
                </c:pt>
                <c:pt idx="445">
                  <c:v>14.833333333333334</c:v>
                </c:pt>
                <c:pt idx="446">
                  <c:v>14.866666666666667</c:v>
                </c:pt>
                <c:pt idx="447">
                  <c:v>14.9</c:v>
                </c:pt>
                <c:pt idx="448">
                  <c:v>14.933333333333334</c:v>
                </c:pt>
                <c:pt idx="449">
                  <c:v>14.966666666666667</c:v>
                </c:pt>
                <c:pt idx="450">
                  <c:v>15</c:v>
                </c:pt>
                <c:pt idx="451">
                  <c:v>15.033333333333333</c:v>
                </c:pt>
                <c:pt idx="452">
                  <c:v>15.066666666666666</c:v>
                </c:pt>
                <c:pt idx="453">
                  <c:v>15.1</c:v>
                </c:pt>
                <c:pt idx="454">
                  <c:v>15.133333333333333</c:v>
                </c:pt>
                <c:pt idx="455">
                  <c:v>15.166666666666666</c:v>
                </c:pt>
                <c:pt idx="456">
                  <c:v>15.2</c:v>
                </c:pt>
                <c:pt idx="457">
                  <c:v>15.233333333333333</c:v>
                </c:pt>
                <c:pt idx="458">
                  <c:v>15.266666666666667</c:v>
                </c:pt>
                <c:pt idx="459">
                  <c:v>15.3</c:v>
                </c:pt>
                <c:pt idx="460">
                  <c:v>15.333333333333334</c:v>
                </c:pt>
                <c:pt idx="461">
                  <c:v>15.366666666666667</c:v>
                </c:pt>
                <c:pt idx="462">
                  <c:v>15.4</c:v>
                </c:pt>
                <c:pt idx="463">
                  <c:v>15.433333333333334</c:v>
                </c:pt>
                <c:pt idx="464">
                  <c:v>15.466666666666667</c:v>
                </c:pt>
                <c:pt idx="465">
                  <c:v>15.5</c:v>
                </c:pt>
                <c:pt idx="466">
                  <c:v>15.533333333333333</c:v>
                </c:pt>
                <c:pt idx="467">
                  <c:v>15.566666666666666</c:v>
                </c:pt>
                <c:pt idx="468">
                  <c:v>15.6</c:v>
                </c:pt>
                <c:pt idx="469">
                  <c:v>15.633333333333333</c:v>
                </c:pt>
                <c:pt idx="470">
                  <c:v>15.666666666666666</c:v>
                </c:pt>
                <c:pt idx="471">
                  <c:v>15.7</c:v>
                </c:pt>
                <c:pt idx="472">
                  <c:v>15.733333333333333</c:v>
                </c:pt>
                <c:pt idx="473">
                  <c:v>15.766666666666667</c:v>
                </c:pt>
                <c:pt idx="474">
                  <c:v>15.8</c:v>
                </c:pt>
                <c:pt idx="475">
                  <c:v>15.833333333333334</c:v>
                </c:pt>
                <c:pt idx="476">
                  <c:v>15.866666666666667</c:v>
                </c:pt>
                <c:pt idx="477">
                  <c:v>15.9</c:v>
                </c:pt>
                <c:pt idx="478">
                  <c:v>15.933333333333334</c:v>
                </c:pt>
                <c:pt idx="479">
                  <c:v>15.966666666666667</c:v>
                </c:pt>
                <c:pt idx="480">
                  <c:v>16</c:v>
                </c:pt>
                <c:pt idx="481">
                  <c:v>16.033333333333335</c:v>
                </c:pt>
                <c:pt idx="482">
                  <c:v>16.066666666666666</c:v>
                </c:pt>
                <c:pt idx="483">
                  <c:v>16.100000000000001</c:v>
                </c:pt>
                <c:pt idx="484">
                  <c:v>16.133333333333333</c:v>
                </c:pt>
                <c:pt idx="485">
                  <c:v>16.166666666666668</c:v>
                </c:pt>
                <c:pt idx="486">
                  <c:v>16.2</c:v>
                </c:pt>
                <c:pt idx="487">
                  <c:v>16.233333333333334</c:v>
                </c:pt>
                <c:pt idx="488">
                  <c:v>16.266666666666666</c:v>
                </c:pt>
                <c:pt idx="489">
                  <c:v>16.3</c:v>
                </c:pt>
                <c:pt idx="490">
                  <c:v>16.333333333333332</c:v>
                </c:pt>
                <c:pt idx="491">
                  <c:v>16.366666666666667</c:v>
                </c:pt>
                <c:pt idx="492">
                  <c:v>16.399999999999999</c:v>
                </c:pt>
                <c:pt idx="493">
                  <c:v>16.433333333333334</c:v>
                </c:pt>
                <c:pt idx="494">
                  <c:v>16.466666666666665</c:v>
                </c:pt>
                <c:pt idx="495">
                  <c:v>16.5</c:v>
                </c:pt>
                <c:pt idx="496">
                  <c:v>16.533333333333335</c:v>
                </c:pt>
                <c:pt idx="497">
                  <c:v>16.566666666666666</c:v>
                </c:pt>
                <c:pt idx="498">
                  <c:v>16.600000000000001</c:v>
                </c:pt>
                <c:pt idx="499">
                  <c:v>16.633333333333333</c:v>
                </c:pt>
                <c:pt idx="500">
                  <c:v>16.666666666666668</c:v>
                </c:pt>
                <c:pt idx="501">
                  <c:v>16.7</c:v>
                </c:pt>
                <c:pt idx="502">
                  <c:v>16.733333333333334</c:v>
                </c:pt>
                <c:pt idx="503">
                  <c:v>16.766666666666666</c:v>
                </c:pt>
                <c:pt idx="504">
                  <c:v>16.8</c:v>
                </c:pt>
                <c:pt idx="505">
                  <c:v>16.833333333333332</c:v>
                </c:pt>
                <c:pt idx="506">
                  <c:v>16.866666666666667</c:v>
                </c:pt>
                <c:pt idx="507">
                  <c:v>16.899999999999999</c:v>
                </c:pt>
                <c:pt idx="508">
                  <c:v>16.933333333333334</c:v>
                </c:pt>
                <c:pt idx="509">
                  <c:v>16.966666666666665</c:v>
                </c:pt>
                <c:pt idx="510">
                  <c:v>17</c:v>
                </c:pt>
                <c:pt idx="511">
                  <c:v>17.033333333333335</c:v>
                </c:pt>
                <c:pt idx="512">
                  <c:v>17.066666666666666</c:v>
                </c:pt>
                <c:pt idx="513">
                  <c:v>17.100000000000001</c:v>
                </c:pt>
                <c:pt idx="514">
                  <c:v>17.133333333333333</c:v>
                </c:pt>
                <c:pt idx="515">
                  <c:v>17.166666666666668</c:v>
                </c:pt>
                <c:pt idx="516">
                  <c:v>17.2</c:v>
                </c:pt>
                <c:pt idx="517">
                  <c:v>17.233333333333334</c:v>
                </c:pt>
                <c:pt idx="518">
                  <c:v>17.266666666666666</c:v>
                </c:pt>
                <c:pt idx="519">
                  <c:v>17.3</c:v>
                </c:pt>
                <c:pt idx="520">
                  <c:v>17.333333333333332</c:v>
                </c:pt>
                <c:pt idx="521">
                  <c:v>17.366666666666667</c:v>
                </c:pt>
                <c:pt idx="522">
                  <c:v>17.399999999999999</c:v>
                </c:pt>
                <c:pt idx="523">
                  <c:v>17.433333333333334</c:v>
                </c:pt>
                <c:pt idx="524">
                  <c:v>17.466666666666665</c:v>
                </c:pt>
                <c:pt idx="525">
                  <c:v>17.5</c:v>
                </c:pt>
                <c:pt idx="526">
                  <c:v>17.533333333333335</c:v>
                </c:pt>
                <c:pt idx="527">
                  <c:v>17.566666666666666</c:v>
                </c:pt>
                <c:pt idx="528">
                  <c:v>17.600000000000001</c:v>
                </c:pt>
                <c:pt idx="529">
                  <c:v>17.633333333333333</c:v>
                </c:pt>
                <c:pt idx="530">
                  <c:v>17.666666666666668</c:v>
                </c:pt>
                <c:pt idx="531">
                  <c:v>17.7</c:v>
                </c:pt>
                <c:pt idx="532">
                  <c:v>17.733333333333334</c:v>
                </c:pt>
                <c:pt idx="533">
                  <c:v>17.766666666666666</c:v>
                </c:pt>
                <c:pt idx="534">
                  <c:v>17.8</c:v>
                </c:pt>
                <c:pt idx="535">
                  <c:v>17.833333333333332</c:v>
                </c:pt>
                <c:pt idx="536">
                  <c:v>17.866666666666667</c:v>
                </c:pt>
                <c:pt idx="537">
                  <c:v>17.899999999999999</c:v>
                </c:pt>
                <c:pt idx="538">
                  <c:v>17.933333333333334</c:v>
                </c:pt>
                <c:pt idx="539">
                  <c:v>17.966666666666665</c:v>
                </c:pt>
                <c:pt idx="540">
                  <c:v>18</c:v>
                </c:pt>
                <c:pt idx="541">
                  <c:v>18.033333333333335</c:v>
                </c:pt>
                <c:pt idx="542">
                  <c:v>18.066666666666666</c:v>
                </c:pt>
                <c:pt idx="543">
                  <c:v>18.100000000000001</c:v>
                </c:pt>
                <c:pt idx="544">
                  <c:v>18.133333333333333</c:v>
                </c:pt>
                <c:pt idx="545">
                  <c:v>18.166666666666668</c:v>
                </c:pt>
                <c:pt idx="546">
                  <c:v>18.2</c:v>
                </c:pt>
                <c:pt idx="547">
                  <c:v>18.233333333333334</c:v>
                </c:pt>
                <c:pt idx="548">
                  <c:v>18.266666666666666</c:v>
                </c:pt>
                <c:pt idx="549">
                  <c:v>18.3</c:v>
                </c:pt>
                <c:pt idx="550">
                  <c:v>18.333333333333332</c:v>
                </c:pt>
                <c:pt idx="551">
                  <c:v>18.366666666666667</c:v>
                </c:pt>
                <c:pt idx="552">
                  <c:v>18.399999999999999</c:v>
                </c:pt>
                <c:pt idx="553">
                  <c:v>18.433333333333334</c:v>
                </c:pt>
                <c:pt idx="554">
                  <c:v>18.466666666666665</c:v>
                </c:pt>
                <c:pt idx="555">
                  <c:v>18.5</c:v>
                </c:pt>
                <c:pt idx="556">
                  <c:v>18.533333333333335</c:v>
                </c:pt>
                <c:pt idx="557">
                  <c:v>18.566666666666666</c:v>
                </c:pt>
                <c:pt idx="558">
                  <c:v>18.600000000000001</c:v>
                </c:pt>
                <c:pt idx="559">
                  <c:v>18.633333333333333</c:v>
                </c:pt>
                <c:pt idx="560">
                  <c:v>18.666666666666668</c:v>
                </c:pt>
                <c:pt idx="561">
                  <c:v>18.7</c:v>
                </c:pt>
                <c:pt idx="562">
                  <c:v>18.733333333333334</c:v>
                </c:pt>
                <c:pt idx="563">
                  <c:v>18.766666666666666</c:v>
                </c:pt>
                <c:pt idx="564">
                  <c:v>18.8</c:v>
                </c:pt>
                <c:pt idx="565">
                  <c:v>18.833333333333332</c:v>
                </c:pt>
                <c:pt idx="566">
                  <c:v>18.866666666666667</c:v>
                </c:pt>
                <c:pt idx="567">
                  <c:v>18.899999999999999</c:v>
                </c:pt>
                <c:pt idx="568">
                  <c:v>18.933333333333334</c:v>
                </c:pt>
                <c:pt idx="569">
                  <c:v>18.966666666666665</c:v>
                </c:pt>
                <c:pt idx="570">
                  <c:v>19</c:v>
                </c:pt>
                <c:pt idx="571">
                  <c:v>19.033333333333335</c:v>
                </c:pt>
                <c:pt idx="572">
                  <c:v>19.066666666666666</c:v>
                </c:pt>
                <c:pt idx="573">
                  <c:v>19.100000000000001</c:v>
                </c:pt>
                <c:pt idx="574">
                  <c:v>19.133333333333333</c:v>
                </c:pt>
                <c:pt idx="575">
                  <c:v>19.166666666666668</c:v>
                </c:pt>
                <c:pt idx="576">
                  <c:v>19.2</c:v>
                </c:pt>
                <c:pt idx="577">
                  <c:v>19.233333333333334</c:v>
                </c:pt>
                <c:pt idx="578">
                  <c:v>19.266666666666666</c:v>
                </c:pt>
                <c:pt idx="579">
                  <c:v>19.3</c:v>
                </c:pt>
                <c:pt idx="580">
                  <c:v>19.333333333333332</c:v>
                </c:pt>
                <c:pt idx="581">
                  <c:v>19.366666666666667</c:v>
                </c:pt>
                <c:pt idx="582">
                  <c:v>19.399999999999999</c:v>
                </c:pt>
                <c:pt idx="583">
                  <c:v>19.433333333333334</c:v>
                </c:pt>
                <c:pt idx="584">
                  <c:v>19.466666666666665</c:v>
                </c:pt>
                <c:pt idx="585">
                  <c:v>19.5</c:v>
                </c:pt>
                <c:pt idx="586">
                  <c:v>19.533333333333335</c:v>
                </c:pt>
                <c:pt idx="587">
                  <c:v>19.566666666666666</c:v>
                </c:pt>
                <c:pt idx="588">
                  <c:v>19.600000000000001</c:v>
                </c:pt>
                <c:pt idx="589">
                  <c:v>19.633333333333333</c:v>
                </c:pt>
                <c:pt idx="590">
                  <c:v>19.666666666666668</c:v>
                </c:pt>
                <c:pt idx="591">
                  <c:v>19.7</c:v>
                </c:pt>
                <c:pt idx="592">
                  <c:v>19.733333333333334</c:v>
                </c:pt>
                <c:pt idx="593">
                  <c:v>19.766666666666666</c:v>
                </c:pt>
                <c:pt idx="594">
                  <c:v>19.8</c:v>
                </c:pt>
                <c:pt idx="595">
                  <c:v>19.833333333333332</c:v>
                </c:pt>
                <c:pt idx="596">
                  <c:v>19.866666666666667</c:v>
                </c:pt>
                <c:pt idx="597">
                  <c:v>19.899999999999999</c:v>
                </c:pt>
                <c:pt idx="598">
                  <c:v>19.933333333333334</c:v>
                </c:pt>
                <c:pt idx="599">
                  <c:v>19.966666666666665</c:v>
                </c:pt>
                <c:pt idx="600">
                  <c:v>20</c:v>
                </c:pt>
                <c:pt idx="601">
                  <c:v>20.033333333333335</c:v>
                </c:pt>
                <c:pt idx="602">
                  <c:v>20.066666666666666</c:v>
                </c:pt>
                <c:pt idx="603">
                  <c:v>20.100000000000001</c:v>
                </c:pt>
                <c:pt idx="604">
                  <c:v>20.133333333333333</c:v>
                </c:pt>
                <c:pt idx="605">
                  <c:v>20.166666666666668</c:v>
                </c:pt>
                <c:pt idx="606">
                  <c:v>20.2</c:v>
                </c:pt>
                <c:pt idx="607">
                  <c:v>20.233333333333334</c:v>
                </c:pt>
                <c:pt idx="608">
                  <c:v>20.266666666666666</c:v>
                </c:pt>
                <c:pt idx="609">
                  <c:v>20.3</c:v>
                </c:pt>
                <c:pt idx="610">
                  <c:v>20.333333333333332</c:v>
                </c:pt>
                <c:pt idx="611">
                  <c:v>20.366666666666667</c:v>
                </c:pt>
                <c:pt idx="612">
                  <c:v>20.399999999999999</c:v>
                </c:pt>
                <c:pt idx="613">
                  <c:v>20.433333333333334</c:v>
                </c:pt>
                <c:pt idx="614">
                  <c:v>20.466666666666665</c:v>
                </c:pt>
                <c:pt idx="615">
                  <c:v>20.5</c:v>
                </c:pt>
                <c:pt idx="616">
                  <c:v>20.533333333333335</c:v>
                </c:pt>
                <c:pt idx="617">
                  <c:v>20.566666666666666</c:v>
                </c:pt>
                <c:pt idx="618">
                  <c:v>20.6</c:v>
                </c:pt>
                <c:pt idx="619">
                  <c:v>20.633333333333333</c:v>
                </c:pt>
                <c:pt idx="620">
                  <c:v>20.666666666666668</c:v>
                </c:pt>
                <c:pt idx="621">
                  <c:v>20.7</c:v>
                </c:pt>
                <c:pt idx="622">
                  <c:v>20.733333333333334</c:v>
                </c:pt>
                <c:pt idx="623">
                  <c:v>20.766666666666666</c:v>
                </c:pt>
                <c:pt idx="624">
                  <c:v>20.8</c:v>
                </c:pt>
                <c:pt idx="625">
                  <c:v>20.833333333333332</c:v>
                </c:pt>
                <c:pt idx="626">
                  <c:v>20.866666666666667</c:v>
                </c:pt>
                <c:pt idx="627">
                  <c:v>20.9</c:v>
                </c:pt>
                <c:pt idx="628">
                  <c:v>20.933333333333334</c:v>
                </c:pt>
                <c:pt idx="629">
                  <c:v>20.966666666666665</c:v>
                </c:pt>
                <c:pt idx="630">
                  <c:v>21</c:v>
                </c:pt>
                <c:pt idx="631">
                  <c:v>21.033333333333335</c:v>
                </c:pt>
                <c:pt idx="632">
                  <c:v>21.066666666666666</c:v>
                </c:pt>
                <c:pt idx="633">
                  <c:v>21.1</c:v>
                </c:pt>
                <c:pt idx="634">
                  <c:v>21.133333333333333</c:v>
                </c:pt>
                <c:pt idx="635">
                  <c:v>21.166666666666668</c:v>
                </c:pt>
                <c:pt idx="636">
                  <c:v>21.2</c:v>
                </c:pt>
                <c:pt idx="637">
                  <c:v>21.233333333333334</c:v>
                </c:pt>
                <c:pt idx="638">
                  <c:v>21.266666666666666</c:v>
                </c:pt>
                <c:pt idx="639">
                  <c:v>21.3</c:v>
                </c:pt>
                <c:pt idx="640">
                  <c:v>21.333333333333332</c:v>
                </c:pt>
                <c:pt idx="641">
                  <c:v>21.366666666666667</c:v>
                </c:pt>
                <c:pt idx="642">
                  <c:v>21.4</c:v>
                </c:pt>
                <c:pt idx="643">
                  <c:v>21.433333333333334</c:v>
                </c:pt>
                <c:pt idx="644">
                  <c:v>21.466666666666665</c:v>
                </c:pt>
                <c:pt idx="645">
                  <c:v>21.5</c:v>
                </c:pt>
                <c:pt idx="646">
                  <c:v>21.533333333333335</c:v>
                </c:pt>
                <c:pt idx="647">
                  <c:v>21.566666666666666</c:v>
                </c:pt>
                <c:pt idx="648">
                  <c:v>21.6</c:v>
                </c:pt>
                <c:pt idx="649">
                  <c:v>21.633333333333333</c:v>
                </c:pt>
                <c:pt idx="650">
                  <c:v>21.666666666666668</c:v>
                </c:pt>
                <c:pt idx="651">
                  <c:v>21.7</c:v>
                </c:pt>
                <c:pt idx="652">
                  <c:v>21.733333333333334</c:v>
                </c:pt>
                <c:pt idx="653">
                  <c:v>21.766666666666666</c:v>
                </c:pt>
                <c:pt idx="654">
                  <c:v>21.8</c:v>
                </c:pt>
                <c:pt idx="655">
                  <c:v>21.833333333333332</c:v>
                </c:pt>
                <c:pt idx="656">
                  <c:v>21.866666666666667</c:v>
                </c:pt>
                <c:pt idx="657">
                  <c:v>21.9</c:v>
                </c:pt>
                <c:pt idx="658">
                  <c:v>21.933333333333334</c:v>
                </c:pt>
                <c:pt idx="659">
                  <c:v>21.966666666666665</c:v>
                </c:pt>
                <c:pt idx="660">
                  <c:v>22</c:v>
                </c:pt>
                <c:pt idx="661">
                  <c:v>22.033333333333335</c:v>
                </c:pt>
                <c:pt idx="662">
                  <c:v>22.066666666666666</c:v>
                </c:pt>
                <c:pt idx="663">
                  <c:v>22.1</c:v>
                </c:pt>
                <c:pt idx="664">
                  <c:v>22.133333333333333</c:v>
                </c:pt>
                <c:pt idx="665">
                  <c:v>22.166666666666668</c:v>
                </c:pt>
                <c:pt idx="666">
                  <c:v>22.2</c:v>
                </c:pt>
                <c:pt idx="667">
                  <c:v>22.233333333333334</c:v>
                </c:pt>
                <c:pt idx="668">
                  <c:v>22.266666666666666</c:v>
                </c:pt>
                <c:pt idx="669">
                  <c:v>22.3</c:v>
                </c:pt>
                <c:pt idx="670">
                  <c:v>22.333333333333332</c:v>
                </c:pt>
                <c:pt idx="671">
                  <c:v>22.366666666666667</c:v>
                </c:pt>
                <c:pt idx="672">
                  <c:v>22.4</c:v>
                </c:pt>
                <c:pt idx="673">
                  <c:v>22.433333333333334</c:v>
                </c:pt>
                <c:pt idx="674">
                  <c:v>22.466666666666665</c:v>
                </c:pt>
                <c:pt idx="675">
                  <c:v>22.5</c:v>
                </c:pt>
                <c:pt idx="676">
                  <c:v>22.533333333333335</c:v>
                </c:pt>
                <c:pt idx="677">
                  <c:v>22.566666666666666</c:v>
                </c:pt>
                <c:pt idx="678">
                  <c:v>22.6</c:v>
                </c:pt>
                <c:pt idx="679">
                  <c:v>22.633333333333333</c:v>
                </c:pt>
                <c:pt idx="680">
                  <c:v>22.666666666666668</c:v>
                </c:pt>
                <c:pt idx="681">
                  <c:v>22.7</c:v>
                </c:pt>
                <c:pt idx="682">
                  <c:v>22.733333333333334</c:v>
                </c:pt>
                <c:pt idx="683">
                  <c:v>22.766666666666666</c:v>
                </c:pt>
                <c:pt idx="684">
                  <c:v>22.8</c:v>
                </c:pt>
                <c:pt idx="685">
                  <c:v>22.833333333333332</c:v>
                </c:pt>
                <c:pt idx="686">
                  <c:v>22.866666666666667</c:v>
                </c:pt>
                <c:pt idx="687">
                  <c:v>22.9</c:v>
                </c:pt>
                <c:pt idx="688">
                  <c:v>22.933333333333334</c:v>
                </c:pt>
                <c:pt idx="689">
                  <c:v>22.966666666666665</c:v>
                </c:pt>
                <c:pt idx="690">
                  <c:v>23</c:v>
                </c:pt>
                <c:pt idx="691">
                  <c:v>23.033333333333335</c:v>
                </c:pt>
                <c:pt idx="692">
                  <c:v>23.066666666666666</c:v>
                </c:pt>
                <c:pt idx="693">
                  <c:v>23.1</c:v>
                </c:pt>
                <c:pt idx="694">
                  <c:v>23.133333333333333</c:v>
                </c:pt>
                <c:pt idx="695">
                  <c:v>23.166666666666668</c:v>
                </c:pt>
                <c:pt idx="696">
                  <c:v>23.2</c:v>
                </c:pt>
                <c:pt idx="697">
                  <c:v>23.233333333333334</c:v>
                </c:pt>
                <c:pt idx="698">
                  <c:v>23.266666666666666</c:v>
                </c:pt>
                <c:pt idx="699">
                  <c:v>23.3</c:v>
                </c:pt>
                <c:pt idx="700">
                  <c:v>23.333333333333332</c:v>
                </c:pt>
                <c:pt idx="701">
                  <c:v>23.366666666666667</c:v>
                </c:pt>
                <c:pt idx="702">
                  <c:v>23.4</c:v>
                </c:pt>
                <c:pt idx="703">
                  <c:v>23.433333333333334</c:v>
                </c:pt>
                <c:pt idx="704">
                  <c:v>23.466666666666665</c:v>
                </c:pt>
                <c:pt idx="705">
                  <c:v>23.5</c:v>
                </c:pt>
                <c:pt idx="706">
                  <c:v>23.533333333333335</c:v>
                </c:pt>
                <c:pt idx="707">
                  <c:v>23.566666666666666</c:v>
                </c:pt>
                <c:pt idx="708">
                  <c:v>23.6</c:v>
                </c:pt>
                <c:pt idx="709">
                  <c:v>23.633333333333333</c:v>
                </c:pt>
                <c:pt idx="710">
                  <c:v>23.666666666666668</c:v>
                </c:pt>
                <c:pt idx="711">
                  <c:v>23.7</c:v>
                </c:pt>
                <c:pt idx="712">
                  <c:v>23.733333333333334</c:v>
                </c:pt>
                <c:pt idx="713">
                  <c:v>23.766666666666666</c:v>
                </c:pt>
                <c:pt idx="714">
                  <c:v>23.8</c:v>
                </c:pt>
                <c:pt idx="715">
                  <c:v>23.833333333333332</c:v>
                </c:pt>
                <c:pt idx="716">
                  <c:v>23.866666666666667</c:v>
                </c:pt>
                <c:pt idx="717">
                  <c:v>23.9</c:v>
                </c:pt>
                <c:pt idx="718">
                  <c:v>23.933333333333334</c:v>
                </c:pt>
                <c:pt idx="719">
                  <c:v>23.966666666666665</c:v>
                </c:pt>
                <c:pt idx="720">
                  <c:v>24</c:v>
                </c:pt>
                <c:pt idx="721">
                  <c:v>24.033333333333335</c:v>
                </c:pt>
                <c:pt idx="722">
                  <c:v>24.066666666666666</c:v>
                </c:pt>
                <c:pt idx="723">
                  <c:v>24.1</c:v>
                </c:pt>
                <c:pt idx="724">
                  <c:v>24.133333333333333</c:v>
                </c:pt>
                <c:pt idx="725">
                  <c:v>24.166666666666668</c:v>
                </c:pt>
                <c:pt idx="726">
                  <c:v>24.2</c:v>
                </c:pt>
                <c:pt idx="727">
                  <c:v>24.233333333333334</c:v>
                </c:pt>
                <c:pt idx="728">
                  <c:v>24.266666666666666</c:v>
                </c:pt>
                <c:pt idx="729">
                  <c:v>24.3</c:v>
                </c:pt>
                <c:pt idx="730">
                  <c:v>24.333333333333332</c:v>
                </c:pt>
                <c:pt idx="731">
                  <c:v>24.366666666666667</c:v>
                </c:pt>
                <c:pt idx="732">
                  <c:v>24.4</c:v>
                </c:pt>
                <c:pt idx="733">
                  <c:v>24.433333333333334</c:v>
                </c:pt>
                <c:pt idx="734">
                  <c:v>24.466666666666665</c:v>
                </c:pt>
                <c:pt idx="735">
                  <c:v>24.5</c:v>
                </c:pt>
                <c:pt idx="736">
                  <c:v>24.533333333333335</c:v>
                </c:pt>
                <c:pt idx="737">
                  <c:v>24.566666666666666</c:v>
                </c:pt>
                <c:pt idx="738">
                  <c:v>24.6</c:v>
                </c:pt>
                <c:pt idx="739">
                  <c:v>24.633333333333333</c:v>
                </c:pt>
                <c:pt idx="740">
                  <c:v>24.666666666666668</c:v>
                </c:pt>
                <c:pt idx="741">
                  <c:v>24.7</c:v>
                </c:pt>
                <c:pt idx="742">
                  <c:v>24.733333333333334</c:v>
                </c:pt>
                <c:pt idx="743">
                  <c:v>24.766666666666666</c:v>
                </c:pt>
                <c:pt idx="744">
                  <c:v>24.8</c:v>
                </c:pt>
                <c:pt idx="745">
                  <c:v>24.833333333333332</c:v>
                </c:pt>
                <c:pt idx="746">
                  <c:v>24.866666666666667</c:v>
                </c:pt>
                <c:pt idx="747">
                  <c:v>24.9</c:v>
                </c:pt>
                <c:pt idx="748">
                  <c:v>24.933333333333334</c:v>
                </c:pt>
                <c:pt idx="749">
                  <c:v>24.966666666666665</c:v>
                </c:pt>
                <c:pt idx="750">
                  <c:v>25</c:v>
                </c:pt>
                <c:pt idx="751">
                  <c:v>25.033333333333335</c:v>
                </c:pt>
                <c:pt idx="752">
                  <c:v>25.066666666666666</c:v>
                </c:pt>
                <c:pt idx="753">
                  <c:v>25.1</c:v>
                </c:pt>
                <c:pt idx="754">
                  <c:v>25.133333333333333</c:v>
                </c:pt>
                <c:pt idx="755">
                  <c:v>25.166666666666668</c:v>
                </c:pt>
                <c:pt idx="756">
                  <c:v>25.2</c:v>
                </c:pt>
                <c:pt idx="757">
                  <c:v>25.233333333333334</c:v>
                </c:pt>
                <c:pt idx="758">
                  <c:v>25.266666666666666</c:v>
                </c:pt>
                <c:pt idx="759">
                  <c:v>25.3</c:v>
                </c:pt>
                <c:pt idx="760">
                  <c:v>25.333333333333332</c:v>
                </c:pt>
                <c:pt idx="761">
                  <c:v>25.366666666666667</c:v>
                </c:pt>
                <c:pt idx="762">
                  <c:v>25.4</c:v>
                </c:pt>
                <c:pt idx="763">
                  <c:v>25.433333333333334</c:v>
                </c:pt>
                <c:pt idx="764">
                  <c:v>25.466666666666665</c:v>
                </c:pt>
                <c:pt idx="765">
                  <c:v>25.5</c:v>
                </c:pt>
                <c:pt idx="766">
                  <c:v>25.533333333333335</c:v>
                </c:pt>
                <c:pt idx="767">
                  <c:v>25.566666666666666</c:v>
                </c:pt>
                <c:pt idx="768">
                  <c:v>25.6</c:v>
                </c:pt>
                <c:pt idx="769">
                  <c:v>25.633333333333333</c:v>
                </c:pt>
                <c:pt idx="770">
                  <c:v>25.666666666666668</c:v>
                </c:pt>
                <c:pt idx="771">
                  <c:v>25.7</c:v>
                </c:pt>
                <c:pt idx="772">
                  <c:v>25.733333333333334</c:v>
                </c:pt>
                <c:pt idx="773">
                  <c:v>25.766666666666666</c:v>
                </c:pt>
                <c:pt idx="774">
                  <c:v>25.8</c:v>
                </c:pt>
                <c:pt idx="775">
                  <c:v>25.833333333333332</c:v>
                </c:pt>
                <c:pt idx="776">
                  <c:v>25.866666666666667</c:v>
                </c:pt>
                <c:pt idx="777">
                  <c:v>25.9</c:v>
                </c:pt>
                <c:pt idx="778">
                  <c:v>25.933333333333334</c:v>
                </c:pt>
                <c:pt idx="779">
                  <c:v>25.966666666666665</c:v>
                </c:pt>
                <c:pt idx="780">
                  <c:v>26</c:v>
                </c:pt>
                <c:pt idx="781">
                  <c:v>26.033333333333335</c:v>
                </c:pt>
                <c:pt idx="782">
                  <c:v>26.066666666666666</c:v>
                </c:pt>
                <c:pt idx="783">
                  <c:v>26.1</c:v>
                </c:pt>
                <c:pt idx="784">
                  <c:v>26.133333333333333</c:v>
                </c:pt>
                <c:pt idx="785">
                  <c:v>26.166666666666668</c:v>
                </c:pt>
                <c:pt idx="786">
                  <c:v>26.2</c:v>
                </c:pt>
                <c:pt idx="787">
                  <c:v>26.233333333333334</c:v>
                </c:pt>
                <c:pt idx="788">
                  <c:v>26.266666666666666</c:v>
                </c:pt>
                <c:pt idx="789">
                  <c:v>26.3</c:v>
                </c:pt>
                <c:pt idx="790">
                  <c:v>26.333333333333332</c:v>
                </c:pt>
                <c:pt idx="791">
                  <c:v>26.366666666666667</c:v>
                </c:pt>
                <c:pt idx="792">
                  <c:v>26.4</c:v>
                </c:pt>
                <c:pt idx="793">
                  <c:v>26.433333333333334</c:v>
                </c:pt>
                <c:pt idx="794">
                  <c:v>26.466666666666665</c:v>
                </c:pt>
                <c:pt idx="795">
                  <c:v>26.5</c:v>
                </c:pt>
                <c:pt idx="796">
                  <c:v>26.533333333333335</c:v>
                </c:pt>
                <c:pt idx="797">
                  <c:v>26.566666666666666</c:v>
                </c:pt>
                <c:pt idx="798">
                  <c:v>26.6</c:v>
                </c:pt>
                <c:pt idx="799">
                  <c:v>26.633333333333333</c:v>
                </c:pt>
                <c:pt idx="800">
                  <c:v>26.666666666666668</c:v>
                </c:pt>
                <c:pt idx="801">
                  <c:v>26.7</c:v>
                </c:pt>
                <c:pt idx="802">
                  <c:v>26.733333333333334</c:v>
                </c:pt>
                <c:pt idx="803">
                  <c:v>26.766666666666666</c:v>
                </c:pt>
                <c:pt idx="804">
                  <c:v>26.8</c:v>
                </c:pt>
                <c:pt idx="805">
                  <c:v>26.833333333333332</c:v>
                </c:pt>
                <c:pt idx="806">
                  <c:v>26.866666666666667</c:v>
                </c:pt>
                <c:pt idx="807">
                  <c:v>26.9</c:v>
                </c:pt>
                <c:pt idx="808">
                  <c:v>26.933333333333334</c:v>
                </c:pt>
                <c:pt idx="809">
                  <c:v>26.966666666666665</c:v>
                </c:pt>
                <c:pt idx="810">
                  <c:v>27</c:v>
                </c:pt>
                <c:pt idx="811">
                  <c:v>27.033333333333335</c:v>
                </c:pt>
                <c:pt idx="812">
                  <c:v>27.066666666666666</c:v>
                </c:pt>
                <c:pt idx="813">
                  <c:v>27.1</c:v>
                </c:pt>
                <c:pt idx="814">
                  <c:v>27.133333333333333</c:v>
                </c:pt>
                <c:pt idx="815">
                  <c:v>27.166666666666668</c:v>
                </c:pt>
                <c:pt idx="816">
                  <c:v>27.2</c:v>
                </c:pt>
                <c:pt idx="817">
                  <c:v>27.233333333333334</c:v>
                </c:pt>
                <c:pt idx="818">
                  <c:v>27.266666666666666</c:v>
                </c:pt>
                <c:pt idx="819">
                  <c:v>27.3</c:v>
                </c:pt>
                <c:pt idx="820">
                  <c:v>27.333333333333332</c:v>
                </c:pt>
                <c:pt idx="821">
                  <c:v>27.366666666666667</c:v>
                </c:pt>
                <c:pt idx="822">
                  <c:v>27.4</c:v>
                </c:pt>
                <c:pt idx="823">
                  <c:v>27.433333333333334</c:v>
                </c:pt>
                <c:pt idx="824">
                  <c:v>27.466666666666665</c:v>
                </c:pt>
                <c:pt idx="825">
                  <c:v>27.5</c:v>
                </c:pt>
                <c:pt idx="826">
                  <c:v>27.533333333333335</c:v>
                </c:pt>
                <c:pt idx="827">
                  <c:v>27.566666666666666</c:v>
                </c:pt>
                <c:pt idx="828">
                  <c:v>27.6</c:v>
                </c:pt>
                <c:pt idx="829">
                  <c:v>27.633333333333333</c:v>
                </c:pt>
                <c:pt idx="830">
                  <c:v>27.666666666666668</c:v>
                </c:pt>
                <c:pt idx="831">
                  <c:v>27.7</c:v>
                </c:pt>
                <c:pt idx="832">
                  <c:v>27.733333333333334</c:v>
                </c:pt>
                <c:pt idx="833">
                  <c:v>27.766666666666666</c:v>
                </c:pt>
                <c:pt idx="834">
                  <c:v>27.8</c:v>
                </c:pt>
                <c:pt idx="835">
                  <c:v>27.833333333333332</c:v>
                </c:pt>
                <c:pt idx="836">
                  <c:v>27.866666666666667</c:v>
                </c:pt>
                <c:pt idx="837">
                  <c:v>27.9</c:v>
                </c:pt>
                <c:pt idx="838">
                  <c:v>27.933333333333334</c:v>
                </c:pt>
                <c:pt idx="839">
                  <c:v>27.966666666666665</c:v>
                </c:pt>
                <c:pt idx="840">
                  <c:v>28</c:v>
                </c:pt>
                <c:pt idx="841">
                  <c:v>28.033333333333335</c:v>
                </c:pt>
                <c:pt idx="842">
                  <c:v>28.066666666666666</c:v>
                </c:pt>
                <c:pt idx="843">
                  <c:v>28.1</c:v>
                </c:pt>
                <c:pt idx="844">
                  <c:v>28.133333333333333</c:v>
                </c:pt>
                <c:pt idx="845">
                  <c:v>28.166666666666668</c:v>
                </c:pt>
                <c:pt idx="846">
                  <c:v>28.2</c:v>
                </c:pt>
                <c:pt idx="847">
                  <c:v>28.233333333333334</c:v>
                </c:pt>
                <c:pt idx="848">
                  <c:v>28.266666666666666</c:v>
                </c:pt>
                <c:pt idx="849">
                  <c:v>28.3</c:v>
                </c:pt>
                <c:pt idx="850">
                  <c:v>28.333333333333332</c:v>
                </c:pt>
                <c:pt idx="851">
                  <c:v>28.366666666666667</c:v>
                </c:pt>
                <c:pt idx="852">
                  <c:v>28.4</c:v>
                </c:pt>
                <c:pt idx="853">
                  <c:v>28.433333333333334</c:v>
                </c:pt>
                <c:pt idx="854">
                  <c:v>28.466666666666665</c:v>
                </c:pt>
                <c:pt idx="855">
                  <c:v>28.5</c:v>
                </c:pt>
                <c:pt idx="856">
                  <c:v>28.533333333333335</c:v>
                </c:pt>
                <c:pt idx="857">
                  <c:v>28.566666666666666</c:v>
                </c:pt>
                <c:pt idx="858">
                  <c:v>28.6</c:v>
                </c:pt>
                <c:pt idx="859">
                  <c:v>28.633333333333333</c:v>
                </c:pt>
                <c:pt idx="860">
                  <c:v>28.666666666666668</c:v>
                </c:pt>
                <c:pt idx="861">
                  <c:v>28.7</c:v>
                </c:pt>
                <c:pt idx="862">
                  <c:v>28.733333333333334</c:v>
                </c:pt>
                <c:pt idx="863">
                  <c:v>28.766666666666666</c:v>
                </c:pt>
                <c:pt idx="864">
                  <c:v>28.8</c:v>
                </c:pt>
                <c:pt idx="865">
                  <c:v>28.833333333333332</c:v>
                </c:pt>
                <c:pt idx="866">
                  <c:v>28.866666666666667</c:v>
                </c:pt>
                <c:pt idx="867">
                  <c:v>28.9</c:v>
                </c:pt>
                <c:pt idx="868">
                  <c:v>28.933333333333334</c:v>
                </c:pt>
                <c:pt idx="869">
                  <c:v>28.966666666666665</c:v>
                </c:pt>
                <c:pt idx="870">
                  <c:v>29</c:v>
                </c:pt>
                <c:pt idx="871">
                  <c:v>29.033333333333335</c:v>
                </c:pt>
                <c:pt idx="872">
                  <c:v>29.066666666666666</c:v>
                </c:pt>
                <c:pt idx="873">
                  <c:v>29.1</c:v>
                </c:pt>
                <c:pt idx="874">
                  <c:v>29.133333333333333</c:v>
                </c:pt>
                <c:pt idx="875">
                  <c:v>29.166666666666668</c:v>
                </c:pt>
                <c:pt idx="876">
                  <c:v>29.2</c:v>
                </c:pt>
                <c:pt idx="877">
                  <c:v>29.233333333333334</c:v>
                </c:pt>
                <c:pt idx="878">
                  <c:v>29.266666666666666</c:v>
                </c:pt>
                <c:pt idx="879">
                  <c:v>29.3</c:v>
                </c:pt>
                <c:pt idx="880">
                  <c:v>29.333333333333332</c:v>
                </c:pt>
                <c:pt idx="881">
                  <c:v>29.366666666666667</c:v>
                </c:pt>
                <c:pt idx="882">
                  <c:v>29.4</c:v>
                </c:pt>
                <c:pt idx="883">
                  <c:v>29.433333333333334</c:v>
                </c:pt>
                <c:pt idx="884">
                  <c:v>29.466666666666665</c:v>
                </c:pt>
                <c:pt idx="885">
                  <c:v>29.5</c:v>
                </c:pt>
                <c:pt idx="886">
                  <c:v>29.533333333333335</c:v>
                </c:pt>
                <c:pt idx="887">
                  <c:v>29.566666666666666</c:v>
                </c:pt>
                <c:pt idx="888">
                  <c:v>29.6</c:v>
                </c:pt>
                <c:pt idx="889">
                  <c:v>29.633333333333333</c:v>
                </c:pt>
                <c:pt idx="890">
                  <c:v>29.666666666666668</c:v>
                </c:pt>
                <c:pt idx="891">
                  <c:v>29.7</c:v>
                </c:pt>
                <c:pt idx="892">
                  <c:v>29.733333333333334</c:v>
                </c:pt>
                <c:pt idx="893">
                  <c:v>29.766666666666666</c:v>
                </c:pt>
                <c:pt idx="894">
                  <c:v>29.8</c:v>
                </c:pt>
                <c:pt idx="895">
                  <c:v>29.833333333333332</c:v>
                </c:pt>
                <c:pt idx="896">
                  <c:v>29.866666666666667</c:v>
                </c:pt>
                <c:pt idx="897">
                  <c:v>29.9</c:v>
                </c:pt>
                <c:pt idx="898">
                  <c:v>29.933333333333334</c:v>
                </c:pt>
                <c:pt idx="899">
                  <c:v>29.966666666666665</c:v>
                </c:pt>
                <c:pt idx="900">
                  <c:v>30</c:v>
                </c:pt>
              </c:numCache>
            </c:numRef>
          </c:xVal>
          <c:yVal>
            <c:numRef>
              <c:f>重心!$C$2:$C$902</c:f>
              <c:numCache>
                <c:formatCode>General</c:formatCode>
                <c:ptCount val="901"/>
                <c:pt idx="0">
                  <c:v>1.9190442741419684</c:v>
                </c:pt>
                <c:pt idx="1">
                  <c:v>1.9181480710056582</c:v>
                </c:pt>
                <c:pt idx="2">
                  <c:v>1.9206080349553276</c:v>
                </c:pt>
                <c:pt idx="3">
                  <c:v>1.9198202183934412</c:v>
                </c:pt>
                <c:pt idx="4">
                  <c:v>1.9191372389110113</c:v>
                </c:pt>
                <c:pt idx="5">
                  <c:v>1.9165987559517106</c:v>
                </c:pt>
                <c:pt idx="6">
                  <c:v>1.9131683999095299</c:v>
                </c:pt>
                <c:pt idx="7">
                  <c:v>1.9104615694310882</c:v>
                </c:pt>
                <c:pt idx="8">
                  <c:v>1.9085882819748186</c:v>
                </c:pt>
                <c:pt idx="9">
                  <c:v>1.9084541265144139</c:v>
                </c:pt>
                <c:pt idx="10">
                  <c:v>1.9063547578497857</c:v>
                </c:pt>
                <c:pt idx="11">
                  <c:v>1.9042993364944951</c:v>
                </c:pt>
                <c:pt idx="12">
                  <c:v>1.9054213676621612</c:v>
                </c:pt>
                <c:pt idx="13">
                  <c:v>1.903133801191021</c:v>
                </c:pt>
                <c:pt idx="14">
                  <c:v>1.9019779184512131</c:v>
                </c:pt>
                <c:pt idx="15">
                  <c:v>1.9041681674668172</c:v>
                </c:pt>
                <c:pt idx="16">
                  <c:v>1.9035061974153364</c:v>
                </c:pt>
                <c:pt idx="17">
                  <c:v>1.905211716946559</c:v>
                </c:pt>
                <c:pt idx="18">
                  <c:v>1.9073849550707913</c:v>
                </c:pt>
                <c:pt idx="19">
                  <c:v>1.9099478991320464</c:v>
                </c:pt>
                <c:pt idx="20">
                  <c:v>1.9105299284349229</c:v>
                </c:pt>
                <c:pt idx="21">
                  <c:v>1.9121240950980918</c:v>
                </c:pt>
                <c:pt idx="22">
                  <c:v>1.9124926888539588</c:v>
                </c:pt>
                <c:pt idx="23">
                  <c:v>1.9160873694223008</c:v>
                </c:pt>
                <c:pt idx="24">
                  <c:v>1.9193662699066603</c:v>
                </c:pt>
                <c:pt idx="25">
                  <c:v>1.9187174675472909</c:v>
                </c:pt>
                <c:pt idx="26">
                  <c:v>1.9196120804051966</c:v>
                </c:pt>
                <c:pt idx="27">
                  <c:v>1.9198979784468957</c:v>
                </c:pt>
                <c:pt idx="28">
                  <c:v>1.918759086265049</c:v>
                </c:pt>
                <c:pt idx="29">
                  <c:v>1.9176015335934908</c:v>
                </c:pt>
                <c:pt idx="30">
                  <c:v>1.9149536360959072</c:v>
                </c:pt>
                <c:pt idx="31">
                  <c:v>1.9153493414145577</c:v>
                </c:pt>
                <c:pt idx="32">
                  <c:v>1.9147254039630257</c:v>
                </c:pt>
                <c:pt idx="33">
                  <c:v>1.9164312082471289</c:v>
                </c:pt>
                <c:pt idx="34">
                  <c:v>1.9156274409577041</c:v>
                </c:pt>
                <c:pt idx="35">
                  <c:v>1.9153230424565746</c:v>
                </c:pt>
                <c:pt idx="36">
                  <c:v>1.9165559924736335</c:v>
                </c:pt>
                <c:pt idx="37">
                  <c:v>1.9140850778393115</c:v>
                </c:pt>
                <c:pt idx="38">
                  <c:v>1.9143631977364097</c:v>
                </c:pt>
                <c:pt idx="39">
                  <c:v>1.9131525392677056</c:v>
                </c:pt>
                <c:pt idx="40">
                  <c:v>1.9110206143671424</c:v>
                </c:pt>
                <c:pt idx="41">
                  <c:v>1.9116923336351779</c:v>
                </c:pt>
                <c:pt idx="42">
                  <c:v>1.9150691258117392</c:v>
                </c:pt>
                <c:pt idx="43">
                  <c:v>1.9152898800697671</c:v>
                </c:pt>
                <c:pt idx="44">
                  <c:v>1.9161874636980154</c:v>
                </c:pt>
                <c:pt idx="45">
                  <c:v>1.9176922719866305</c:v>
                </c:pt>
                <c:pt idx="46">
                  <c:v>1.917107116708169</c:v>
                </c:pt>
                <c:pt idx="47">
                  <c:v>1.9182229709123568</c:v>
                </c:pt>
                <c:pt idx="48">
                  <c:v>1.9161788983792951</c:v>
                </c:pt>
                <c:pt idx="49">
                  <c:v>1.9190113017433246</c:v>
                </c:pt>
                <c:pt idx="50">
                  <c:v>1.9205881665594813</c:v>
                </c:pt>
                <c:pt idx="51">
                  <c:v>1.9225732293523852</c:v>
                </c:pt>
                <c:pt idx="52">
                  <c:v>1.9244644878724253</c:v>
                </c:pt>
                <c:pt idx="53">
                  <c:v>1.9235552340122302</c:v>
                </c:pt>
                <c:pt idx="54">
                  <c:v>1.9237593334400946</c:v>
                </c:pt>
                <c:pt idx="55">
                  <c:v>1.9241436980367166</c:v>
                </c:pt>
                <c:pt idx="56">
                  <c:v>1.9248981211338712</c:v>
                </c:pt>
                <c:pt idx="57">
                  <c:v>1.9235288508129569</c:v>
                </c:pt>
                <c:pt idx="58">
                  <c:v>1.9211185069732228</c:v>
                </c:pt>
                <c:pt idx="59">
                  <c:v>1.9176841529298554</c:v>
                </c:pt>
                <c:pt idx="60">
                  <c:v>1.9170372809750349</c:v>
                </c:pt>
                <c:pt idx="61">
                  <c:v>1.9136151631736484</c:v>
                </c:pt>
                <c:pt idx="62">
                  <c:v>1.9138994006669188</c:v>
                </c:pt>
                <c:pt idx="63">
                  <c:v>1.9095703275976963</c:v>
                </c:pt>
                <c:pt idx="64">
                  <c:v>1.9067572046913743</c:v>
                </c:pt>
                <c:pt idx="65">
                  <c:v>1.9069138901070779</c:v>
                </c:pt>
                <c:pt idx="66">
                  <c:v>1.9068956856775545</c:v>
                </c:pt>
                <c:pt idx="67">
                  <c:v>1.9070013538913448</c:v>
                </c:pt>
                <c:pt idx="68">
                  <c:v>1.90661079336224</c:v>
                </c:pt>
                <c:pt idx="69">
                  <c:v>1.9069257412109379</c:v>
                </c:pt>
                <c:pt idx="70">
                  <c:v>1.9089246375606284</c:v>
                </c:pt>
                <c:pt idx="71">
                  <c:v>1.9092545278961073</c:v>
                </c:pt>
                <c:pt idx="72">
                  <c:v>1.9095019951922394</c:v>
                </c:pt>
                <c:pt idx="73">
                  <c:v>1.9117676380074693</c:v>
                </c:pt>
                <c:pt idx="74">
                  <c:v>1.9105704171091844</c:v>
                </c:pt>
                <c:pt idx="75">
                  <c:v>1.9144013975717824</c:v>
                </c:pt>
                <c:pt idx="76">
                  <c:v>1.9176105284749441</c:v>
                </c:pt>
                <c:pt idx="77">
                  <c:v>1.9174050772459574</c:v>
                </c:pt>
                <c:pt idx="78">
                  <c:v>1.9164398607382129</c:v>
                </c:pt>
                <c:pt idx="79">
                  <c:v>1.9158267253905987</c:v>
                </c:pt>
                <c:pt idx="80">
                  <c:v>1.9179618829006879</c:v>
                </c:pt>
                <c:pt idx="81">
                  <c:v>1.9184573895571504</c:v>
                </c:pt>
                <c:pt idx="82">
                  <c:v>1.9192908848039087</c:v>
                </c:pt>
                <c:pt idx="83">
                  <c:v>1.9188809648249534</c:v>
                </c:pt>
                <c:pt idx="84">
                  <c:v>1.9191320880756817</c:v>
                </c:pt>
                <c:pt idx="85">
                  <c:v>1.9164566722013463</c:v>
                </c:pt>
                <c:pt idx="86">
                  <c:v>1.9142591702451965</c:v>
                </c:pt>
                <c:pt idx="87">
                  <c:v>1.9146154574718741</c:v>
                </c:pt>
                <c:pt idx="88">
                  <c:v>1.9135832192565461</c:v>
                </c:pt>
                <c:pt idx="89">
                  <c:v>1.9115267240068383</c:v>
                </c:pt>
                <c:pt idx="90">
                  <c:v>1.9107568106656734</c:v>
                </c:pt>
                <c:pt idx="91">
                  <c:v>1.908339439391846</c:v>
                </c:pt>
                <c:pt idx="92">
                  <c:v>1.91054439918048</c:v>
                </c:pt>
                <c:pt idx="93">
                  <c:v>1.9113693303127863</c:v>
                </c:pt>
                <c:pt idx="94">
                  <c:v>1.9127145957263356</c:v>
                </c:pt>
                <c:pt idx="95">
                  <c:v>1.9153197172241707</c:v>
                </c:pt>
                <c:pt idx="96">
                  <c:v>1.9161248660291581</c:v>
                </c:pt>
                <c:pt idx="97">
                  <c:v>1.9138884920904931</c:v>
                </c:pt>
                <c:pt idx="98">
                  <c:v>1.9147572105897215</c:v>
                </c:pt>
                <c:pt idx="99">
                  <c:v>1.9144070229225318</c:v>
                </c:pt>
                <c:pt idx="100">
                  <c:v>1.917361242479118</c:v>
                </c:pt>
                <c:pt idx="101">
                  <c:v>1.9162538321529095</c:v>
                </c:pt>
                <c:pt idx="102">
                  <c:v>1.917646793074048</c:v>
                </c:pt>
                <c:pt idx="103">
                  <c:v>1.9168805167508183</c:v>
                </c:pt>
                <c:pt idx="104">
                  <c:v>1.9194419205727196</c:v>
                </c:pt>
                <c:pt idx="105">
                  <c:v>1.9213213891549801</c:v>
                </c:pt>
                <c:pt idx="106">
                  <c:v>1.9222356463600758</c:v>
                </c:pt>
                <c:pt idx="107">
                  <c:v>1.924491901118216</c:v>
                </c:pt>
                <c:pt idx="108">
                  <c:v>1.9264969201700561</c:v>
                </c:pt>
                <c:pt idx="109">
                  <c:v>1.9252018059853064</c:v>
                </c:pt>
                <c:pt idx="110">
                  <c:v>1.9238135145124757</c:v>
                </c:pt>
                <c:pt idx="111">
                  <c:v>1.9237420067199984</c:v>
                </c:pt>
                <c:pt idx="112">
                  <c:v>1.9197049459297313</c:v>
                </c:pt>
                <c:pt idx="113">
                  <c:v>1.9163612608353569</c:v>
                </c:pt>
                <c:pt idx="114">
                  <c:v>1.9152667824306155</c:v>
                </c:pt>
                <c:pt idx="115">
                  <c:v>1.9173247948150445</c:v>
                </c:pt>
                <c:pt idx="116">
                  <c:v>1.9192081035795423</c:v>
                </c:pt>
                <c:pt idx="117">
                  <c:v>1.918416101006025</c:v>
                </c:pt>
                <c:pt idx="118">
                  <c:v>1.921830357387404</c:v>
                </c:pt>
                <c:pt idx="119">
                  <c:v>1.9214596806729083</c:v>
                </c:pt>
                <c:pt idx="120">
                  <c:v>1.9231094182895916</c:v>
                </c:pt>
                <c:pt idx="121">
                  <c:v>1.9254133941355041</c:v>
                </c:pt>
                <c:pt idx="122">
                  <c:v>1.9286828767118001</c:v>
                </c:pt>
                <c:pt idx="123">
                  <c:v>1.9302544168661557</c:v>
                </c:pt>
                <c:pt idx="124">
                  <c:v>1.9342335123040337</c:v>
                </c:pt>
                <c:pt idx="125">
                  <c:v>1.9355050649456942</c:v>
                </c:pt>
                <c:pt idx="126">
                  <c:v>1.9376343500684761</c:v>
                </c:pt>
                <c:pt idx="127">
                  <c:v>1.9379221312937562</c:v>
                </c:pt>
                <c:pt idx="128">
                  <c:v>1.9370702616043141</c:v>
                </c:pt>
                <c:pt idx="129">
                  <c:v>1.9382266539816748</c:v>
                </c:pt>
                <c:pt idx="130">
                  <c:v>1.9396208530423675</c:v>
                </c:pt>
                <c:pt idx="131">
                  <c:v>1.9408071198012351</c:v>
                </c:pt>
                <c:pt idx="132">
                  <c:v>1.940593659215232</c:v>
                </c:pt>
                <c:pt idx="133">
                  <c:v>1.9414738586442968</c:v>
                </c:pt>
                <c:pt idx="134">
                  <c:v>1.9423179324787383</c:v>
                </c:pt>
                <c:pt idx="135">
                  <c:v>1.9402310918850028</c:v>
                </c:pt>
                <c:pt idx="136">
                  <c:v>1.9405467094387867</c:v>
                </c:pt>
                <c:pt idx="137">
                  <c:v>1.9409856457316255</c:v>
                </c:pt>
                <c:pt idx="138">
                  <c:v>1.9398249712916631</c:v>
                </c:pt>
                <c:pt idx="139">
                  <c:v>1.9379703829921557</c:v>
                </c:pt>
                <c:pt idx="140">
                  <c:v>1.9400006650775963</c:v>
                </c:pt>
                <c:pt idx="141">
                  <c:v>1.9447992169794543</c:v>
                </c:pt>
                <c:pt idx="142">
                  <c:v>1.944174335469788</c:v>
                </c:pt>
                <c:pt idx="143">
                  <c:v>1.943867394717582</c:v>
                </c:pt>
                <c:pt idx="144">
                  <c:v>1.9436135776818038</c:v>
                </c:pt>
                <c:pt idx="145">
                  <c:v>1.9459135957551008</c:v>
                </c:pt>
                <c:pt idx="146">
                  <c:v>1.9469476724998696</c:v>
                </c:pt>
                <c:pt idx="147">
                  <c:v>1.9496026639804613</c:v>
                </c:pt>
                <c:pt idx="148">
                  <c:v>1.950995729982629</c:v>
                </c:pt>
                <c:pt idx="149">
                  <c:v>1.9531246883001887</c:v>
                </c:pt>
                <c:pt idx="150">
                  <c:v>1.9565923320409633</c:v>
                </c:pt>
                <c:pt idx="151">
                  <c:v>1.9557902272360974</c:v>
                </c:pt>
                <c:pt idx="152">
                  <c:v>1.9558886025939763</c:v>
                </c:pt>
                <c:pt idx="153">
                  <c:v>1.9560875416026906</c:v>
                </c:pt>
                <c:pt idx="154">
                  <c:v>1.9603931720459709</c:v>
                </c:pt>
                <c:pt idx="155">
                  <c:v>1.9650808659525785</c:v>
                </c:pt>
                <c:pt idx="156">
                  <c:v>1.9669766542891158</c:v>
                </c:pt>
                <c:pt idx="157">
                  <c:v>1.9660264770541636</c:v>
                </c:pt>
                <c:pt idx="158">
                  <c:v>1.9646475933352243</c:v>
                </c:pt>
                <c:pt idx="159">
                  <c:v>1.964113429526855</c:v>
                </c:pt>
                <c:pt idx="160">
                  <c:v>1.9624966305526423</c:v>
                </c:pt>
                <c:pt idx="161">
                  <c:v>1.9617677007867369</c:v>
                </c:pt>
                <c:pt idx="162">
                  <c:v>1.9605863133182873</c:v>
                </c:pt>
                <c:pt idx="163">
                  <c:v>1.9630268242772009</c:v>
                </c:pt>
                <c:pt idx="164">
                  <c:v>1.9615518503258111</c:v>
                </c:pt>
                <c:pt idx="165">
                  <c:v>1.9628445709081344</c:v>
                </c:pt>
                <c:pt idx="166">
                  <c:v>1.9647979432518961</c:v>
                </c:pt>
                <c:pt idx="167">
                  <c:v>1.9678675389840279</c:v>
                </c:pt>
                <c:pt idx="168">
                  <c:v>1.9728505770238232</c:v>
                </c:pt>
                <c:pt idx="169">
                  <c:v>1.9704005988376405</c:v>
                </c:pt>
                <c:pt idx="170">
                  <c:v>1.9699082518231705</c:v>
                </c:pt>
                <c:pt idx="171">
                  <c:v>1.9663017820832691</c:v>
                </c:pt>
                <c:pt idx="172">
                  <c:v>1.9673914609264473</c:v>
                </c:pt>
                <c:pt idx="173">
                  <c:v>1.9680003724077944</c:v>
                </c:pt>
                <c:pt idx="174">
                  <c:v>1.9717180497549416</c:v>
                </c:pt>
                <c:pt idx="175">
                  <c:v>1.9760406743464856</c:v>
                </c:pt>
                <c:pt idx="176">
                  <c:v>1.9793314287376009</c:v>
                </c:pt>
                <c:pt idx="177">
                  <c:v>1.979798561440689</c:v>
                </c:pt>
                <c:pt idx="178">
                  <c:v>1.9817840657126162</c:v>
                </c:pt>
                <c:pt idx="179">
                  <c:v>1.9835924128414177</c:v>
                </c:pt>
                <c:pt idx="180">
                  <c:v>1.9838223416665453</c:v>
                </c:pt>
                <c:pt idx="181">
                  <c:v>1.9846150664582098</c:v>
                </c:pt>
                <c:pt idx="182">
                  <c:v>1.9864003721888173</c:v>
                </c:pt>
                <c:pt idx="183">
                  <c:v>1.9856426791007382</c:v>
                </c:pt>
                <c:pt idx="184">
                  <c:v>1.9892674333684124</c:v>
                </c:pt>
                <c:pt idx="185">
                  <c:v>1.9866624235576535</c:v>
                </c:pt>
                <c:pt idx="186">
                  <c:v>1.9907201173177469</c:v>
                </c:pt>
                <c:pt idx="187">
                  <c:v>1.991388889035941</c:v>
                </c:pt>
                <c:pt idx="188">
                  <c:v>1.992192468218007</c:v>
                </c:pt>
                <c:pt idx="189">
                  <c:v>1.9935034616131999</c:v>
                </c:pt>
                <c:pt idx="190">
                  <c:v>1.9938029488546078</c:v>
                </c:pt>
                <c:pt idx="191">
                  <c:v>1.994091739022956</c:v>
                </c:pt>
                <c:pt idx="192">
                  <c:v>1.9933451574041161</c:v>
                </c:pt>
                <c:pt idx="193">
                  <c:v>1.9930784076418893</c:v>
                </c:pt>
                <c:pt idx="194">
                  <c:v>1.9938290570744317</c:v>
                </c:pt>
                <c:pt idx="195">
                  <c:v>1.9947836702713786</c:v>
                </c:pt>
                <c:pt idx="196">
                  <c:v>1.9953898080149803</c:v>
                </c:pt>
                <c:pt idx="197">
                  <c:v>1.9976594626074371</c:v>
                </c:pt>
                <c:pt idx="198">
                  <c:v>2.0014587838922253</c:v>
                </c:pt>
                <c:pt idx="199">
                  <c:v>2.0015597137997645</c:v>
                </c:pt>
                <c:pt idx="200">
                  <c:v>2.0025087158926644</c:v>
                </c:pt>
                <c:pt idx="201">
                  <c:v>2.0042238166241013</c:v>
                </c:pt>
                <c:pt idx="202">
                  <c:v>2.0073720074065888</c:v>
                </c:pt>
                <c:pt idx="203">
                  <c:v>2.0108313426983853</c:v>
                </c:pt>
                <c:pt idx="204">
                  <c:v>2.0104732684065199</c:v>
                </c:pt>
                <c:pt idx="205">
                  <c:v>2.0131985264033898</c:v>
                </c:pt>
                <c:pt idx="206">
                  <c:v>2.0179363198936553</c:v>
                </c:pt>
                <c:pt idx="207">
                  <c:v>2.0171527072557711</c:v>
                </c:pt>
                <c:pt idx="208">
                  <c:v>2.0177878855239251</c:v>
                </c:pt>
                <c:pt idx="209">
                  <c:v>2.0174868530358743</c:v>
                </c:pt>
                <c:pt idx="210">
                  <c:v>2.0161319856852051</c:v>
                </c:pt>
                <c:pt idx="211">
                  <c:v>2.0148102127081593</c:v>
                </c:pt>
                <c:pt idx="212">
                  <c:v>2.0146766257264472</c:v>
                </c:pt>
                <c:pt idx="213">
                  <c:v>2.0117321096455094</c:v>
                </c:pt>
                <c:pt idx="214">
                  <c:v>2.0107204142622837</c:v>
                </c:pt>
                <c:pt idx="215">
                  <c:v>2.0135473247303168</c:v>
                </c:pt>
                <c:pt idx="216">
                  <c:v>2.0127551310397607</c:v>
                </c:pt>
                <c:pt idx="217">
                  <c:v>2.0166776671663849</c:v>
                </c:pt>
                <c:pt idx="218">
                  <c:v>2.0179331239797365</c:v>
                </c:pt>
                <c:pt idx="219">
                  <c:v>2.0198581109983111</c:v>
                </c:pt>
                <c:pt idx="220">
                  <c:v>2.0235976936121447</c:v>
                </c:pt>
                <c:pt idx="221">
                  <c:v>2.0240120769425451</c:v>
                </c:pt>
                <c:pt idx="222">
                  <c:v>2.0275370014193035</c:v>
                </c:pt>
                <c:pt idx="223">
                  <c:v>2.0264220738880123</c:v>
                </c:pt>
                <c:pt idx="224">
                  <c:v>2.0258289263233604</c:v>
                </c:pt>
                <c:pt idx="225">
                  <c:v>2.0265746037534957</c:v>
                </c:pt>
                <c:pt idx="226">
                  <c:v>2.0300788784026338</c:v>
                </c:pt>
                <c:pt idx="227">
                  <c:v>2.033612557881364</c:v>
                </c:pt>
                <c:pt idx="228">
                  <c:v>2.0381834875526499</c:v>
                </c:pt>
                <c:pt idx="229">
                  <c:v>2.037790170633381</c:v>
                </c:pt>
                <c:pt idx="230">
                  <c:v>2.0419346328170964</c:v>
                </c:pt>
                <c:pt idx="231">
                  <c:v>2.0435396648096935</c:v>
                </c:pt>
                <c:pt idx="232">
                  <c:v>2.0451364204552753</c:v>
                </c:pt>
                <c:pt idx="233">
                  <c:v>2.043214433848231</c:v>
                </c:pt>
                <c:pt idx="234">
                  <c:v>2.0447380376562228</c:v>
                </c:pt>
                <c:pt idx="235">
                  <c:v>2.0429999430958188</c:v>
                </c:pt>
                <c:pt idx="236">
                  <c:v>2.0471343379659817</c:v>
                </c:pt>
                <c:pt idx="237">
                  <c:v>2.0469063604659214</c:v>
                </c:pt>
                <c:pt idx="238">
                  <c:v>2.0475814976166244</c:v>
                </c:pt>
                <c:pt idx="239">
                  <c:v>2.0482859093992682</c:v>
                </c:pt>
                <c:pt idx="240">
                  <c:v>2.049138686777535</c:v>
                </c:pt>
                <c:pt idx="241">
                  <c:v>2.0486189301324416</c:v>
                </c:pt>
                <c:pt idx="242">
                  <c:v>2.047699825196942</c:v>
                </c:pt>
                <c:pt idx="243">
                  <c:v>2.0485158730432809</c:v>
                </c:pt>
                <c:pt idx="244">
                  <c:v>2.0490174316277541</c:v>
                </c:pt>
                <c:pt idx="245">
                  <c:v>2.0464253216297439</c:v>
                </c:pt>
                <c:pt idx="246">
                  <c:v>2.0480346628365704</c:v>
                </c:pt>
                <c:pt idx="247">
                  <c:v>2.0465232862648151</c:v>
                </c:pt>
                <c:pt idx="248">
                  <c:v>2.0465080624127365</c:v>
                </c:pt>
                <c:pt idx="249">
                  <c:v>2.0479678717577579</c:v>
                </c:pt>
                <c:pt idx="250">
                  <c:v>2.0520492614339854</c:v>
                </c:pt>
                <c:pt idx="251">
                  <c:v>2.0542010437914038</c:v>
                </c:pt>
                <c:pt idx="252">
                  <c:v>2.0565041228285597</c:v>
                </c:pt>
                <c:pt idx="253">
                  <c:v>2.0592699591466253</c:v>
                </c:pt>
                <c:pt idx="254">
                  <c:v>2.0610169067544706</c:v>
                </c:pt>
                <c:pt idx="255">
                  <c:v>2.068755398768928</c:v>
                </c:pt>
                <c:pt idx="256">
                  <c:v>2.068526731060381</c:v>
                </c:pt>
                <c:pt idx="257">
                  <c:v>2.0709873120539091</c:v>
                </c:pt>
                <c:pt idx="258">
                  <c:v>2.073430997595278</c:v>
                </c:pt>
                <c:pt idx="259">
                  <c:v>2.0731433945042568</c:v>
                </c:pt>
                <c:pt idx="260">
                  <c:v>2.0765498884722504</c:v>
                </c:pt>
                <c:pt idx="261">
                  <c:v>2.0762005716442391</c:v>
                </c:pt>
                <c:pt idx="262">
                  <c:v>2.0765272829607153</c:v>
                </c:pt>
                <c:pt idx="263">
                  <c:v>2.0774509567616577</c:v>
                </c:pt>
                <c:pt idx="264">
                  <c:v>2.0785974778426528</c:v>
                </c:pt>
                <c:pt idx="265">
                  <c:v>2.0760215068864309</c:v>
                </c:pt>
                <c:pt idx="266">
                  <c:v>2.0777216059737103</c:v>
                </c:pt>
                <c:pt idx="267">
                  <c:v>2.078405356622139</c:v>
                </c:pt>
                <c:pt idx="268">
                  <c:v>2.0791924865630009</c:v>
                </c:pt>
                <c:pt idx="269">
                  <c:v>2.0827994824418226</c:v>
                </c:pt>
                <c:pt idx="270">
                  <c:v>2.0843879324376671</c:v>
                </c:pt>
                <c:pt idx="271">
                  <c:v>2.0846496024488688</c:v>
                </c:pt>
                <c:pt idx="272">
                  <c:v>2.08481857815682</c:v>
                </c:pt>
                <c:pt idx="273">
                  <c:v>2.086063594079282</c:v>
                </c:pt>
                <c:pt idx="274">
                  <c:v>2.0847511990376688</c:v>
                </c:pt>
                <c:pt idx="275">
                  <c:v>2.0828542567806911</c:v>
                </c:pt>
                <c:pt idx="276">
                  <c:v>2.0847905342243718</c:v>
                </c:pt>
                <c:pt idx="277">
                  <c:v>2.085840567028785</c:v>
                </c:pt>
                <c:pt idx="278">
                  <c:v>2.0923960391330896</c:v>
                </c:pt>
                <c:pt idx="279">
                  <c:v>2.0946863825176987</c:v>
                </c:pt>
                <c:pt idx="280">
                  <c:v>2.0971670730654104</c:v>
                </c:pt>
                <c:pt idx="281">
                  <c:v>2.1012643537066067</c:v>
                </c:pt>
                <c:pt idx="282">
                  <c:v>2.1057123685200896</c:v>
                </c:pt>
                <c:pt idx="283">
                  <c:v>2.1060998069542149</c:v>
                </c:pt>
                <c:pt idx="284">
                  <c:v>2.1058784990971722</c:v>
                </c:pt>
                <c:pt idx="285">
                  <c:v>2.1076046421956938</c:v>
                </c:pt>
                <c:pt idx="286">
                  <c:v>2.1062314559965105</c:v>
                </c:pt>
                <c:pt idx="287">
                  <c:v>2.1055563701972679</c:v>
                </c:pt>
                <c:pt idx="288">
                  <c:v>2.1079891319192248</c:v>
                </c:pt>
                <c:pt idx="289">
                  <c:v>2.1092632468768047</c:v>
                </c:pt>
                <c:pt idx="290">
                  <c:v>2.1093992138980031</c:v>
                </c:pt>
                <c:pt idx="291">
                  <c:v>2.1127714164158431</c:v>
                </c:pt>
                <c:pt idx="292">
                  <c:v>2.1160237854420956</c:v>
                </c:pt>
                <c:pt idx="293">
                  <c:v>2.1174917014159238</c:v>
                </c:pt>
                <c:pt idx="294">
                  <c:v>2.1175596454574461</c:v>
                </c:pt>
                <c:pt idx="295">
                  <c:v>2.113827245199738</c:v>
                </c:pt>
                <c:pt idx="296">
                  <c:v>2.1127215858989099</c:v>
                </c:pt>
                <c:pt idx="297">
                  <c:v>2.1133783572258968</c:v>
                </c:pt>
                <c:pt idx="298">
                  <c:v>2.1153062093116763</c:v>
                </c:pt>
                <c:pt idx="299">
                  <c:v>2.1175219148040889</c:v>
                </c:pt>
                <c:pt idx="300">
                  <c:v>2.1191848990859352</c:v>
                </c:pt>
                <c:pt idx="301">
                  <c:v>2.1253030458952269</c:v>
                </c:pt>
                <c:pt idx="302">
                  <c:v>2.1301964829065345</c:v>
                </c:pt>
                <c:pt idx="303">
                  <c:v>2.1330709858674055</c:v>
                </c:pt>
                <c:pt idx="304">
                  <c:v>2.1338219760946502</c:v>
                </c:pt>
                <c:pt idx="305">
                  <c:v>2.1363258791039899</c:v>
                </c:pt>
                <c:pt idx="306">
                  <c:v>2.1391621504344065</c:v>
                </c:pt>
                <c:pt idx="307">
                  <c:v>2.1377797209352378</c:v>
                </c:pt>
                <c:pt idx="308">
                  <c:v>2.1394973413915208</c:v>
                </c:pt>
                <c:pt idx="309">
                  <c:v>2.1409424921155025</c:v>
                </c:pt>
                <c:pt idx="310">
                  <c:v>2.1385472587187846</c:v>
                </c:pt>
                <c:pt idx="311">
                  <c:v>2.1394386734396513</c:v>
                </c:pt>
                <c:pt idx="312">
                  <c:v>2.1402837399187016</c:v>
                </c:pt>
                <c:pt idx="313">
                  <c:v>2.1426722431488132</c:v>
                </c:pt>
                <c:pt idx="314">
                  <c:v>2.1467099364812117</c:v>
                </c:pt>
                <c:pt idx="315">
                  <c:v>2.1499184488361647</c:v>
                </c:pt>
                <c:pt idx="316">
                  <c:v>2.1489764838401166</c:v>
                </c:pt>
                <c:pt idx="317">
                  <c:v>2.147783897367709</c:v>
                </c:pt>
                <c:pt idx="318">
                  <c:v>2.1498016213932973</c:v>
                </c:pt>
                <c:pt idx="319">
                  <c:v>2.1512583413865021</c:v>
                </c:pt>
                <c:pt idx="320">
                  <c:v>2.1516504563406431</c:v>
                </c:pt>
                <c:pt idx="321">
                  <c:v>2.1529566204080557</c:v>
                </c:pt>
                <c:pt idx="322">
                  <c:v>2.1534763730099833</c:v>
                </c:pt>
                <c:pt idx="323">
                  <c:v>2.1535573895296642</c:v>
                </c:pt>
                <c:pt idx="324">
                  <c:v>2.1530272608101275</c:v>
                </c:pt>
                <c:pt idx="325">
                  <c:v>2.1521216791305458</c:v>
                </c:pt>
                <c:pt idx="326">
                  <c:v>2.1548499198184712</c:v>
                </c:pt>
                <c:pt idx="327">
                  <c:v>2.154976394296201</c:v>
                </c:pt>
                <c:pt idx="328">
                  <c:v>2.158526247149064</c:v>
                </c:pt>
                <c:pt idx="329">
                  <c:v>2.1595811526773909</c:v>
                </c:pt>
                <c:pt idx="330">
                  <c:v>2.1620895527018269</c:v>
                </c:pt>
                <c:pt idx="331">
                  <c:v>2.1643667197075125</c:v>
                </c:pt>
                <c:pt idx="332">
                  <c:v>2.1695638490689437</c:v>
                </c:pt>
                <c:pt idx="333">
                  <c:v>2.1700299859834704</c:v>
                </c:pt>
                <c:pt idx="334">
                  <c:v>2.1676975583372138</c:v>
                </c:pt>
                <c:pt idx="335">
                  <c:v>2.1661562716728819</c:v>
                </c:pt>
                <c:pt idx="336">
                  <c:v>2.167590253762357</c:v>
                </c:pt>
                <c:pt idx="337">
                  <c:v>2.1701886426407753</c:v>
                </c:pt>
                <c:pt idx="338">
                  <c:v>2.1751775561813611</c:v>
                </c:pt>
                <c:pt idx="339">
                  <c:v>2.1768530990942669</c:v>
                </c:pt>
                <c:pt idx="340">
                  <c:v>2.1790951918198713</c:v>
                </c:pt>
                <c:pt idx="341">
                  <c:v>2.1823782261829865</c:v>
                </c:pt>
                <c:pt idx="342">
                  <c:v>2.1823852478803465</c:v>
                </c:pt>
                <c:pt idx="343">
                  <c:v>2.1801937193410046</c:v>
                </c:pt>
                <c:pt idx="344">
                  <c:v>2.1811404419142537</c:v>
                </c:pt>
                <c:pt idx="345">
                  <c:v>2.1828185279947974</c:v>
                </c:pt>
                <c:pt idx="346">
                  <c:v>2.1833851104206943</c:v>
                </c:pt>
                <c:pt idx="347">
                  <c:v>2.1842765929511465</c:v>
                </c:pt>
                <c:pt idx="348">
                  <c:v>2.1834670715288782</c:v>
                </c:pt>
                <c:pt idx="349">
                  <c:v>2.1852185223435074</c:v>
                </c:pt>
                <c:pt idx="350">
                  <c:v>2.186825836019032</c:v>
                </c:pt>
                <c:pt idx="351">
                  <c:v>2.1892356509290352</c:v>
                </c:pt>
                <c:pt idx="352">
                  <c:v>2.195126692399004</c:v>
                </c:pt>
                <c:pt idx="353">
                  <c:v>2.1945895418363697</c:v>
                </c:pt>
                <c:pt idx="354">
                  <c:v>2.1956377575177966</c:v>
                </c:pt>
                <c:pt idx="355">
                  <c:v>2.1977878646619167</c:v>
                </c:pt>
                <c:pt idx="356">
                  <c:v>2.1978992627149032</c:v>
                </c:pt>
                <c:pt idx="357">
                  <c:v>2.1980972335227098</c:v>
                </c:pt>
                <c:pt idx="358">
                  <c:v>2.201304239990896</c:v>
                </c:pt>
                <c:pt idx="359">
                  <c:v>2.2050789935926809</c:v>
                </c:pt>
                <c:pt idx="360">
                  <c:v>2.2071497732328904</c:v>
                </c:pt>
                <c:pt idx="361">
                  <c:v>2.2096547806863178</c:v>
                </c:pt>
                <c:pt idx="362">
                  <c:v>2.2103431465315739</c:v>
                </c:pt>
                <c:pt idx="363">
                  <c:v>2.2130987163910167</c:v>
                </c:pt>
                <c:pt idx="364">
                  <c:v>2.2168409430518716</c:v>
                </c:pt>
                <c:pt idx="365">
                  <c:v>2.2168141972360131</c:v>
                </c:pt>
                <c:pt idx="366">
                  <c:v>2.2182946370583525</c:v>
                </c:pt>
                <c:pt idx="367">
                  <c:v>2.218814386103142</c:v>
                </c:pt>
                <c:pt idx="368">
                  <c:v>2.2193645618655626</c:v>
                </c:pt>
                <c:pt idx="369">
                  <c:v>2.2197995505025743</c:v>
                </c:pt>
                <c:pt idx="370">
                  <c:v>2.2198498827033246</c:v>
                </c:pt>
                <c:pt idx="371">
                  <c:v>2.2240248262714912</c:v>
                </c:pt>
                <c:pt idx="372">
                  <c:v>2.2232470415212728</c:v>
                </c:pt>
                <c:pt idx="373">
                  <c:v>2.2221850333508382</c:v>
                </c:pt>
                <c:pt idx="374">
                  <c:v>2.2215173470543279</c:v>
                </c:pt>
                <c:pt idx="375">
                  <c:v>2.2248731262345025</c:v>
                </c:pt>
                <c:pt idx="376">
                  <c:v>2.2255526916077089</c:v>
                </c:pt>
                <c:pt idx="377">
                  <c:v>2.2269013972830995</c:v>
                </c:pt>
                <c:pt idx="378">
                  <c:v>2.2314171156738807</c:v>
                </c:pt>
                <c:pt idx="379">
                  <c:v>2.235653875927079</c:v>
                </c:pt>
                <c:pt idx="380">
                  <c:v>2.2371008836739663</c:v>
                </c:pt>
                <c:pt idx="381">
                  <c:v>2.2398780440054145</c:v>
                </c:pt>
                <c:pt idx="382">
                  <c:v>2.2421009403960315</c:v>
                </c:pt>
                <c:pt idx="383">
                  <c:v>2.245868103663772</c:v>
                </c:pt>
                <c:pt idx="384">
                  <c:v>2.2462141207249369</c:v>
                </c:pt>
                <c:pt idx="385">
                  <c:v>2.246813385192254</c:v>
                </c:pt>
                <c:pt idx="386">
                  <c:v>2.2507842939521083</c:v>
                </c:pt>
                <c:pt idx="387">
                  <c:v>2.2563308469432797</c:v>
                </c:pt>
                <c:pt idx="388">
                  <c:v>2.2577393999131834</c:v>
                </c:pt>
                <c:pt idx="389">
                  <c:v>2.2559084776100207</c:v>
                </c:pt>
                <c:pt idx="390">
                  <c:v>2.2560294662731177</c:v>
                </c:pt>
                <c:pt idx="391">
                  <c:v>2.2564378205653171</c:v>
                </c:pt>
                <c:pt idx="392">
                  <c:v>2.2589733577733435</c:v>
                </c:pt>
                <c:pt idx="393">
                  <c:v>2.2564698582881593</c:v>
                </c:pt>
                <c:pt idx="394">
                  <c:v>2.2599800563739936</c:v>
                </c:pt>
                <c:pt idx="395">
                  <c:v>2.2611198150350922</c:v>
                </c:pt>
                <c:pt idx="396">
                  <c:v>2.2633185999831733</c:v>
                </c:pt>
                <c:pt idx="397">
                  <c:v>2.2601635102210862</c:v>
                </c:pt>
                <c:pt idx="398">
                  <c:v>2.2596895010872946</c:v>
                </c:pt>
                <c:pt idx="399">
                  <c:v>2.2601845876583995</c:v>
                </c:pt>
                <c:pt idx="400">
                  <c:v>2.2633586271555375</c:v>
                </c:pt>
                <c:pt idx="401">
                  <c:v>2.2606112877859932</c:v>
                </c:pt>
                <c:pt idx="402">
                  <c:v>2.2671787764717246</c:v>
                </c:pt>
                <c:pt idx="403">
                  <c:v>2.2675656373208639</c:v>
                </c:pt>
                <c:pt idx="404">
                  <c:v>2.2725928321381978</c:v>
                </c:pt>
                <c:pt idx="405">
                  <c:v>2.2771536093699045</c:v>
                </c:pt>
                <c:pt idx="406">
                  <c:v>2.2809160641250976</c:v>
                </c:pt>
                <c:pt idx="407">
                  <c:v>2.2832974311238847</c:v>
                </c:pt>
                <c:pt idx="408">
                  <c:v>2.2843846567681174</c:v>
                </c:pt>
                <c:pt idx="409">
                  <c:v>2.283666729822635</c:v>
                </c:pt>
                <c:pt idx="410">
                  <c:v>2.2849991580955273</c:v>
                </c:pt>
                <c:pt idx="411">
                  <c:v>2.2875728075841155</c:v>
                </c:pt>
                <c:pt idx="412">
                  <c:v>2.2908411719525632</c:v>
                </c:pt>
                <c:pt idx="413">
                  <c:v>2.2987451988638528</c:v>
                </c:pt>
                <c:pt idx="414">
                  <c:v>2.3018025193591956</c:v>
                </c:pt>
                <c:pt idx="415">
                  <c:v>2.3016318029353684</c:v>
                </c:pt>
                <c:pt idx="416">
                  <c:v>2.3025710777736297</c:v>
                </c:pt>
                <c:pt idx="417">
                  <c:v>2.3010464250565472</c:v>
                </c:pt>
                <c:pt idx="418">
                  <c:v>2.2973772475727992</c:v>
                </c:pt>
                <c:pt idx="419">
                  <c:v>2.3005401291960506</c:v>
                </c:pt>
                <c:pt idx="420">
                  <c:v>2.3006201939693884</c:v>
                </c:pt>
                <c:pt idx="421">
                  <c:v>2.3018032637606223</c:v>
                </c:pt>
                <c:pt idx="422">
                  <c:v>2.3050220991920614</c:v>
                </c:pt>
                <c:pt idx="423">
                  <c:v>2.3054203751638833</c:v>
                </c:pt>
                <c:pt idx="424">
                  <c:v>2.3090522719514128</c:v>
                </c:pt>
                <c:pt idx="425">
                  <c:v>2.3084841661800803</c:v>
                </c:pt>
                <c:pt idx="426">
                  <c:v>2.3125320588322889</c:v>
                </c:pt>
                <c:pt idx="427">
                  <c:v>2.3123218813335642</c:v>
                </c:pt>
                <c:pt idx="428">
                  <c:v>2.3161895522252172</c:v>
                </c:pt>
                <c:pt idx="429">
                  <c:v>2.3118855420431381</c:v>
                </c:pt>
                <c:pt idx="430">
                  <c:v>2.3102016471219118</c:v>
                </c:pt>
                <c:pt idx="431">
                  <c:v>2.3136522620094246</c:v>
                </c:pt>
                <c:pt idx="432">
                  <c:v>2.3138927438037085</c:v>
                </c:pt>
                <c:pt idx="433">
                  <c:v>2.3161265075926205</c:v>
                </c:pt>
                <c:pt idx="434">
                  <c:v>2.3161075494574734</c:v>
                </c:pt>
                <c:pt idx="435">
                  <c:v>2.3192785258673334</c:v>
                </c:pt>
                <c:pt idx="436">
                  <c:v>2.3228929271255123</c:v>
                </c:pt>
                <c:pt idx="437">
                  <c:v>2.3256787515342996</c:v>
                </c:pt>
                <c:pt idx="438">
                  <c:v>2.3323616070324582</c:v>
                </c:pt>
                <c:pt idx="439">
                  <c:v>2.3384453530841798</c:v>
                </c:pt>
                <c:pt idx="440">
                  <c:v>2.3420844153386184</c:v>
                </c:pt>
                <c:pt idx="441">
                  <c:v>2.3404720964618035</c:v>
                </c:pt>
                <c:pt idx="442">
                  <c:v>2.3426812134617863</c:v>
                </c:pt>
                <c:pt idx="443">
                  <c:v>2.3405160164812457</c:v>
                </c:pt>
                <c:pt idx="444">
                  <c:v>2.346218983769786</c:v>
                </c:pt>
                <c:pt idx="445">
                  <c:v>2.3472993446501902</c:v>
                </c:pt>
                <c:pt idx="446">
                  <c:v>2.3469395708507723</c:v>
                </c:pt>
                <c:pt idx="447">
                  <c:v>2.3489791484260598</c:v>
                </c:pt>
                <c:pt idx="448">
                  <c:v>2.3487086903194214</c:v>
                </c:pt>
                <c:pt idx="449">
                  <c:v>2.3519771296266878</c:v>
                </c:pt>
                <c:pt idx="450">
                  <c:v>2.355627396301387</c:v>
                </c:pt>
                <c:pt idx="451">
                  <c:v>2.3551786433252189</c:v>
                </c:pt>
                <c:pt idx="452">
                  <c:v>2.354692653384916</c:v>
                </c:pt>
                <c:pt idx="453">
                  <c:v>2.3581509806779111</c:v>
                </c:pt>
                <c:pt idx="454">
                  <c:v>2.3576434616817652</c:v>
                </c:pt>
                <c:pt idx="455">
                  <c:v>2.3642470112536236</c:v>
                </c:pt>
                <c:pt idx="456">
                  <c:v>2.3634504826633069</c:v>
                </c:pt>
                <c:pt idx="457">
                  <c:v>2.3672177205466154</c:v>
                </c:pt>
                <c:pt idx="458">
                  <c:v>2.365256407187188</c:v>
                </c:pt>
                <c:pt idx="459">
                  <c:v>2.3696828096101172</c:v>
                </c:pt>
                <c:pt idx="460">
                  <c:v>2.3661597169692574</c:v>
                </c:pt>
                <c:pt idx="461">
                  <c:v>2.3692918260973439</c:v>
                </c:pt>
                <c:pt idx="462">
                  <c:v>2.3678132707937642</c:v>
                </c:pt>
                <c:pt idx="463">
                  <c:v>2.3677605732298521</c:v>
                </c:pt>
                <c:pt idx="464">
                  <c:v>2.3724549579234226</c:v>
                </c:pt>
                <c:pt idx="465">
                  <c:v>2.3756177121818407</c:v>
                </c:pt>
                <c:pt idx="466">
                  <c:v>2.3768696098276898</c:v>
                </c:pt>
                <c:pt idx="467">
                  <c:v>2.3810370565619765</c:v>
                </c:pt>
                <c:pt idx="468">
                  <c:v>2.380495674675311</c:v>
                </c:pt>
                <c:pt idx="469">
                  <c:v>2.3867898110688603</c:v>
                </c:pt>
                <c:pt idx="470">
                  <c:v>2.3867114942927921</c:v>
                </c:pt>
                <c:pt idx="471">
                  <c:v>2.3868977971045422</c:v>
                </c:pt>
                <c:pt idx="472">
                  <c:v>2.3846980498301549</c:v>
                </c:pt>
                <c:pt idx="473">
                  <c:v>2.3879516600942567</c:v>
                </c:pt>
                <c:pt idx="474">
                  <c:v>2.3865868901104044</c:v>
                </c:pt>
                <c:pt idx="475">
                  <c:v>2.3937225744854054</c:v>
                </c:pt>
                <c:pt idx="476">
                  <c:v>2.3922904809131702</c:v>
                </c:pt>
                <c:pt idx="477">
                  <c:v>2.3964740024457445</c:v>
                </c:pt>
                <c:pt idx="478">
                  <c:v>2.3977647997440776</c:v>
                </c:pt>
                <c:pt idx="479">
                  <c:v>2.4031560721222474</c:v>
                </c:pt>
                <c:pt idx="480">
                  <c:v>2.4017474767571869</c:v>
                </c:pt>
                <c:pt idx="481">
                  <c:v>2.4003408588131685</c:v>
                </c:pt>
                <c:pt idx="482">
                  <c:v>2.4005052832296023</c:v>
                </c:pt>
                <c:pt idx="483">
                  <c:v>2.4014630792271654</c:v>
                </c:pt>
                <c:pt idx="484">
                  <c:v>2.4079951466398049</c:v>
                </c:pt>
                <c:pt idx="485">
                  <c:v>2.4086973079490095</c:v>
                </c:pt>
                <c:pt idx="486">
                  <c:v>2.4103567462950974</c:v>
                </c:pt>
                <c:pt idx="487">
                  <c:v>2.4133902486766794</c:v>
                </c:pt>
                <c:pt idx="488">
                  <c:v>2.4139647290363189</c:v>
                </c:pt>
                <c:pt idx="489">
                  <c:v>2.4151595652636</c:v>
                </c:pt>
                <c:pt idx="490">
                  <c:v>2.4136323100212609</c:v>
                </c:pt>
                <c:pt idx="491">
                  <c:v>2.4142680018908003</c:v>
                </c:pt>
                <c:pt idx="492">
                  <c:v>2.4175323241237239</c:v>
                </c:pt>
                <c:pt idx="493">
                  <c:v>2.4224767703329761</c:v>
                </c:pt>
                <c:pt idx="494">
                  <c:v>2.4230876256892819</c:v>
                </c:pt>
                <c:pt idx="495">
                  <c:v>2.4243354657203215</c:v>
                </c:pt>
                <c:pt idx="496">
                  <c:v>2.4276575042809481</c:v>
                </c:pt>
                <c:pt idx="497">
                  <c:v>2.4343742476260881</c:v>
                </c:pt>
                <c:pt idx="498">
                  <c:v>2.4302720139234015</c:v>
                </c:pt>
                <c:pt idx="499">
                  <c:v>2.4321691446336007</c:v>
                </c:pt>
                <c:pt idx="500">
                  <c:v>2.4339321560925273</c:v>
                </c:pt>
                <c:pt idx="501">
                  <c:v>2.4334726503937905</c:v>
                </c:pt>
                <c:pt idx="502">
                  <c:v>2.4312733454551103</c:v>
                </c:pt>
                <c:pt idx="503">
                  <c:v>2.4331710891643419</c:v>
                </c:pt>
                <c:pt idx="504">
                  <c:v>2.4347749712179412</c:v>
                </c:pt>
                <c:pt idx="505">
                  <c:v>2.4461723059295366</c:v>
                </c:pt>
                <c:pt idx="506">
                  <c:v>2.4464312943510156</c:v>
                </c:pt>
                <c:pt idx="507">
                  <c:v>2.4505386721144684</c:v>
                </c:pt>
                <c:pt idx="508">
                  <c:v>2.4520440526551508</c:v>
                </c:pt>
                <c:pt idx="509">
                  <c:v>2.4536637827048087</c:v>
                </c:pt>
                <c:pt idx="510">
                  <c:v>2.4554847755998144</c:v>
                </c:pt>
                <c:pt idx="511">
                  <c:v>2.4579835261006644</c:v>
                </c:pt>
                <c:pt idx="512">
                  <c:v>2.4568358805048383</c:v>
                </c:pt>
                <c:pt idx="513">
                  <c:v>2.4596737305917493</c:v>
                </c:pt>
                <c:pt idx="514">
                  <c:v>2.4634214274262831</c:v>
                </c:pt>
                <c:pt idx="515">
                  <c:v>2.4663161626796528</c:v>
                </c:pt>
                <c:pt idx="516">
                  <c:v>2.4723800393546482</c:v>
                </c:pt>
                <c:pt idx="517">
                  <c:v>2.4725095684639058</c:v>
                </c:pt>
                <c:pt idx="518">
                  <c:v>2.4729872694171173</c:v>
                </c:pt>
                <c:pt idx="519">
                  <c:v>2.475119110161883</c:v>
                </c:pt>
                <c:pt idx="520">
                  <c:v>2.4751676290976401</c:v>
                </c:pt>
                <c:pt idx="521">
                  <c:v>2.4732941866087872</c:v>
                </c:pt>
                <c:pt idx="522">
                  <c:v>2.4737613611447702</c:v>
                </c:pt>
                <c:pt idx="523">
                  <c:v>2.4753621102122945</c:v>
                </c:pt>
                <c:pt idx="524">
                  <c:v>2.4789420250426959</c:v>
                </c:pt>
                <c:pt idx="525">
                  <c:v>2.482909217134269</c:v>
                </c:pt>
                <c:pt idx="526">
                  <c:v>2.483635554649295</c:v>
                </c:pt>
                <c:pt idx="527">
                  <c:v>2.491582465841351</c:v>
                </c:pt>
                <c:pt idx="528">
                  <c:v>2.4898316439863746</c:v>
                </c:pt>
                <c:pt idx="529">
                  <c:v>2.4913040212528439</c:v>
                </c:pt>
                <c:pt idx="530">
                  <c:v>2.4912788455590285</c:v>
                </c:pt>
                <c:pt idx="531">
                  <c:v>2.491221471037171</c:v>
                </c:pt>
                <c:pt idx="532">
                  <c:v>2.4910941618321014</c:v>
                </c:pt>
                <c:pt idx="533">
                  <c:v>2.4899132496124827</c:v>
                </c:pt>
                <c:pt idx="534">
                  <c:v>2.4935028270424868</c:v>
                </c:pt>
                <c:pt idx="535">
                  <c:v>2.4989703186448207</c:v>
                </c:pt>
                <c:pt idx="536">
                  <c:v>2.5029144098659453</c:v>
                </c:pt>
                <c:pt idx="537">
                  <c:v>2.5098549585412835</c:v>
                </c:pt>
                <c:pt idx="538">
                  <c:v>2.5130525399178647</c:v>
                </c:pt>
                <c:pt idx="539">
                  <c:v>2.5151203860410853</c:v>
                </c:pt>
                <c:pt idx="540">
                  <c:v>2.5098110519900052</c:v>
                </c:pt>
                <c:pt idx="541">
                  <c:v>2.5076900158977411</c:v>
                </c:pt>
                <c:pt idx="542">
                  <c:v>2.510538524079521</c:v>
                </c:pt>
                <c:pt idx="543">
                  <c:v>2.5139492994552963</c:v>
                </c:pt>
                <c:pt idx="544">
                  <c:v>2.5129700590543851</c:v>
                </c:pt>
                <c:pt idx="545">
                  <c:v>2.5143981478597062</c:v>
                </c:pt>
                <c:pt idx="546">
                  <c:v>2.5147003092718228</c:v>
                </c:pt>
                <c:pt idx="547">
                  <c:v>2.5186184354219314</c:v>
                </c:pt>
                <c:pt idx="548">
                  <c:v>2.5156944489238091</c:v>
                </c:pt>
                <c:pt idx="549">
                  <c:v>2.5161575825121636</c:v>
                </c:pt>
                <c:pt idx="550">
                  <c:v>2.5148910180508808</c:v>
                </c:pt>
                <c:pt idx="551">
                  <c:v>2.5152810986018048</c:v>
                </c:pt>
                <c:pt idx="552">
                  <c:v>2.5204823073562528</c:v>
                </c:pt>
                <c:pt idx="553">
                  <c:v>2.5213830744452062</c:v>
                </c:pt>
                <c:pt idx="554">
                  <c:v>2.5281526226194231</c:v>
                </c:pt>
                <c:pt idx="555">
                  <c:v>2.5301575374408301</c:v>
                </c:pt>
                <c:pt idx="556">
                  <c:v>2.5296972709891623</c:v>
                </c:pt>
                <c:pt idx="557">
                  <c:v>2.5346027759914342</c:v>
                </c:pt>
                <c:pt idx="558">
                  <c:v>2.5383028755269121</c:v>
                </c:pt>
                <c:pt idx="559">
                  <c:v>2.5355509541103665</c:v>
                </c:pt>
                <c:pt idx="560">
                  <c:v>2.5416578747874161</c:v>
                </c:pt>
                <c:pt idx="561">
                  <c:v>2.5464499432417944</c:v>
                </c:pt>
                <c:pt idx="562">
                  <c:v>2.5490125185969625</c:v>
                </c:pt>
                <c:pt idx="563">
                  <c:v>2.5516182524754352</c:v>
                </c:pt>
                <c:pt idx="564">
                  <c:v>2.5510829218329323</c:v>
                </c:pt>
                <c:pt idx="565">
                  <c:v>2.5547484632153186</c:v>
                </c:pt>
                <c:pt idx="566">
                  <c:v>2.5557179606669576</c:v>
                </c:pt>
                <c:pt idx="567">
                  <c:v>2.5566026033798415</c:v>
                </c:pt>
                <c:pt idx="568">
                  <c:v>2.5640901692447806</c:v>
                </c:pt>
                <c:pt idx="569">
                  <c:v>2.5643373892206132</c:v>
                </c:pt>
                <c:pt idx="570">
                  <c:v>2.5674559482566255</c:v>
                </c:pt>
                <c:pt idx="571">
                  <c:v>2.5704733460624114</c:v>
                </c:pt>
                <c:pt idx="572">
                  <c:v>2.5702107983996223</c:v>
                </c:pt>
                <c:pt idx="573">
                  <c:v>2.5705656147736424</c:v>
                </c:pt>
                <c:pt idx="574">
                  <c:v>2.5708333104625862</c:v>
                </c:pt>
                <c:pt idx="575">
                  <c:v>2.5742081175705587</c:v>
                </c:pt>
                <c:pt idx="576">
                  <c:v>2.5757985854533842</c:v>
                </c:pt>
                <c:pt idx="577">
                  <c:v>2.5831160451955215</c:v>
                </c:pt>
                <c:pt idx="578">
                  <c:v>2.5845554890244355</c:v>
                </c:pt>
                <c:pt idx="579">
                  <c:v>2.5825659291922927</c:v>
                </c:pt>
                <c:pt idx="580">
                  <c:v>2.5826176520932922</c:v>
                </c:pt>
                <c:pt idx="581">
                  <c:v>2.5875260280739485</c:v>
                </c:pt>
                <c:pt idx="582">
                  <c:v>2.5897901727029922</c:v>
                </c:pt>
                <c:pt idx="583">
                  <c:v>2.591546047241144</c:v>
                </c:pt>
                <c:pt idx="584">
                  <c:v>2.6017913516777176</c:v>
                </c:pt>
                <c:pt idx="585">
                  <c:v>2.6047441868788077</c:v>
                </c:pt>
                <c:pt idx="586">
                  <c:v>2.6059984492664707</c:v>
                </c:pt>
                <c:pt idx="587">
                  <c:v>2.6085203129374137</c:v>
                </c:pt>
                <c:pt idx="588">
                  <c:v>2.6125861691578143</c:v>
                </c:pt>
                <c:pt idx="589">
                  <c:v>2.6080862578724284</c:v>
                </c:pt>
                <c:pt idx="590">
                  <c:v>2.6128218199670541</c:v>
                </c:pt>
                <c:pt idx="591">
                  <c:v>2.619874471882186</c:v>
                </c:pt>
                <c:pt idx="592">
                  <c:v>2.6185080033047226</c:v>
                </c:pt>
                <c:pt idx="593">
                  <c:v>2.6256184020741786</c:v>
                </c:pt>
                <c:pt idx="594">
                  <c:v>2.6229426750535838</c:v>
                </c:pt>
                <c:pt idx="595">
                  <c:v>2.6323385830640547</c:v>
                </c:pt>
                <c:pt idx="596">
                  <c:v>2.6327854996235414</c:v>
                </c:pt>
                <c:pt idx="597">
                  <c:v>2.6403447676001344</c:v>
                </c:pt>
                <c:pt idx="598">
                  <c:v>2.6369957559316743</c:v>
                </c:pt>
                <c:pt idx="599">
                  <c:v>2.6400058773773076</c:v>
                </c:pt>
                <c:pt idx="600">
                  <c:v>2.6388005999186297</c:v>
                </c:pt>
                <c:pt idx="601">
                  <c:v>2.6425783106616421</c:v>
                </c:pt>
                <c:pt idx="602">
                  <c:v>2.6464340338138417</c:v>
                </c:pt>
                <c:pt idx="603">
                  <c:v>2.6552624106703777</c:v>
                </c:pt>
                <c:pt idx="604">
                  <c:v>2.6548633272022322</c:v>
                </c:pt>
                <c:pt idx="605">
                  <c:v>2.6539457484657558</c:v>
                </c:pt>
                <c:pt idx="606">
                  <c:v>2.6540133435021045</c:v>
                </c:pt>
                <c:pt idx="607">
                  <c:v>2.6581704293352484</c:v>
                </c:pt>
                <c:pt idx="608">
                  <c:v>2.6604501671838978</c:v>
                </c:pt>
                <c:pt idx="609">
                  <c:v>2.6634668912902626</c:v>
                </c:pt>
                <c:pt idx="610">
                  <c:v>2.6649179119213029</c:v>
                </c:pt>
                <c:pt idx="611">
                  <c:v>2.6698012651431617</c:v>
                </c:pt>
                <c:pt idx="612">
                  <c:v>2.6767092765952554</c:v>
                </c:pt>
                <c:pt idx="613">
                  <c:v>2.6781949485432768</c:v>
                </c:pt>
                <c:pt idx="614">
                  <c:v>2.6787415800782077</c:v>
                </c:pt>
                <c:pt idx="615">
                  <c:v>2.6793709259181724</c:v>
                </c:pt>
                <c:pt idx="616">
                  <c:v>2.6805249296799314</c:v>
                </c:pt>
                <c:pt idx="617">
                  <c:v>2.688189234987223</c:v>
                </c:pt>
                <c:pt idx="618">
                  <c:v>2.6880600569427386</c:v>
                </c:pt>
                <c:pt idx="619">
                  <c:v>2.6936541411070181</c:v>
                </c:pt>
                <c:pt idx="620">
                  <c:v>2.6971320855742738</c:v>
                </c:pt>
                <c:pt idx="621">
                  <c:v>2.7007784138619124</c:v>
                </c:pt>
                <c:pt idx="622">
                  <c:v>2.7044340966705511</c:v>
                </c:pt>
                <c:pt idx="623">
                  <c:v>2.7024149784293221</c:v>
                </c:pt>
                <c:pt idx="624">
                  <c:v>2.698095591683122</c:v>
                </c:pt>
                <c:pt idx="625">
                  <c:v>2.7001406645948545</c:v>
                </c:pt>
                <c:pt idx="626">
                  <c:v>2.7046108835921987</c:v>
                </c:pt>
                <c:pt idx="627">
                  <c:v>2.7033662474337596</c:v>
                </c:pt>
                <c:pt idx="628">
                  <c:v>2.7002948422623247</c:v>
                </c:pt>
                <c:pt idx="629">
                  <c:v>2.7021576137446752</c:v>
                </c:pt>
                <c:pt idx="630">
                  <c:v>2.7080917023632645</c:v>
                </c:pt>
                <c:pt idx="631">
                  <c:v>2.7057299851970065</c:v>
                </c:pt>
                <c:pt idx="632">
                  <c:v>2.7106375171830646</c:v>
                </c:pt>
                <c:pt idx="633">
                  <c:v>2.7135543254534737</c:v>
                </c:pt>
                <c:pt idx="634">
                  <c:v>2.7127890284269736</c:v>
                </c:pt>
                <c:pt idx="635">
                  <c:v>2.7183999160337398</c:v>
                </c:pt>
                <c:pt idx="636">
                  <c:v>2.7225168720061133</c:v>
                </c:pt>
                <c:pt idx="637">
                  <c:v>2.7281947439321357</c:v>
                </c:pt>
                <c:pt idx="638">
                  <c:v>2.7310567275480349</c:v>
                </c:pt>
                <c:pt idx="639">
                  <c:v>2.7353146187199542</c:v>
                </c:pt>
                <c:pt idx="640">
                  <c:v>2.7341430311879145</c:v>
                </c:pt>
                <c:pt idx="641">
                  <c:v>2.7333606438271714</c:v>
                </c:pt>
                <c:pt idx="642">
                  <c:v>2.7367080135543889</c:v>
                </c:pt>
                <c:pt idx="643">
                  <c:v>2.742665887748732</c:v>
                </c:pt>
                <c:pt idx="644">
                  <c:v>2.7455551401549565</c:v>
                </c:pt>
                <c:pt idx="645">
                  <c:v>2.7482788824055997</c:v>
                </c:pt>
                <c:pt idx="646">
                  <c:v>2.7491528241311487</c:v>
                </c:pt>
                <c:pt idx="647">
                  <c:v>2.7501883395309048</c:v>
                </c:pt>
                <c:pt idx="648">
                  <c:v>2.7510216316541118</c:v>
                </c:pt>
                <c:pt idx="649">
                  <c:v>2.7551903482525089</c:v>
                </c:pt>
                <c:pt idx="650">
                  <c:v>2.7576106642771152</c:v>
                </c:pt>
                <c:pt idx="651">
                  <c:v>2.7602943612938016</c:v>
                </c:pt>
                <c:pt idx="652">
                  <c:v>2.7629777991457427</c:v>
                </c:pt>
                <c:pt idx="653">
                  <c:v>2.7660903207560303</c:v>
                </c:pt>
                <c:pt idx="654">
                  <c:v>2.7700269922532401</c:v>
                </c:pt>
                <c:pt idx="655">
                  <c:v>2.7688391967331354</c:v>
                </c:pt>
                <c:pt idx="656">
                  <c:v>2.7700764574489107</c:v>
                </c:pt>
                <c:pt idx="657">
                  <c:v>2.7706227583614784</c:v>
                </c:pt>
                <c:pt idx="658">
                  <c:v>2.7735221017588967</c:v>
                </c:pt>
                <c:pt idx="659">
                  <c:v>2.7762675180282059</c:v>
                </c:pt>
                <c:pt idx="660">
                  <c:v>2.779217191966072</c:v>
                </c:pt>
                <c:pt idx="661">
                  <c:v>2.783360921338772</c:v>
                </c:pt>
                <c:pt idx="662">
                  <c:v>2.7851143969235608</c:v>
                </c:pt>
                <c:pt idx="663">
                  <c:v>2.7890875197687075</c:v>
                </c:pt>
                <c:pt idx="664">
                  <c:v>2.7913799553105845</c:v>
                </c:pt>
                <c:pt idx="665">
                  <c:v>2.7940829650479517</c:v>
                </c:pt>
                <c:pt idx="666">
                  <c:v>2.7966479156655506</c:v>
                </c:pt>
                <c:pt idx="667">
                  <c:v>2.7982902760678621</c:v>
                </c:pt>
                <c:pt idx="668">
                  <c:v>2.8030572411158388</c:v>
                </c:pt>
                <c:pt idx="669">
                  <c:v>2.8042691660996462</c:v>
                </c:pt>
                <c:pt idx="670">
                  <c:v>2.8077268440637151</c:v>
                </c:pt>
                <c:pt idx="671">
                  <c:v>2.8096827768766026</c:v>
                </c:pt>
                <c:pt idx="672">
                  <c:v>2.8111073849957982</c:v>
                </c:pt>
                <c:pt idx="673">
                  <c:v>2.8131113034227053</c:v>
                </c:pt>
                <c:pt idx="674">
                  <c:v>2.8111358464773537</c:v>
                </c:pt>
                <c:pt idx="675">
                  <c:v>2.8117133554652187</c:v>
                </c:pt>
                <c:pt idx="676">
                  <c:v>2.8129547086026463</c:v>
                </c:pt>
                <c:pt idx="677">
                  <c:v>2.8140848971433421</c:v>
                </c:pt>
                <c:pt idx="678">
                  <c:v>2.8151570221403288</c:v>
                </c:pt>
                <c:pt idx="679">
                  <c:v>2.8157681163572694</c:v>
                </c:pt>
                <c:pt idx="680">
                  <c:v>2.8200621878516019</c:v>
                </c:pt>
                <c:pt idx="681">
                  <c:v>2.8261263616936896</c:v>
                </c:pt>
                <c:pt idx="682">
                  <c:v>2.8253282318543391</c:v>
                </c:pt>
                <c:pt idx="683">
                  <c:v>2.8268116106540533</c:v>
                </c:pt>
                <c:pt idx="684">
                  <c:v>2.8291765125026838</c:v>
                </c:pt>
                <c:pt idx="685">
                  <c:v>2.8301400165073161</c:v>
                </c:pt>
                <c:pt idx="686">
                  <c:v>2.8342861001866737</c:v>
                </c:pt>
                <c:pt idx="687">
                  <c:v>2.8372912986968619</c:v>
                </c:pt>
                <c:pt idx="688">
                  <c:v>2.8424749183370159</c:v>
                </c:pt>
                <c:pt idx="689">
                  <c:v>2.8444721773990755</c:v>
                </c:pt>
                <c:pt idx="690">
                  <c:v>2.8469762003147134</c:v>
                </c:pt>
                <c:pt idx="691">
                  <c:v>2.8496205953685001</c:v>
                </c:pt>
                <c:pt idx="692">
                  <c:v>2.8531545377475114</c:v>
                </c:pt>
                <c:pt idx="693">
                  <c:v>2.8556929772641917</c:v>
                </c:pt>
                <c:pt idx="694">
                  <c:v>2.8580946096537296</c:v>
                </c:pt>
                <c:pt idx="695">
                  <c:v>2.8611308075011324</c:v>
                </c:pt>
                <c:pt idx="696">
                  <c:v>2.8632857574764357</c:v>
                </c:pt>
                <c:pt idx="697">
                  <c:v>2.8654815483496225</c:v>
                </c:pt>
                <c:pt idx="698">
                  <c:v>2.8683997909338985</c:v>
                </c:pt>
                <c:pt idx="699">
                  <c:v>2.8688745066199535</c:v>
                </c:pt>
                <c:pt idx="700">
                  <c:v>2.8694888939624392</c:v>
                </c:pt>
                <c:pt idx="701">
                  <c:v>2.8714736484322296</c:v>
                </c:pt>
                <c:pt idx="702">
                  <c:v>2.8729505347732549</c:v>
                </c:pt>
                <c:pt idx="703">
                  <c:v>2.8743636260755192</c:v>
                </c:pt>
                <c:pt idx="704">
                  <c:v>2.8754414275428424</c:v>
                </c:pt>
                <c:pt idx="705">
                  <c:v>2.8757585733514324</c:v>
                </c:pt>
                <c:pt idx="706">
                  <c:v>2.8768325315813201</c:v>
                </c:pt>
                <c:pt idx="707">
                  <c:v>2.8786282731677826</c:v>
                </c:pt>
                <c:pt idx="708">
                  <c:v>2.8822404031407638</c:v>
                </c:pt>
                <c:pt idx="709">
                  <c:v>2.8848133485197929</c:v>
                </c:pt>
                <c:pt idx="710">
                  <c:v>2.8872278661264343</c:v>
                </c:pt>
                <c:pt idx="711">
                  <c:v>2.891159505580652</c:v>
                </c:pt>
                <c:pt idx="712">
                  <c:v>2.89292314591632</c:v>
                </c:pt>
                <c:pt idx="713">
                  <c:v>2.8944134282449743</c:v>
                </c:pt>
                <c:pt idx="714">
                  <c:v>2.8962777089857776</c:v>
                </c:pt>
                <c:pt idx="715">
                  <c:v>2.9005771167078231</c:v>
                </c:pt>
                <c:pt idx="716">
                  <c:v>2.9044309251559373</c:v>
                </c:pt>
                <c:pt idx="717">
                  <c:v>2.9093307103879638</c:v>
                </c:pt>
                <c:pt idx="718">
                  <c:v>2.9143190513120469</c:v>
                </c:pt>
                <c:pt idx="719">
                  <c:v>2.9219317386428596</c:v>
                </c:pt>
                <c:pt idx="720">
                  <c:v>2.922152857174424</c:v>
                </c:pt>
                <c:pt idx="721">
                  <c:v>2.9224209871254057</c:v>
                </c:pt>
                <c:pt idx="722">
                  <c:v>2.9230048596909564</c:v>
                </c:pt>
                <c:pt idx="723">
                  <c:v>2.92325694831491</c:v>
                </c:pt>
                <c:pt idx="724">
                  <c:v>2.9255768072592878</c:v>
                </c:pt>
                <c:pt idx="725">
                  <c:v>2.9282017700048839</c:v>
                </c:pt>
                <c:pt idx="726">
                  <c:v>2.927951620392883</c:v>
                </c:pt>
                <c:pt idx="727">
                  <c:v>2.9309144650092538</c:v>
                </c:pt>
                <c:pt idx="728">
                  <c:v>2.9349328148316713</c:v>
                </c:pt>
                <c:pt idx="729">
                  <c:v>2.9365146311581607</c:v>
                </c:pt>
                <c:pt idx="730">
                  <c:v>2.9391996921045096</c:v>
                </c:pt>
                <c:pt idx="731">
                  <c:v>2.9430928106964394</c:v>
                </c:pt>
                <c:pt idx="732">
                  <c:v>2.9450848855171992</c:v>
                </c:pt>
                <c:pt idx="733">
                  <c:v>2.9489443802520707</c:v>
                </c:pt>
                <c:pt idx="734">
                  <c:v>2.9483075640973024</c:v>
                </c:pt>
                <c:pt idx="735">
                  <c:v>2.9531044365391832</c:v>
                </c:pt>
                <c:pt idx="736">
                  <c:v>2.9574645316650661</c:v>
                </c:pt>
                <c:pt idx="737">
                  <c:v>2.9603028671283247</c:v>
                </c:pt>
                <c:pt idx="738">
                  <c:v>2.9630796604672542</c:v>
                </c:pt>
                <c:pt idx="739">
                  <c:v>2.9683070465527983</c:v>
                </c:pt>
                <c:pt idx="740">
                  <c:v>2.9681161240187004</c:v>
                </c:pt>
                <c:pt idx="741">
                  <c:v>2.9726405513858931</c:v>
                </c:pt>
                <c:pt idx="742">
                  <c:v>2.9770958369238638</c:v>
                </c:pt>
                <c:pt idx="743">
                  <c:v>2.9806070309970303</c:v>
                </c:pt>
                <c:pt idx="744">
                  <c:v>2.9820628285289819</c:v>
                </c:pt>
                <c:pt idx="745">
                  <c:v>2.9863118110966176</c:v>
                </c:pt>
                <c:pt idx="746">
                  <c:v>2.9891470930175545</c:v>
                </c:pt>
                <c:pt idx="747">
                  <c:v>2.990865507282495</c:v>
                </c:pt>
                <c:pt idx="748">
                  <c:v>2.9924307693269609</c:v>
                </c:pt>
                <c:pt idx="749">
                  <c:v>2.9923113303708204</c:v>
                </c:pt>
                <c:pt idx="750">
                  <c:v>2.9960618063043367</c:v>
                </c:pt>
                <c:pt idx="751">
                  <c:v>2.9990581807696337</c:v>
                </c:pt>
                <c:pt idx="752">
                  <c:v>3.001198515308428</c:v>
                </c:pt>
                <c:pt idx="753">
                  <c:v>3.0031300712143283</c:v>
                </c:pt>
                <c:pt idx="754">
                  <c:v>3.0100707067287744</c:v>
                </c:pt>
                <c:pt idx="755">
                  <c:v>3.0103840304784226</c:v>
                </c:pt>
                <c:pt idx="756">
                  <c:v>3.0122812392253637</c:v>
                </c:pt>
                <c:pt idx="757">
                  <c:v>3.0117578730999686</c:v>
                </c:pt>
                <c:pt idx="758">
                  <c:v>3.0146746943891447</c:v>
                </c:pt>
                <c:pt idx="759">
                  <c:v>3.0177074294466579</c:v>
                </c:pt>
                <c:pt idx="760">
                  <c:v>3.020684352925783</c:v>
                </c:pt>
                <c:pt idx="761">
                  <c:v>3.0231186966789103</c:v>
                </c:pt>
                <c:pt idx="762">
                  <c:v>3.026356650437827</c:v>
                </c:pt>
                <c:pt idx="763">
                  <c:v>3.0297374224185245</c:v>
                </c:pt>
                <c:pt idx="764">
                  <c:v>3.0341384875779047</c:v>
                </c:pt>
                <c:pt idx="765">
                  <c:v>3.0348061911059818</c:v>
                </c:pt>
                <c:pt idx="766">
                  <c:v>3.0360909035632799</c:v>
                </c:pt>
                <c:pt idx="767">
                  <c:v>3.0426668204433911</c:v>
                </c:pt>
                <c:pt idx="768">
                  <c:v>3.0445305104764215</c:v>
                </c:pt>
                <c:pt idx="769">
                  <c:v>3.0439604566777043</c:v>
                </c:pt>
                <c:pt idx="770">
                  <c:v>3.0492903865897794</c:v>
                </c:pt>
                <c:pt idx="771">
                  <c:v>3.0515711681540276</c:v>
                </c:pt>
                <c:pt idx="772">
                  <c:v>3.055398769104154</c:v>
                </c:pt>
                <c:pt idx="773">
                  <c:v>3.0595080428782868</c:v>
                </c:pt>
                <c:pt idx="774">
                  <c:v>3.0603912083436842</c:v>
                </c:pt>
                <c:pt idx="775">
                  <c:v>3.0630857964668725</c:v>
                </c:pt>
                <c:pt idx="776">
                  <c:v>3.0659919836127631</c:v>
                </c:pt>
                <c:pt idx="777">
                  <c:v>3.0662897091503276</c:v>
                </c:pt>
                <c:pt idx="778">
                  <c:v>3.0671457022534767</c:v>
                </c:pt>
                <c:pt idx="779">
                  <c:v>3.0671124185481693</c:v>
                </c:pt>
                <c:pt idx="780">
                  <c:v>3.0709196902114235</c:v>
                </c:pt>
                <c:pt idx="781">
                  <c:v>3.0743322289319521</c:v>
                </c:pt>
                <c:pt idx="782">
                  <c:v>3.0779345887505434</c:v>
                </c:pt>
                <c:pt idx="783">
                  <c:v>3.079817750228997</c:v>
                </c:pt>
                <c:pt idx="784">
                  <c:v>3.0818372380865036</c:v>
                </c:pt>
                <c:pt idx="785">
                  <c:v>3.0814333643508469</c:v>
                </c:pt>
                <c:pt idx="786">
                  <c:v>3.0837509840606838</c:v>
                </c:pt>
                <c:pt idx="787">
                  <c:v>3.0894537159613735</c:v>
                </c:pt>
                <c:pt idx="788">
                  <c:v>3.094267127374521</c:v>
                </c:pt>
                <c:pt idx="789">
                  <c:v>3.096878019468198</c:v>
                </c:pt>
                <c:pt idx="790">
                  <c:v>3.0992385672466702</c:v>
                </c:pt>
                <c:pt idx="791">
                  <c:v>3.1022568145542313</c:v>
                </c:pt>
                <c:pt idx="792">
                  <c:v>3.1053292701801758</c:v>
                </c:pt>
                <c:pt idx="793">
                  <c:v>3.1099441092930129</c:v>
                </c:pt>
                <c:pt idx="794">
                  <c:v>3.1119542950397938</c:v>
                </c:pt>
                <c:pt idx="795">
                  <c:v>3.1127832642199849</c:v>
                </c:pt>
                <c:pt idx="796">
                  <c:v>3.1154598992713494</c:v>
                </c:pt>
                <c:pt idx="797">
                  <c:v>3.1161548082678991</c:v>
                </c:pt>
                <c:pt idx="798">
                  <c:v>3.1196379311158586</c:v>
                </c:pt>
                <c:pt idx="799">
                  <c:v>3.1209557644292985</c:v>
                </c:pt>
                <c:pt idx="800">
                  <c:v>3.1227880225723017</c:v>
                </c:pt>
                <c:pt idx="801">
                  <c:v>3.1247804413285074</c:v>
                </c:pt>
                <c:pt idx="802">
                  <c:v>3.1235542158792042</c:v>
                </c:pt>
                <c:pt idx="803">
                  <c:v>3.130387906823032</c:v>
                </c:pt>
                <c:pt idx="804">
                  <c:v>3.1290808261347314</c:v>
                </c:pt>
                <c:pt idx="805">
                  <c:v>3.1338304596543116</c:v>
                </c:pt>
                <c:pt idx="806">
                  <c:v>3.1394202650303455</c:v>
                </c:pt>
                <c:pt idx="807">
                  <c:v>3.1421111073336694</c:v>
                </c:pt>
                <c:pt idx="808">
                  <c:v>3.1431574354667928</c:v>
                </c:pt>
                <c:pt idx="809">
                  <c:v>3.1469654664880662</c:v>
                </c:pt>
                <c:pt idx="810">
                  <c:v>3.1488313444282623</c:v>
                </c:pt>
                <c:pt idx="811">
                  <c:v>3.1506501576647006</c:v>
                </c:pt>
                <c:pt idx="812">
                  <c:v>3.1551540851040745</c:v>
                </c:pt>
                <c:pt idx="813">
                  <c:v>3.1576389883347136</c:v>
                </c:pt>
                <c:pt idx="814">
                  <c:v>3.1599627632242497</c:v>
                </c:pt>
                <c:pt idx="815">
                  <c:v>3.162942818776298</c:v>
                </c:pt>
                <c:pt idx="816">
                  <c:v>3.166345891338846</c:v>
                </c:pt>
                <c:pt idx="817">
                  <c:v>3.1690993436523183</c:v>
                </c:pt>
                <c:pt idx="818">
                  <c:v>3.1717806022992088</c:v>
                </c:pt>
                <c:pt idx="819">
                  <c:v>3.1750994493739251</c:v>
                </c:pt>
                <c:pt idx="820">
                  <c:v>3.1778934900461921</c:v>
                </c:pt>
                <c:pt idx="821">
                  <c:v>3.1807654154854426</c:v>
                </c:pt>
                <c:pt idx="822">
                  <c:v>3.1829972554949726</c:v>
                </c:pt>
                <c:pt idx="823">
                  <c:v>3.1868853135957145</c:v>
                </c:pt>
                <c:pt idx="824">
                  <c:v>3.1892523180623331</c:v>
                </c:pt>
                <c:pt idx="825">
                  <c:v>3.1920668545633721</c:v>
                </c:pt>
                <c:pt idx="826">
                  <c:v>3.1935966348580065</c:v>
                </c:pt>
                <c:pt idx="827">
                  <c:v>3.1935095747282065</c:v>
                </c:pt>
                <c:pt idx="828">
                  <c:v>3.1951676494725869</c:v>
                </c:pt>
                <c:pt idx="829">
                  <c:v>3.1977912461669531</c:v>
                </c:pt>
                <c:pt idx="830">
                  <c:v>3.2001256670083325</c:v>
                </c:pt>
                <c:pt idx="831">
                  <c:v>3.2029500080979969</c:v>
                </c:pt>
                <c:pt idx="832">
                  <c:v>3.2069667284511767</c:v>
                </c:pt>
                <c:pt idx="833">
                  <c:v>3.2092487566909669</c:v>
                </c:pt>
                <c:pt idx="834">
                  <c:v>3.2097993636086306</c:v>
                </c:pt>
                <c:pt idx="835">
                  <c:v>3.2137676403155377</c:v>
                </c:pt>
                <c:pt idx="836">
                  <c:v>3.2154092315988168</c:v>
                </c:pt>
                <c:pt idx="837">
                  <c:v>3.2192966257832119</c:v>
                </c:pt>
                <c:pt idx="838">
                  <c:v>3.2211825403786678</c:v>
                </c:pt>
                <c:pt idx="839">
                  <c:v>3.2253139666804773</c:v>
                </c:pt>
                <c:pt idx="840">
                  <c:v>3.2277119799919598</c:v>
                </c:pt>
                <c:pt idx="841">
                  <c:v>3.2296725132804198</c:v>
                </c:pt>
                <c:pt idx="842">
                  <c:v>3.2334981902626434</c:v>
                </c:pt>
                <c:pt idx="843">
                  <c:v>3.2391649316385891</c:v>
                </c:pt>
                <c:pt idx="844">
                  <c:v>3.2419689036640817</c:v>
                </c:pt>
                <c:pt idx="845">
                  <c:v>3.2445363501242972</c:v>
                </c:pt>
                <c:pt idx="846">
                  <c:v>3.2498823024597008</c:v>
                </c:pt>
                <c:pt idx="847">
                  <c:v>3.2530086498651225</c:v>
                </c:pt>
                <c:pt idx="848">
                  <c:v>3.2557113536995623</c:v>
                </c:pt>
                <c:pt idx="849">
                  <c:v>3.2588557215373566</c:v>
                </c:pt>
                <c:pt idx="850">
                  <c:v>3.2594102890856065</c:v>
                </c:pt>
                <c:pt idx="851">
                  <c:v>3.2640736710883971</c:v>
                </c:pt>
                <c:pt idx="852">
                  <c:v>3.2676574240790983</c:v>
                </c:pt>
                <c:pt idx="853">
                  <c:v>3.2703262573761651</c:v>
                </c:pt>
                <c:pt idx="854">
                  <c:v>3.2717436868479886</c:v>
                </c:pt>
                <c:pt idx="855">
                  <c:v>3.2746791655026777</c:v>
                </c:pt>
                <c:pt idx="856">
                  <c:v>3.2739803607250497</c:v>
                </c:pt>
                <c:pt idx="857">
                  <c:v>3.2797584112827547</c:v>
                </c:pt>
                <c:pt idx="858">
                  <c:v>3.2781908867958025</c:v>
                </c:pt>
                <c:pt idx="859">
                  <c:v>3.2856090107226676</c:v>
                </c:pt>
                <c:pt idx="860">
                  <c:v>3.28455822704171</c:v>
                </c:pt>
                <c:pt idx="861">
                  <c:v>3.2904675871247289</c:v>
                </c:pt>
                <c:pt idx="862">
                  <c:v>3.2918006331011349</c:v>
                </c:pt>
                <c:pt idx="863">
                  <c:v>3.294353971122328</c:v>
                </c:pt>
                <c:pt idx="864">
                  <c:v>3.2952805719557503</c:v>
                </c:pt>
                <c:pt idx="865">
                  <c:v>3.2994359108097098</c:v>
                </c:pt>
                <c:pt idx="866">
                  <c:v>3.3080695365952129</c:v>
                </c:pt>
                <c:pt idx="867">
                  <c:v>3.3096680429785401</c:v>
                </c:pt>
                <c:pt idx="868">
                  <c:v>3.317226717337932</c:v>
                </c:pt>
                <c:pt idx="869">
                  <c:v>3.3199023330017559</c:v>
                </c:pt>
                <c:pt idx="870">
                  <c:v>3.3225354439406654</c:v>
                </c:pt>
                <c:pt idx="871">
                  <c:v>3.3230464941901166</c:v>
                </c:pt>
                <c:pt idx="872">
                  <c:v>3.3246328204034308</c:v>
                </c:pt>
                <c:pt idx="873">
                  <c:v>3.3300626617521516</c:v>
                </c:pt>
                <c:pt idx="874">
                  <c:v>3.3333205106475838</c:v>
                </c:pt>
                <c:pt idx="875">
                  <c:v>3.3374386839967287</c:v>
                </c:pt>
                <c:pt idx="876">
                  <c:v>3.3422430795183975</c:v>
                </c:pt>
                <c:pt idx="877">
                  <c:v>3.3464313925652887</c:v>
                </c:pt>
                <c:pt idx="878">
                  <c:v>3.3478856866284192</c:v>
                </c:pt>
                <c:pt idx="879">
                  <c:v>3.350564082250008</c:v>
                </c:pt>
                <c:pt idx="880">
                  <c:v>3.3566967354842552</c:v>
                </c:pt>
                <c:pt idx="881">
                  <c:v>3.3585185968790805</c:v>
                </c:pt>
                <c:pt idx="882">
                  <c:v>3.3585612351309129</c:v>
                </c:pt>
                <c:pt idx="883">
                  <c:v>3.355277533359502</c:v>
                </c:pt>
                <c:pt idx="884">
                  <c:v>3.3583416052511259</c:v>
                </c:pt>
                <c:pt idx="885">
                  <c:v>3.3618583372144779</c:v>
                </c:pt>
                <c:pt idx="886">
                  <c:v>3.365314339999113</c:v>
                </c:pt>
                <c:pt idx="887">
                  <c:v>3.3679559244078723</c:v>
                </c:pt>
                <c:pt idx="888">
                  <c:v>3.3738847930333167</c:v>
                </c:pt>
                <c:pt idx="889">
                  <c:v>3.3720691122563404</c:v>
                </c:pt>
                <c:pt idx="890">
                  <c:v>3.3797700126847396</c:v>
                </c:pt>
                <c:pt idx="891">
                  <c:v>3.3795853231798296</c:v>
                </c:pt>
                <c:pt idx="892">
                  <c:v>3.3852759521303217</c:v>
                </c:pt>
                <c:pt idx="893">
                  <c:v>3.3863881825394193</c:v>
                </c:pt>
                <c:pt idx="894">
                  <c:v>3.3900898314892873</c:v>
                </c:pt>
                <c:pt idx="895">
                  <c:v>3.3920888201512165</c:v>
                </c:pt>
                <c:pt idx="896">
                  <c:v>3.3926103387131339</c:v>
                </c:pt>
                <c:pt idx="897">
                  <c:v>3.3958715956508843</c:v>
                </c:pt>
                <c:pt idx="898">
                  <c:v>3.3960909325444621</c:v>
                </c:pt>
                <c:pt idx="899">
                  <c:v>3.3988272612073751</c:v>
                </c:pt>
                <c:pt idx="900">
                  <c:v>3.401297443062053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E6FC-4977-90EA-FB5C23213F13}"/>
            </c:ext>
          </c:extLst>
        </c:ser>
        <c:ser>
          <c:idx val="1"/>
          <c:order val="1"/>
          <c:tx>
            <c:strRef>
              <c:f>重心!$E$1</c:f>
              <c:strCache>
                <c:ptCount val="1"/>
                <c:pt idx="0">
                  <c:v>実y座標 [cm]</c:v>
                </c:pt>
              </c:strCache>
            </c:strRef>
          </c:tx>
          <c:spPr>
            <a:ln w="381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重心!$A$2:$A$902</c:f>
              <c:numCache>
                <c:formatCode>General</c:formatCode>
                <c:ptCount val="901"/>
                <c:pt idx="0">
                  <c:v>0</c:v>
                </c:pt>
                <c:pt idx="1">
                  <c:v>3.3333333333333333E-2</c:v>
                </c:pt>
                <c:pt idx="2">
                  <c:v>6.6666666666666666E-2</c:v>
                </c:pt>
                <c:pt idx="3">
                  <c:v>0.1</c:v>
                </c:pt>
                <c:pt idx="4">
                  <c:v>0.13333333333333333</c:v>
                </c:pt>
                <c:pt idx="5">
                  <c:v>0.16666666666666666</c:v>
                </c:pt>
                <c:pt idx="6">
                  <c:v>0.2</c:v>
                </c:pt>
                <c:pt idx="7">
                  <c:v>0.23333333333333334</c:v>
                </c:pt>
                <c:pt idx="8">
                  <c:v>0.26666666666666666</c:v>
                </c:pt>
                <c:pt idx="9">
                  <c:v>0.3</c:v>
                </c:pt>
                <c:pt idx="10">
                  <c:v>0.33333333333333331</c:v>
                </c:pt>
                <c:pt idx="11">
                  <c:v>0.36666666666666664</c:v>
                </c:pt>
                <c:pt idx="12">
                  <c:v>0.4</c:v>
                </c:pt>
                <c:pt idx="13">
                  <c:v>0.43333333333333335</c:v>
                </c:pt>
                <c:pt idx="14">
                  <c:v>0.46666666666666667</c:v>
                </c:pt>
                <c:pt idx="15">
                  <c:v>0.5</c:v>
                </c:pt>
                <c:pt idx="16">
                  <c:v>0.53333333333333333</c:v>
                </c:pt>
                <c:pt idx="17">
                  <c:v>0.56666666666666665</c:v>
                </c:pt>
                <c:pt idx="18">
                  <c:v>0.6</c:v>
                </c:pt>
                <c:pt idx="19">
                  <c:v>0.6333333333333333</c:v>
                </c:pt>
                <c:pt idx="20">
                  <c:v>0.66666666666666663</c:v>
                </c:pt>
                <c:pt idx="21">
                  <c:v>0.7</c:v>
                </c:pt>
                <c:pt idx="22">
                  <c:v>0.73333333333333328</c:v>
                </c:pt>
                <c:pt idx="23">
                  <c:v>0.76666666666666672</c:v>
                </c:pt>
                <c:pt idx="24">
                  <c:v>0.8</c:v>
                </c:pt>
                <c:pt idx="25">
                  <c:v>0.83333333333333337</c:v>
                </c:pt>
                <c:pt idx="26">
                  <c:v>0.8666666666666667</c:v>
                </c:pt>
                <c:pt idx="27">
                  <c:v>0.9</c:v>
                </c:pt>
                <c:pt idx="28">
                  <c:v>0.93333333333333335</c:v>
                </c:pt>
                <c:pt idx="29">
                  <c:v>0.96666666666666667</c:v>
                </c:pt>
                <c:pt idx="30">
                  <c:v>1</c:v>
                </c:pt>
                <c:pt idx="31">
                  <c:v>1.0333333333333334</c:v>
                </c:pt>
                <c:pt idx="32">
                  <c:v>1.0666666666666667</c:v>
                </c:pt>
                <c:pt idx="33">
                  <c:v>1.1000000000000001</c:v>
                </c:pt>
                <c:pt idx="34">
                  <c:v>1.1333333333333333</c:v>
                </c:pt>
                <c:pt idx="35">
                  <c:v>1.1666666666666667</c:v>
                </c:pt>
                <c:pt idx="36">
                  <c:v>1.2</c:v>
                </c:pt>
                <c:pt idx="37">
                  <c:v>1.2333333333333334</c:v>
                </c:pt>
                <c:pt idx="38">
                  <c:v>1.2666666666666666</c:v>
                </c:pt>
                <c:pt idx="39">
                  <c:v>1.3</c:v>
                </c:pt>
                <c:pt idx="40">
                  <c:v>1.3333333333333333</c:v>
                </c:pt>
                <c:pt idx="41">
                  <c:v>1.3666666666666667</c:v>
                </c:pt>
                <c:pt idx="42">
                  <c:v>1.4</c:v>
                </c:pt>
                <c:pt idx="43">
                  <c:v>1.4333333333333333</c:v>
                </c:pt>
                <c:pt idx="44">
                  <c:v>1.4666666666666666</c:v>
                </c:pt>
                <c:pt idx="45">
                  <c:v>1.5</c:v>
                </c:pt>
                <c:pt idx="46">
                  <c:v>1.5333333333333334</c:v>
                </c:pt>
                <c:pt idx="47">
                  <c:v>1.5666666666666667</c:v>
                </c:pt>
                <c:pt idx="48">
                  <c:v>1.6</c:v>
                </c:pt>
                <c:pt idx="49">
                  <c:v>1.6333333333333333</c:v>
                </c:pt>
                <c:pt idx="50">
                  <c:v>1.6666666666666667</c:v>
                </c:pt>
                <c:pt idx="51">
                  <c:v>1.7</c:v>
                </c:pt>
                <c:pt idx="52">
                  <c:v>1.7333333333333334</c:v>
                </c:pt>
                <c:pt idx="53">
                  <c:v>1.7666666666666666</c:v>
                </c:pt>
                <c:pt idx="54">
                  <c:v>1.8</c:v>
                </c:pt>
                <c:pt idx="55">
                  <c:v>1.8333333333333333</c:v>
                </c:pt>
                <c:pt idx="56">
                  <c:v>1.8666666666666667</c:v>
                </c:pt>
                <c:pt idx="57">
                  <c:v>1.9</c:v>
                </c:pt>
                <c:pt idx="58">
                  <c:v>1.9333333333333333</c:v>
                </c:pt>
                <c:pt idx="59">
                  <c:v>1.9666666666666666</c:v>
                </c:pt>
                <c:pt idx="60">
                  <c:v>2</c:v>
                </c:pt>
                <c:pt idx="61">
                  <c:v>2.0333333333333332</c:v>
                </c:pt>
                <c:pt idx="62">
                  <c:v>2.0666666666666669</c:v>
                </c:pt>
                <c:pt idx="63">
                  <c:v>2.1</c:v>
                </c:pt>
                <c:pt idx="64">
                  <c:v>2.1333333333333333</c:v>
                </c:pt>
                <c:pt idx="65">
                  <c:v>2.1666666666666665</c:v>
                </c:pt>
                <c:pt idx="66">
                  <c:v>2.2000000000000002</c:v>
                </c:pt>
                <c:pt idx="67">
                  <c:v>2.2333333333333334</c:v>
                </c:pt>
                <c:pt idx="68">
                  <c:v>2.2666666666666666</c:v>
                </c:pt>
                <c:pt idx="69">
                  <c:v>2.2999999999999998</c:v>
                </c:pt>
                <c:pt idx="70">
                  <c:v>2.3333333333333335</c:v>
                </c:pt>
                <c:pt idx="71">
                  <c:v>2.3666666666666667</c:v>
                </c:pt>
                <c:pt idx="72">
                  <c:v>2.4</c:v>
                </c:pt>
                <c:pt idx="73">
                  <c:v>2.4333333333333331</c:v>
                </c:pt>
                <c:pt idx="74">
                  <c:v>2.4666666666666668</c:v>
                </c:pt>
                <c:pt idx="75">
                  <c:v>2.5</c:v>
                </c:pt>
                <c:pt idx="76">
                  <c:v>2.5333333333333332</c:v>
                </c:pt>
                <c:pt idx="77">
                  <c:v>2.5666666666666669</c:v>
                </c:pt>
                <c:pt idx="78">
                  <c:v>2.6</c:v>
                </c:pt>
                <c:pt idx="79">
                  <c:v>2.6333333333333333</c:v>
                </c:pt>
                <c:pt idx="80">
                  <c:v>2.6666666666666665</c:v>
                </c:pt>
                <c:pt idx="81">
                  <c:v>2.7</c:v>
                </c:pt>
                <c:pt idx="82">
                  <c:v>2.7333333333333334</c:v>
                </c:pt>
                <c:pt idx="83">
                  <c:v>2.7666666666666666</c:v>
                </c:pt>
                <c:pt idx="84">
                  <c:v>2.8</c:v>
                </c:pt>
                <c:pt idx="85">
                  <c:v>2.8333333333333335</c:v>
                </c:pt>
                <c:pt idx="86">
                  <c:v>2.8666666666666667</c:v>
                </c:pt>
                <c:pt idx="87">
                  <c:v>2.9</c:v>
                </c:pt>
                <c:pt idx="88">
                  <c:v>2.9333333333333331</c:v>
                </c:pt>
                <c:pt idx="89">
                  <c:v>2.9666666666666668</c:v>
                </c:pt>
                <c:pt idx="90">
                  <c:v>3</c:v>
                </c:pt>
                <c:pt idx="91">
                  <c:v>3.0333333333333332</c:v>
                </c:pt>
                <c:pt idx="92">
                  <c:v>3.0666666666666669</c:v>
                </c:pt>
                <c:pt idx="93">
                  <c:v>3.1</c:v>
                </c:pt>
                <c:pt idx="94">
                  <c:v>3.1333333333333333</c:v>
                </c:pt>
                <c:pt idx="95">
                  <c:v>3.1666666666666665</c:v>
                </c:pt>
                <c:pt idx="96">
                  <c:v>3.2</c:v>
                </c:pt>
                <c:pt idx="97">
                  <c:v>3.2333333333333334</c:v>
                </c:pt>
                <c:pt idx="98">
                  <c:v>3.2666666666666666</c:v>
                </c:pt>
                <c:pt idx="99">
                  <c:v>3.3</c:v>
                </c:pt>
                <c:pt idx="100">
                  <c:v>3.3333333333333335</c:v>
                </c:pt>
                <c:pt idx="101">
                  <c:v>3.3666666666666667</c:v>
                </c:pt>
                <c:pt idx="102">
                  <c:v>3.4</c:v>
                </c:pt>
                <c:pt idx="103">
                  <c:v>3.4333333333333331</c:v>
                </c:pt>
                <c:pt idx="104">
                  <c:v>3.4666666666666668</c:v>
                </c:pt>
                <c:pt idx="105">
                  <c:v>3.5</c:v>
                </c:pt>
                <c:pt idx="106">
                  <c:v>3.5333333333333332</c:v>
                </c:pt>
                <c:pt idx="107">
                  <c:v>3.5666666666666669</c:v>
                </c:pt>
                <c:pt idx="108">
                  <c:v>3.6</c:v>
                </c:pt>
                <c:pt idx="109">
                  <c:v>3.6333333333333333</c:v>
                </c:pt>
                <c:pt idx="110">
                  <c:v>3.6666666666666665</c:v>
                </c:pt>
                <c:pt idx="111">
                  <c:v>3.7</c:v>
                </c:pt>
                <c:pt idx="112">
                  <c:v>3.7333333333333334</c:v>
                </c:pt>
                <c:pt idx="113">
                  <c:v>3.7666666666666666</c:v>
                </c:pt>
                <c:pt idx="114">
                  <c:v>3.8</c:v>
                </c:pt>
                <c:pt idx="115">
                  <c:v>3.8333333333333335</c:v>
                </c:pt>
                <c:pt idx="116">
                  <c:v>3.8666666666666667</c:v>
                </c:pt>
                <c:pt idx="117">
                  <c:v>3.9</c:v>
                </c:pt>
                <c:pt idx="118">
                  <c:v>3.9333333333333331</c:v>
                </c:pt>
                <c:pt idx="119">
                  <c:v>3.9666666666666668</c:v>
                </c:pt>
                <c:pt idx="120">
                  <c:v>4</c:v>
                </c:pt>
                <c:pt idx="121">
                  <c:v>4.0333333333333332</c:v>
                </c:pt>
                <c:pt idx="122">
                  <c:v>4.0666666666666664</c:v>
                </c:pt>
                <c:pt idx="123">
                  <c:v>4.0999999999999996</c:v>
                </c:pt>
                <c:pt idx="124">
                  <c:v>4.1333333333333337</c:v>
                </c:pt>
                <c:pt idx="125">
                  <c:v>4.166666666666667</c:v>
                </c:pt>
                <c:pt idx="126">
                  <c:v>4.2</c:v>
                </c:pt>
                <c:pt idx="127">
                  <c:v>4.2333333333333334</c:v>
                </c:pt>
                <c:pt idx="128">
                  <c:v>4.2666666666666666</c:v>
                </c:pt>
                <c:pt idx="129">
                  <c:v>4.3</c:v>
                </c:pt>
                <c:pt idx="130">
                  <c:v>4.333333333333333</c:v>
                </c:pt>
                <c:pt idx="131">
                  <c:v>4.3666666666666663</c:v>
                </c:pt>
                <c:pt idx="132">
                  <c:v>4.4000000000000004</c:v>
                </c:pt>
                <c:pt idx="133">
                  <c:v>4.4333333333333336</c:v>
                </c:pt>
                <c:pt idx="134">
                  <c:v>4.4666666666666668</c:v>
                </c:pt>
                <c:pt idx="135">
                  <c:v>4.5</c:v>
                </c:pt>
                <c:pt idx="136">
                  <c:v>4.5333333333333332</c:v>
                </c:pt>
                <c:pt idx="137">
                  <c:v>4.5666666666666664</c:v>
                </c:pt>
                <c:pt idx="138">
                  <c:v>4.5999999999999996</c:v>
                </c:pt>
                <c:pt idx="139">
                  <c:v>4.6333333333333337</c:v>
                </c:pt>
                <c:pt idx="140">
                  <c:v>4.666666666666667</c:v>
                </c:pt>
                <c:pt idx="141">
                  <c:v>4.7</c:v>
                </c:pt>
                <c:pt idx="142">
                  <c:v>4.7333333333333334</c:v>
                </c:pt>
                <c:pt idx="143">
                  <c:v>4.7666666666666666</c:v>
                </c:pt>
                <c:pt idx="144">
                  <c:v>4.8</c:v>
                </c:pt>
                <c:pt idx="145">
                  <c:v>4.833333333333333</c:v>
                </c:pt>
                <c:pt idx="146">
                  <c:v>4.8666666666666663</c:v>
                </c:pt>
                <c:pt idx="147">
                  <c:v>4.9000000000000004</c:v>
                </c:pt>
                <c:pt idx="148">
                  <c:v>4.9333333333333336</c:v>
                </c:pt>
                <c:pt idx="149">
                  <c:v>4.9666666666666668</c:v>
                </c:pt>
                <c:pt idx="150">
                  <c:v>5</c:v>
                </c:pt>
                <c:pt idx="151">
                  <c:v>5.0333333333333332</c:v>
                </c:pt>
                <c:pt idx="152">
                  <c:v>5.0666666666666664</c:v>
                </c:pt>
                <c:pt idx="153">
                  <c:v>5.0999999999999996</c:v>
                </c:pt>
                <c:pt idx="154">
                  <c:v>5.1333333333333337</c:v>
                </c:pt>
                <c:pt idx="155">
                  <c:v>5.166666666666667</c:v>
                </c:pt>
                <c:pt idx="156">
                  <c:v>5.2</c:v>
                </c:pt>
                <c:pt idx="157">
                  <c:v>5.2333333333333334</c:v>
                </c:pt>
                <c:pt idx="158">
                  <c:v>5.2666666666666666</c:v>
                </c:pt>
                <c:pt idx="159">
                  <c:v>5.3</c:v>
                </c:pt>
                <c:pt idx="160">
                  <c:v>5.333333333333333</c:v>
                </c:pt>
                <c:pt idx="161">
                  <c:v>5.3666666666666663</c:v>
                </c:pt>
                <c:pt idx="162">
                  <c:v>5.4</c:v>
                </c:pt>
                <c:pt idx="163">
                  <c:v>5.4333333333333336</c:v>
                </c:pt>
                <c:pt idx="164">
                  <c:v>5.4666666666666668</c:v>
                </c:pt>
                <c:pt idx="165">
                  <c:v>5.5</c:v>
                </c:pt>
                <c:pt idx="166">
                  <c:v>5.5333333333333332</c:v>
                </c:pt>
                <c:pt idx="167">
                  <c:v>5.5666666666666664</c:v>
                </c:pt>
                <c:pt idx="168">
                  <c:v>5.6</c:v>
                </c:pt>
                <c:pt idx="169">
                  <c:v>5.6333333333333337</c:v>
                </c:pt>
                <c:pt idx="170">
                  <c:v>5.666666666666667</c:v>
                </c:pt>
                <c:pt idx="171">
                  <c:v>5.7</c:v>
                </c:pt>
                <c:pt idx="172">
                  <c:v>5.7333333333333334</c:v>
                </c:pt>
                <c:pt idx="173">
                  <c:v>5.7666666666666666</c:v>
                </c:pt>
                <c:pt idx="174">
                  <c:v>5.8</c:v>
                </c:pt>
                <c:pt idx="175">
                  <c:v>5.833333333333333</c:v>
                </c:pt>
                <c:pt idx="176">
                  <c:v>5.8666666666666663</c:v>
                </c:pt>
                <c:pt idx="177">
                  <c:v>5.9</c:v>
                </c:pt>
                <c:pt idx="178">
                  <c:v>5.9333333333333336</c:v>
                </c:pt>
                <c:pt idx="179">
                  <c:v>5.9666666666666668</c:v>
                </c:pt>
                <c:pt idx="180">
                  <c:v>6</c:v>
                </c:pt>
                <c:pt idx="181">
                  <c:v>6.0333333333333332</c:v>
                </c:pt>
                <c:pt idx="182">
                  <c:v>6.0666666666666664</c:v>
                </c:pt>
                <c:pt idx="183">
                  <c:v>6.1</c:v>
                </c:pt>
                <c:pt idx="184">
                  <c:v>6.1333333333333337</c:v>
                </c:pt>
                <c:pt idx="185">
                  <c:v>6.166666666666667</c:v>
                </c:pt>
                <c:pt idx="186">
                  <c:v>6.2</c:v>
                </c:pt>
                <c:pt idx="187">
                  <c:v>6.2333333333333334</c:v>
                </c:pt>
                <c:pt idx="188">
                  <c:v>6.2666666666666666</c:v>
                </c:pt>
                <c:pt idx="189">
                  <c:v>6.3</c:v>
                </c:pt>
                <c:pt idx="190">
                  <c:v>6.333333333333333</c:v>
                </c:pt>
                <c:pt idx="191">
                  <c:v>6.3666666666666663</c:v>
                </c:pt>
                <c:pt idx="192">
                  <c:v>6.4</c:v>
                </c:pt>
                <c:pt idx="193">
                  <c:v>6.4333333333333336</c:v>
                </c:pt>
                <c:pt idx="194">
                  <c:v>6.4666666666666668</c:v>
                </c:pt>
                <c:pt idx="195">
                  <c:v>6.5</c:v>
                </c:pt>
                <c:pt idx="196">
                  <c:v>6.5333333333333332</c:v>
                </c:pt>
                <c:pt idx="197">
                  <c:v>6.5666666666666664</c:v>
                </c:pt>
                <c:pt idx="198">
                  <c:v>6.6</c:v>
                </c:pt>
                <c:pt idx="199">
                  <c:v>6.6333333333333337</c:v>
                </c:pt>
                <c:pt idx="200">
                  <c:v>6.666666666666667</c:v>
                </c:pt>
                <c:pt idx="201">
                  <c:v>6.7</c:v>
                </c:pt>
                <c:pt idx="202">
                  <c:v>6.7333333333333334</c:v>
                </c:pt>
                <c:pt idx="203">
                  <c:v>6.7666666666666666</c:v>
                </c:pt>
                <c:pt idx="204">
                  <c:v>6.8</c:v>
                </c:pt>
                <c:pt idx="205">
                  <c:v>6.833333333333333</c:v>
                </c:pt>
                <c:pt idx="206">
                  <c:v>6.8666666666666663</c:v>
                </c:pt>
                <c:pt idx="207">
                  <c:v>6.9</c:v>
                </c:pt>
                <c:pt idx="208">
                  <c:v>6.9333333333333336</c:v>
                </c:pt>
                <c:pt idx="209">
                  <c:v>6.9666666666666668</c:v>
                </c:pt>
                <c:pt idx="210">
                  <c:v>7</c:v>
                </c:pt>
                <c:pt idx="211">
                  <c:v>7.0333333333333332</c:v>
                </c:pt>
                <c:pt idx="212">
                  <c:v>7.0666666666666664</c:v>
                </c:pt>
                <c:pt idx="213">
                  <c:v>7.1</c:v>
                </c:pt>
                <c:pt idx="214">
                  <c:v>7.1333333333333337</c:v>
                </c:pt>
                <c:pt idx="215">
                  <c:v>7.166666666666667</c:v>
                </c:pt>
                <c:pt idx="216">
                  <c:v>7.2</c:v>
                </c:pt>
                <c:pt idx="217">
                  <c:v>7.2333333333333334</c:v>
                </c:pt>
                <c:pt idx="218">
                  <c:v>7.2666666666666666</c:v>
                </c:pt>
                <c:pt idx="219">
                  <c:v>7.3</c:v>
                </c:pt>
                <c:pt idx="220">
                  <c:v>7.333333333333333</c:v>
                </c:pt>
                <c:pt idx="221">
                  <c:v>7.3666666666666663</c:v>
                </c:pt>
                <c:pt idx="222">
                  <c:v>7.4</c:v>
                </c:pt>
                <c:pt idx="223">
                  <c:v>7.4333333333333336</c:v>
                </c:pt>
                <c:pt idx="224">
                  <c:v>7.4666666666666668</c:v>
                </c:pt>
                <c:pt idx="225">
                  <c:v>7.5</c:v>
                </c:pt>
                <c:pt idx="226">
                  <c:v>7.5333333333333332</c:v>
                </c:pt>
                <c:pt idx="227">
                  <c:v>7.5666666666666664</c:v>
                </c:pt>
                <c:pt idx="228">
                  <c:v>7.6</c:v>
                </c:pt>
                <c:pt idx="229">
                  <c:v>7.6333333333333337</c:v>
                </c:pt>
                <c:pt idx="230">
                  <c:v>7.666666666666667</c:v>
                </c:pt>
                <c:pt idx="231">
                  <c:v>7.7</c:v>
                </c:pt>
                <c:pt idx="232">
                  <c:v>7.7333333333333334</c:v>
                </c:pt>
                <c:pt idx="233">
                  <c:v>7.7666666666666666</c:v>
                </c:pt>
                <c:pt idx="234">
                  <c:v>7.8</c:v>
                </c:pt>
                <c:pt idx="235">
                  <c:v>7.833333333333333</c:v>
                </c:pt>
                <c:pt idx="236">
                  <c:v>7.8666666666666663</c:v>
                </c:pt>
                <c:pt idx="237">
                  <c:v>7.9</c:v>
                </c:pt>
                <c:pt idx="238">
                  <c:v>7.9333333333333336</c:v>
                </c:pt>
                <c:pt idx="239">
                  <c:v>7.9666666666666668</c:v>
                </c:pt>
                <c:pt idx="240">
                  <c:v>8</c:v>
                </c:pt>
                <c:pt idx="241">
                  <c:v>8.0333333333333332</c:v>
                </c:pt>
                <c:pt idx="242">
                  <c:v>8.0666666666666664</c:v>
                </c:pt>
                <c:pt idx="243">
                  <c:v>8.1</c:v>
                </c:pt>
                <c:pt idx="244">
                  <c:v>8.1333333333333329</c:v>
                </c:pt>
                <c:pt idx="245">
                  <c:v>8.1666666666666661</c:v>
                </c:pt>
                <c:pt idx="246">
                  <c:v>8.1999999999999993</c:v>
                </c:pt>
                <c:pt idx="247">
                  <c:v>8.2333333333333325</c:v>
                </c:pt>
                <c:pt idx="248">
                  <c:v>8.2666666666666675</c:v>
                </c:pt>
                <c:pt idx="249">
                  <c:v>8.3000000000000007</c:v>
                </c:pt>
                <c:pt idx="250">
                  <c:v>8.3333333333333339</c:v>
                </c:pt>
                <c:pt idx="251">
                  <c:v>8.3666666666666671</c:v>
                </c:pt>
                <c:pt idx="252">
                  <c:v>8.4</c:v>
                </c:pt>
                <c:pt idx="253">
                  <c:v>8.4333333333333336</c:v>
                </c:pt>
                <c:pt idx="254">
                  <c:v>8.4666666666666668</c:v>
                </c:pt>
                <c:pt idx="255">
                  <c:v>8.5</c:v>
                </c:pt>
                <c:pt idx="256">
                  <c:v>8.5333333333333332</c:v>
                </c:pt>
                <c:pt idx="257">
                  <c:v>8.5666666666666664</c:v>
                </c:pt>
                <c:pt idx="258">
                  <c:v>8.6</c:v>
                </c:pt>
                <c:pt idx="259">
                  <c:v>8.6333333333333329</c:v>
                </c:pt>
                <c:pt idx="260">
                  <c:v>8.6666666666666661</c:v>
                </c:pt>
                <c:pt idx="261">
                  <c:v>8.6999999999999993</c:v>
                </c:pt>
                <c:pt idx="262">
                  <c:v>8.7333333333333325</c:v>
                </c:pt>
                <c:pt idx="263">
                  <c:v>8.7666666666666675</c:v>
                </c:pt>
                <c:pt idx="264">
                  <c:v>8.8000000000000007</c:v>
                </c:pt>
                <c:pt idx="265">
                  <c:v>8.8333333333333339</c:v>
                </c:pt>
                <c:pt idx="266">
                  <c:v>8.8666666666666671</c:v>
                </c:pt>
                <c:pt idx="267">
                  <c:v>8.9</c:v>
                </c:pt>
                <c:pt idx="268">
                  <c:v>8.9333333333333336</c:v>
                </c:pt>
                <c:pt idx="269">
                  <c:v>8.9666666666666668</c:v>
                </c:pt>
                <c:pt idx="270">
                  <c:v>9</c:v>
                </c:pt>
                <c:pt idx="271">
                  <c:v>9.0333333333333332</c:v>
                </c:pt>
                <c:pt idx="272">
                  <c:v>9.0666666666666664</c:v>
                </c:pt>
                <c:pt idx="273">
                  <c:v>9.1</c:v>
                </c:pt>
                <c:pt idx="274">
                  <c:v>9.1333333333333329</c:v>
                </c:pt>
                <c:pt idx="275">
                  <c:v>9.1666666666666661</c:v>
                </c:pt>
                <c:pt idx="276">
                  <c:v>9.1999999999999993</c:v>
                </c:pt>
                <c:pt idx="277">
                  <c:v>9.2333333333333325</c:v>
                </c:pt>
                <c:pt idx="278">
                  <c:v>9.2666666666666675</c:v>
                </c:pt>
                <c:pt idx="279">
                  <c:v>9.3000000000000007</c:v>
                </c:pt>
                <c:pt idx="280">
                  <c:v>9.3333333333333339</c:v>
                </c:pt>
                <c:pt idx="281">
                  <c:v>9.3666666666666671</c:v>
                </c:pt>
                <c:pt idx="282">
                  <c:v>9.4</c:v>
                </c:pt>
                <c:pt idx="283">
                  <c:v>9.4333333333333336</c:v>
                </c:pt>
                <c:pt idx="284">
                  <c:v>9.4666666666666668</c:v>
                </c:pt>
                <c:pt idx="285">
                  <c:v>9.5</c:v>
                </c:pt>
                <c:pt idx="286">
                  <c:v>9.5333333333333332</c:v>
                </c:pt>
                <c:pt idx="287">
                  <c:v>9.5666666666666664</c:v>
                </c:pt>
                <c:pt idx="288">
                  <c:v>9.6</c:v>
                </c:pt>
                <c:pt idx="289">
                  <c:v>9.6333333333333329</c:v>
                </c:pt>
                <c:pt idx="290">
                  <c:v>9.6666666666666661</c:v>
                </c:pt>
                <c:pt idx="291">
                  <c:v>9.6999999999999993</c:v>
                </c:pt>
                <c:pt idx="292">
                  <c:v>9.7333333333333325</c:v>
                </c:pt>
                <c:pt idx="293">
                  <c:v>9.7666666666666675</c:v>
                </c:pt>
                <c:pt idx="294">
                  <c:v>9.8000000000000007</c:v>
                </c:pt>
                <c:pt idx="295">
                  <c:v>9.8333333333333339</c:v>
                </c:pt>
                <c:pt idx="296">
                  <c:v>9.8666666666666671</c:v>
                </c:pt>
                <c:pt idx="297">
                  <c:v>9.9</c:v>
                </c:pt>
                <c:pt idx="298">
                  <c:v>9.9333333333333336</c:v>
                </c:pt>
                <c:pt idx="299">
                  <c:v>9.9666666666666668</c:v>
                </c:pt>
                <c:pt idx="300">
                  <c:v>10</c:v>
                </c:pt>
                <c:pt idx="301">
                  <c:v>10.033333333333333</c:v>
                </c:pt>
                <c:pt idx="302">
                  <c:v>10.066666666666666</c:v>
                </c:pt>
                <c:pt idx="303">
                  <c:v>10.1</c:v>
                </c:pt>
                <c:pt idx="304">
                  <c:v>10.133333333333333</c:v>
                </c:pt>
                <c:pt idx="305">
                  <c:v>10.166666666666666</c:v>
                </c:pt>
                <c:pt idx="306">
                  <c:v>10.199999999999999</c:v>
                </c:pt>
                <c:pt idx="307">
                  <c:v>10.233333333333333</c:v>
                </c:pt>
                <c:pt idx="308">
                  <c:v>10.266666666666667</c:v>
                </c:pt>
                <c:pt idx="309">
                  <c:v>10.3</c:v>
                </c:pt>
                <c:pt idx="310">
                  <c:v>10.333333333333334</c:v>
                </c:pt>
                <c:pt idx="311">
                  <c:v>10.366666666666667</c:v>
                </c:pt>
                <c:pt idx="312">
                  <c:v>10.4</c:v>
                </c:pt>
                <c:pt idx="313">
                  <c:v>10.433333333333334</c:v>
                </c:pt>
                <c:pt idx="314">
                  <c:v>10.466666666666667</c:v>
                </c:pt>
                <c:pt idx="315">
                  <c:v>10.5</c:v>
                </c:pt>
                <c:pt idx="316">
                  <c:v>10.533333333333333</c:v>
                </c:pt>
                <c:pt idx="317">
                  <c:v>10.566666666666666</c:v>
                </c:pt>
                <c:pt idx="318">
                  <c:v>10.6</c:v>
                </c:pt>
                <c:pt idx="319">
                  <c:v>10.633333333333333</c:v>
                </c:pt>
                <c:pt idx="320">
                  <c:v>10.666666666666666</c:v>
                </c:pt>
                <c:pt idx="321">
                  <c:v>10.7</c:v>
                </c:pt>
                <c:pt idx="322">
                  <c:v>10.733333333333333</c:v>
                </c:pt>
                <c:pt idx="323">
                  <c:v>10.766666666666667</c:v>
                </c:pt>
                <c:pt idx="324">
                  <c:v>10.8</c:v>
                </c:pt>
                <c:pt idx="325">
                  <c:v>10.833333333333334</c:v>
                </c:pt>
                <c:pt idx="326">
                  <c:v>10.866666666666667</c:v>
                </c:pt>
                <c:pt idx="327">
                  <c:v>10.9</c:v>
                </c:pt>
                <c:pt idx="328">
                  <c:v>10.933333333333334</c:v>
                </c:pt>
                <c:pt idx="329">
                  <c:v>10.966666666666667</c:v>
                </c:pt>
                <c:pt idx="330">
                  <c:v>11</c:v>
                </c:pt>
                <c:pt idx="331">
                  <c:v>11.033333333333333</c:v>
                </c:pt>
                <c:pt idx="332">
                  <c:v>11.066666666666666</c:v>
                </c:pt>
                <c:pt idx="333">
                  <c:v>11.1</c:v>
                </c:pt>
                <c:pt idx="334">
                  <c:v>11.133333333333333</c:v>
                </c:pt>
                <c:pt idx="335">
                  <c:v>11.166666666666666</c:v>
                </c:pt>
                <c:pt idx="336">
                  <c:v>11.2</c:v>
                </c:pt>
                <c:pt idx="337">
                  <c:v>11.233333333333333</c:v>
                </c:pt>
                <c:pt idx="338">
                  <c:v>11.266666666666667</c:v>
                </c:pt>
                <c:pt idx="339">
                  <c:v>11.3</c:v>
                </c:pt>
                <c:pt idx="340">
                  <c:v>11.333333333333334</c:v>
                </c:pt>
                <c:pt idx="341">
                  <c:v>11.366666666666667</c:v>
                </c:pt>
                <c:pt idx="342">
                  <c:v>11.4</c:v>
                </c:pt>
                <c:pt idx="343">
                  <c:v>11.433333333333334</c:v>
                </c:pt>
                <c:pt idx="344">
                  <c:v>11.466666666666667</c:v>
                </c:pt>
                <c:pt idx="345">
                  <c:v>11.5</c:v>
                </c:pt>
                <c:pt idx="346">
                  <c:v>11.533333333333333</c:v>
                </c:pt>
                <c:pt idx="347">
                  <c:v>11.566666666666666</c:v>
                </c:pt>
                <c:pt idx="348">
                  <c:v>11.6</c:v>
                </c:pt>
                <c:pt idx="349">
                  <c:v>11.633333333333333</c:v>
                </c:pt>
                <c:pt idx="350">
                  <c:v>11.666666666666666</c:v>
                </c:pt>
                <c:pt idx="351">
                  <c:v>11.7</c:v>
                </c:pt>
                <c:pt idx="352">
                  <c:v>11.733333333333333</c:v>
                </c:pt>
                <c:pt idx="353">
                  <c:v>11.766666666666667</c:v>
                </c:pt>
                <c:pt idx="354">
                  <c:v>11.8</c:v>
                </c:pt>
                <c:pt idx="355">
                  <c:v>11.833333333333334</c:v>
                </c:pt>
                <c:pt idx="356">
                  <c:v>11.866666666666667</c:v>
                </c:pt>
                <c:pt idx="357">
                  <c:v>11.9</c:v>
                </c:pt>
                <c:pt idx="358">
                  <c:v>11.933333333333334</c:v>
                </c:pt>
                <c:pt idx="359">
                  <c:v>11.966666666666667</c:v>
                </c:pt>
                <c:pt idx="360">
                  <c:v>12</c:v>
                </c:pt>
                <c:pt idx="361">
                  <c:v>12.033333333333333</c:v>
                </c:pt>
                <c:pt idx="362">
                  <c:v>12.066666666666666</c:v>
                </c:pt>
                <c:pt idx="363">
                  <c:v>12.1</c:v>
                </c:pt>
                <c:pt idx="364">
                  <c:v>12.133333333333333</c:v>
                </c:pt>
                <c:pt idx="365">
                  <c:v>12.166666666666666</c:v>
                </c:pt>
                <c:pt idx="366">
                  <c:v>12.2</c:v>
                </c:pt>
                <c:pt idx="367">
                  <c:v>12.233333333333333</c:v>
                </c:pt>
                <c:pt idx="368">
                  <c:v>12.266666666666667</c:v>
                </c:pt>
                <c:pt idx="369">
                  <c:v>12.3</c:v>
                </c:pt>
                <c:pt idx="370">
                  <c:v>12.333333333333334</c:v>
                </c:pt>
                <c:pt idx="371">
                  <c:v>12.366666666666667</c:v>
                </c:pt>
                <c:pt idx="372">
                  <c:v>12.4</c:v>
                </c:pt>
                <c:pt idx="373">
                  <c:v>12.433333333333334</c:v>
                </c:pt>
                <c:pt idx="374">
                  <c:v>12.466666666666667</c:v>
                </c:pt>
                <c:pt idx="375">
                  <c:v>12.5</c:v>
                </c:pt>
                <c:pt idx="376">
                  <c:v>12.533333333333333</c:v>
                </c:pt>
                <c:pt idx="377">
                  <c:v>12.566666666666666</c:v>
                </c:pt>
                <c:pt idx="378">
                  <c:v>12.6</c:v>
                </c:pt>
                <c:pt idx="379">
                  <c:v>12.633333333333333</c:v>
                </c:pt>
                <c:pt idx="380">
                  <c:v>12.666666666666666</c:v>
                </c:pt>
                <c:pt idx="381">
                  <c:v>12.7</c:v>
                </c:pt>
                <c:pt idx="382">
                  <c:v>12.733333333333333</c:v>
                </c:pt>
                <c:pt idx="383">
                  <c:v>12.766666666666667</c:v>
                </c:pt>
                <c:pt idx="384">
                  <c:v>12.8</c:v>
                </c:pt>
                <c:pt idx="385">
                  <c:v>12.833333333333334</c:v>
                </c:pt>
                <c:pt idx="386">
                  <c:v>12.866666666666667</c:v>
                </c:pt>
                <c:pt idx="387">
                  <c:v>12.9</c:v>
                </c:pt>
                <c:pt idx="388">
                  <c:v>12.933333333333334</c:v>
                </c:pt>
                <c:pt idx="389">
                  <c:v>12.966666666666667</c:v>
                </c:pt>
                <c:pt idx="390">
                  <c:v>13</c:v>
                </c:pt>
                <c:pt idx="391">
                  <c:v>13.033333333333333</c:v>
                </c:pt>
                <c:pt idx="392">
                  <c:v>13.066666666666666</c:v>
                </c:pt>
                <c:pt idx="393">
                  <c:v>13.1</c:v>
                </c:pt>
                <c:pt idx="394">
                  <c:v>13.133333333333333</c:v>
                </c:pt>
                <c:pt idx="395">
                  <c:v>13.166666666666666</c:v>
                </c:pt>
                <c:pt idx="396">
                  <c:v>13.2</c:v>
                </c:pt>
                <c:pt idx="397">
                  <c:v>13.233333333333333</c:v>
                </c:pt>
                <c:pt idx="398">
                  <c:v>13.266666666666667</c:v>
                </c:pt>
                <c:pt idx="399">
                  <c:v>13.3</c:v>
                </c:pt>
                <c:pt idx="400">
                  <c:v>13.333333333333334</c:v>
                </c:pt>
                <c:pt idx="401">
                  <c:v>13.366666666666667</c:v>
                </c:pt>
                <c:pt idx="402">
                  <c:v>13.4</c:v>
                </c:pt>
                <c:pt idx="403">
                  <c:v>13.433333333333334</c:v>
                </c:pt>
                <c:pt idx="404">
                  <c:v>13.466666666666667</c:v>
                </c:pt>
                <c:pt idx="405">
                  <c:v>13.5</c:v>
                </c:pt>
                <c:pt idx="406">
                  <c:v>13.533333333333333</c:v>
                </c:pt>
                <c:pt idx="407">
                  <c:v>13.566666666666666</c:v>
                </c:pt>
                <c:pt idx="408">
                  <c:v>13.6</c:v>
                </c:pt>
                <c:pt idx="409">
                  <c:v>13.633333333333333</c:v>
                </c:pt>
                <c:pt idx="410">
                  <c:v>13.666666666666666</c:v>
                </c:pt>
                <c:pt idx="411">
                  <c:v>13.7</c:v>
                </c:pt>
                <c:pt idx="412">
                  <c:v>13.733333333333333</c:v>
                </c:pt>
                <c:pt idx="413">
                  <c:v>13.766666666666667</c:v>
                </c:pt>
                <c:pt idx="414">
                  <c:v>13.8</c:v>
                </c:pt>
                <c:pt idx="415">
                  <c:v>13.833333333333334</c:v>
                </c:pt>
                <c:pt idx="416">
                  <c:v>13.866666666666667</c:v>
                </c:pt>
                <c:pt idx="417">
                  <c:v>13.9</c:v>
                </c:pt>
                <c:pt idx="418">
                  <c:v>13.933333333333334</c:v>
                </c:pt>
                <c:pt idx="419">
                  <c:v>13.966666666666667</c:v>
                </c:pt>
                <c:pt idx="420">
                  <c:v>14</c:v>
                </c:pt>
                <c:pt idx="421">
                  <c:v>14.033333333333333</c:v>
                </c:pt>
                <c:pt idx="422">
                  <c:v>14.066666666666666</c:v>
                </c:pt>
                <c:pt idx="423">
                  <c:v>14.1</c:v>
                </c:pt>
                <c:pt idx="424">
                  <c:v>14.133333333333333</c:v>
                </c:pt>
                <c:pt idx="425">
                  <c:v>14.166666666666666</c:v>
                </c:pt>
                <c:pt idx="426">
                  <c:v>14.2</c:v>
                </c:pt>
                <c:pt idx="427">
                  <c:v>14.233333333333333</c:v>
                </c:pt>
                <c:pt idx="428">
                  <c:v>14.266666666666667</c:v>
                </c:pt>
                <c:pt idx="429">
                  <c:v>14.3</c:v>
                </c:pt>
                <c:pt idx="430">
                  <c:v>14.333333333333334</c:v>
                </c:pt>
                <c:pt idx="431">
                  <c:v>14.366666666666667</c:v>
                </c:pt>
                <c:pt idx="432">
                  <c:v>14.4</c:v>
                </c:pt>
                <c:pt idx="433">
                  <c:v>14.433333333333334</c:v>
                </c:pt>
                <c:pt idx="434">
                  <c:v>14.466666666666667</c:v>
                </c:pt>
                <c:pt idx="435">
                  <c:v>14.5</c:v>
                </c:pt>
                <c:pt idx="436">
                  <c:v>14.533333333333333</c:v>
                </c:pt>
                <c:pt idx="437">
                  <c:v>14.566666666666666</c:v>
                </c:pt>
                <c:pt idx="438">
                  <c:v>14.6</c:v>
                </c:pt>
                <c:pt idx="439">
                  <c:v>14.633333333333333</c:v>
                </c:pt>
                <c:pt idx="440">
                  <c:v>14.666666666666666</c:v>
                </c:pt>
                <c:pt idx="441">
                  <c:v>14.7</c:v>
                </c:pt>
                <c:pt idx="442">
                  <c:v>14.733333333333333</c:v>
                </c:pt>
                <c:pt idx="443">
                  <c:v>14.766666666666667</c:v>
                </c:pt>
                <c:pt idx="444">
                  <c:v>14.8</c:v>
                </c:pt>
                <c:pt idx="445">
                  <c:v>14.833333333333334</c:v>
                </c:pt>
                <c:pt idx="446">
                  <c:v>14.866666666666667</c:v>
                </c:pt>
                <c:pt idx="447">
                  <c:v>14.9</c:v>
                </c:pt>
                <c:pt idx="448">
                  <c:v>14.933333333333334</c:v>
                </c:pt>
                <c:pt idx="449">
                  <c:v>14.966666666666667</c:v>
                </c:pt>
                <c:pt idx="450">
                  <c:v>15</c:v>
                </c:pt>
                <c:pt idx="451">
                  <c:v>15.033333333333333</c:v>
                </c:pt>
                <c:pt idx="452">
                  <c:v>15.066666666666666</c:v>
                </c:pt>
                <c:pt idx="453">
                  <c:v>15.1</c:v>
                </c:pt>
                <c:pt idx="454">
                  <c:v>15.133333333333333</c:v>
                </c:pt>
                <c:pt idx="455">
                  <c:v>15.166666666666666</c:v>
                </c:pt>
                <c:pt idx="456">
                  <c:v>15.2</c:v>
                </c:pt>
                <c:pt idx="457">
                  <c:v>15.233333333333333</c:v>
                </c:pt>
                <c:pt idx="458">
                  <c:v>15.266666666666667</c:v>
                </c:pt>
                <c:pt idx="459">
                  <c:v>15.3</c:v>
                </c:pt>
                <c:pt idx="460">
                  <c:v>15.333333333333334</c:v>
                </c:pt>
                <c:pt idx="461">
                  <c:v>15.366666666666667</c:v>
                </c:pt>
                <c:pt idx="462">
                  <c:v>15.4</c:v>
                </c:pt>
                <c:pt idx="463">
                  <c:v>15.433333333333334</c:v>
                </c:pt>
                <c:pt idx="464">
                  <c:v>15.466666666666667</c:v>
                </c:pt>
                <c:pt idx="465">
                  <c:v>15.5</c:v>
                </c:pt>
                <c:pt idx="466">
                  <c:v>15.533333333333333</c:v>
                </c:pt>
                <c:pt idx="467">
                  <c:v>15.566666666666666</c:v>
                </c:pt>
                <c:pt idx="468">
                  <c:v>15.6</c:v>
                </c:pt>
                <c:pt idx="469">
                  <c:v>15.633333333333333</c:v>
                </c:pt>
                <c:pt idx="470">
                  <c:v>15.666666666666666</c:v>
                </c:pt>
                <c:pt idx="471">
                  <c:v>15.7</c:v>
                </c:pt>
                <c:pt idx="472">
                  <c:v>15.733333333333333</c:v>
                </c:pt>
                <c:pt idx="473">
                  <c:v>15.766666666666667</c:v>
                </c:pt>
                <c:pt idx="474">
                  <c:v>15.8</c:v>
                </c:pt>
                <c:pt idx="475">
                  <c:v>15.833333333333334</c:v>
                </c:pt>
                <c:pt idx="476">
                  <c:v>15.866666666666667</c:v>
                </c:pt>
                <c:pt idx="477">
                  <c:v>15.9</c:v>
                </c:pt>
                <c:pt idx="478">
                  <c:v>15.933333333333334</c:v>
                </c:pt>
                <c:pt idx="479">
                  <c:v>15.966666666666667</c:v>
                </c:pt>
                <c:pt idx="480">
                  <c:v>16</c:v>
                </c:pt>
                <c:pt idx="481">
                  <c:v>16.033333333333335</c:v>
                </c:pt>
                <c:pt idx="482">
                  <c:v>16.066666666666666</c:v>
                </c:pt>
                <c:pt idx="483">
                  <c:v>16.100000000000001</c:v>
                </c:pt>
                <c:pt idx="484">
                  <c:v>16.133333333333333</c:v>
                </c:pt>
                <c:pt idx="485">
                  <c:v>16.166666666666668</c:v>
                </c:pt>
                <c:pt idx="486">
                  <c:v>16.2</c:v>
                </c:pt>
                <c:pt idx="487">
                  <c:v>16.233333333333334</c:v>
                </c:pt>
                <c:pt idx="488">
                  <c:v>16.266666666666666</c:v>
                </c:pt>
                <c:pt idx="489">
                  <c:v>16.3</c:v>
                </c:pt>
                <c:pt idx="490">
                  <c:v>16.333333333333332</c:v>
                </c:pt>
                <c:pt idx="491">
                  <c:v>16.366666666666667</c:v>
                </c:pt>
                <c:pt idx="492">
                  <c:v>16.399999999999999</c:v>
                </c:pt>
                <c:pt idx="493">
                  <c:v>16.433333333333334</c:v>
                </c:pt>
                <c:pt idx="494">
                  <c:v>16.466666666666665</c:v>
                </c:pt>
                <c:pt idx="495">
                  <c:v>16.5</c:v>
                </c:pt>
                <c:pt idx="496">
                  <c:v>16.533333333333335</c:v>
                </c:pt>
                <c:pt idx="497">
                  <c:v>16.566666666666666</c:v>
                </c:pt>
                <c:pt idx="498">
                  <c:v>16.600000000000001</c:v>
                </c:pt>
                <c:pt idx="499">
                  <c:v>16.633333333333333</c:v>
                </c:pt>
                <c:pt idx="500">
                  <c:v>16.666666666666668</c:v>
                </c:pt>
                <c:pt idx="501">
                  <c:v>16.7</c:v>
                </c:pt>
                <c:pt idx="502">
                  <c:v>16.733333333333334</c:v>
                </c:pt>
                <c:pt idx="503">
                  <c:v>16.766666666666666</c:v>
                </c:pt>
                <c:pt idx="504">
                  <c:v>16.8</c:v>
                </c:pt>
                <c:pt idx="505">
                  <c:v>16.833333333333332</c:v>
                </c:pt>
                <c:pt idx="506">
                  <c:v>16.866666666666667</c:v>
                </c:pt>
                <c:pt idx="507">
                  <c:v>16.899999999999999</c:v>
                </c:pt>
                <c:pt idx="508">
                  <c:v>16.933333333333334</c:v>
                </c:pt>
                <c:pt idx="509">
                  <c:v>16.966666666666665</c:v>
                </c:pt>
                <c:pt idx="510">
                  <c:v>17</c:v>
                </c:pt>
                <c:pt idx="511">
                  <c:v>17.033333333333335</c:v>
                </c:pt>
                <c:pt idx="512">
                  <c:v>17.066666666666666</c:v>
                </c:pt>
                <c:pt idx="513">
                  <c:v>17.100000000000001</c:v>
                </c:pt>
                <c:pt idx="514">
                  <c:v>17.133333333333333</c:v>
                </c:pt>
                <c:pt idx="515">
                  <c:v>17.166666666666668</c:v>
                </c:pt>
                <c:pt idx="516">
                  <c:v>17.2</c:v>
                </c:pt>
                <c:pt idx="517">
                  <c:v>17.233333333333334</c:v>
                </c:pt>
                <c:pt idx="518">
                  <c:v>17.266666666666666</c:v>
                </c:pt>
                <c:pt idx="519">
                  <c:v>17.3</c:v>
                </c:pt>
                <c:pt idx="520">
                  <c:v>17.333333333333332</c:v>
                </c:pt>
                <c:pt idx="521">
                  <c:v>17.366666666666667</c:v>
                </c:pt>
                <c:pt idx="522">
                  <c:v>17.399999999999999</c:v>
                </c:pt>
                <c:pt idx="523">
                  <c:v>17.433333333333334</c:v>
                </c:pt>
                <c:pt idx="524">
                  <c:v>17.466666666666665</c:v>
                </c:pt>
                <c:pt idx="525">
                  <c:v>17.5</c:v>
                </c:pt>
                <c:pt idx="526">
                  <c:v>17.533333333333335</c:v>
                </c:pt>
                <c:pt idx="527">
                  <c:v>17.566666666666666</c:v>
                </c:pt>
                <c:pt idx="528">
                  <c:v>17.600000000000001</c:v>
                </c:pt>
                <c:pt idx="529">
                  <c:v>17.633333333333333</c:v>
                </c:pt>
                <c:pt idx="530">
                  <c:v>17.666666666666668</c:v>
                </c:pt>
                <c:pt idx="531">
                  <c:v>17.7</c:v>
                </c:pt>
                <c:pt idx="532">
                  <c:v>17.733333333333334</c:v>
                </c:pt>
                <c:pt idx="533">
                  <c:v>17.766666666666666</c:v>
                </c:pt>
                <c:pt idx="534">
                  <c:v>17.8</c:v>
                </c:pt>
                <c:pt idx="535">
                  <c:v>17.833333333333332</c:v>
                </c:pt>
                <c:pt idx="536">
                  <c:v>17.866666666666667</c:v>
                </c:pt>
                <c:pt idx="537">
                  <c:v>17.899999999999999</c:v>
                </c:pt>
                <c:pt idx="538">
                  <c:v>17.933333333333334</c:v>
                </c:pt>
                <c:pt idx="539">
                  <c:v>17.966666666666665</c:v>
                </c:pt>
                <c:pt idx="540">
                  <c:v>18</c:v>
                </c:pt>
                <c:pt idx="541">
                  <c:v>18.033333333333335</c:v>
                </c:pt>
                <c:pt idx="542">
                  <c:v>18.066666666666666</c:v>
                </c:pt>
                <c:pt idx="543">
                  <c:v>18.100000000000001</c:v>
                </c:pt>
                <c:pt idx="544">
                  <c:v>18.133333333333333</c:v>
                </c:pt>
                <c:pt idx="545">
                  <c:v>18.166666666666668</c:v>
                </c:pt>
                <c:pt idx="546">
                  <c:v>18.2</c:v>
                </c:pt>
                <c:pt idx="547">
                  <c:v>18.233333333333334</c:v>
                </c:pt>
                <c:pt idx="548">
                  <c:v>18.266666666666666</c:v>
                </c:pt>
                <c:pt idx="549">
                  <c:v>18.3</c:v>
                </c:pt>
                <c:pt idx="550">
                  <c:v>18.333333333333332</c:v>
                </c:pt>
                <c:pt idx="551">
                  <c:v>18.366666666666667</c:v>
                </c:pt>
                <c:pt idx="552">
                  <c:v>18.399999999999999</c:v>
                </c:pt>
                <c:pt idx="553">
                  <c:v>18.433333333333334</c:v>
                </c:pt>
                <c:pt idx="554">
                  <c:v>18.466666666666665</c:v>
                </c:pt>
                <c:pt idx="555">
                  <c:v>18.5</c:v>
                </c:pt>
                <c:pt idx="556">
                  <c:v>18.533333333333335</c:v>
                </c:pt>
                <c:pt idx="557">
                  <c:v>18.566666666666666</c:v>
                </c:pt>
                <c:pt idx="558">
                  <c:v>18.600000000000001</c:v>
                </c:pt>
                <c:pt idx="559">
                  <c:v>18.633333333333333</c:v>
                </c:pt>
                <c:pt idx="560">
                  <c:v>18.666666666666668</c:v>
                </c:pt>
                <c:pt idx="561">
                  <c:v>18.7</c:v>
                </c:pt>
                <c:pt idx="562">
                  <c:v>18.733333333333334</c:v>
                </c:pt>
                <c:pt idx="563">
                  <c:v>18.766666666666666</c:v>
                </c:pt>
                <c:pt idx="564">
                  <c:v>18.8</c:v>
                </c:pt>
                <c:pt idx="565">
                  <c:v>18.833333333333332</c:v>
                </c:pt>
                <c:pt idx="566">
                  <c:v>18.866666666666667</c:v>
                </c:pt>
                <c:pt idx="567">
                  <c:v>18.899999999999999</c:v>
                </c:pt>
                <c:pt idx="568">
                  <c:v>18.933333333333334</c:v>
                </c:pt>
                <c:pt idx="569">
                  <c:v>18.966666666666665</c:v>
                </c:pt>
                <c:pt idx="570">
                  <c:v>19</c:v>
                </c:pt>
                <c:pt idx="571">
                  <c:v>19.033333333333335</c:v>
                </c:pt>
                <c:pt idx="572">
                  <c:v>19.066666666666666</c:v>
                </c:pt>
                <c:pt idx="573">
                  <c:v>19.100000000000001</c:v>
                </c:pt>
                <c:pt idx="574">
                  <c:v>19.133333333333333</c:v>
                </c:pt>
                <c:pt idx="575">
                  <c:v>19.166666666666668</c:v>
                </c:pt>
                <c:pt idx="576">
                  <c:v>19.2</c:v>
                </c:pt>
                <c:pt idx="577">
                  <c:v>19.233333333333334</c:v>
                </c:pt>
                <c:pt idx="578">
                  <c:v>19.266666666666666</c:v>
                </c:pt>
                <c:pt idx="579">
                  <c:v>19.3</c:v>
                </c:pt>
                <c:pt idx="580">
                  <c:v>19.333333333333332</c:v>
                </c:pt>
                <c:pt idx="581">
                  <c:v>19.366666666666667</c:v>
                </c:pt>
                <c:pt idx="582">
                  <c:v>19.399999999999999</c:v>
                </c:pt>
                <c:pt idx="583">
                  <c:v>19.433333333333334</c:v>
                </c:pt>
                <c:pt idx="584">
                  <c:v>19.466666666666665</c:v>
                </c:pt>
                <c:pt idx="585">
                  <c:v>19.5</c:v>
                </c:pt>
                <c:pt idx="586">
                  <c:v>19.533333333333335</c:v>
                </c:pt>
                <c:pt idx="587">
                  <c:v>19.566666666666666</c:v>
                </c:pt>
                <c:pt idx="588">
                  <c:v>19.600000000000001</c:v>
                </c:pt>
                <c:pt idx="589">
                  <c:v>19.633333333333333</c:v>
                </c:pt>
                <c:pt idx="590">
                  <c:v>19.666666666666668</c:v>
                </c:pt>
                <c:pt idx="591">
                  <c:v>19.7</c:v>
                </c:pt>
                <c:pt idx="592">
                  <c:v>19.733333333333334</c:v>
                </c:pt>
                <c:pt idx="593">
                  <c:v>19.766666666666666</c:v>
                </c:pt>
                <c:pt idx="594">
                  <c:v>19.8</c:v>
                </c:pt>
                <c:pt idx="595">
                  <c:v>19.833333333333332</c:v>
                </c:pt>
                <c:pt idx="596">
                  <c:v>19.866666666666667</c:v>
                </c:pt>
                <c:pt idx="597">
                  <c:v>19.899999999999999</c:v>
                </c:pt>
                <c:pt idx="598">
                  <c:v>19.933333333333334</c:v>
                </c:pt>
                <c:pt idx="599">
                  <c:v>19.966666666666665</c:v>
                </c:pt>
                <c:pt idx="600">
                  <c:v>20</c:v>
                </c:pt>
                <c:pt idx="601">
                  <c:v>20.033333333333335</c:v>
                </c:pt>
                <c:pt idx="602">
                  <c:v>20.066666666666666</c:v>
                </c:pt>
                <c:pt idx="603">
                  <c:v>20.100000000000001</c:v>
                </c:pt>
                <c:pt idx="604">
                  <c:v>20.133333333333333</c:v>
                </c:pt>
                <c:pt idx="605">
                  <c:v>20.166666666666668</c:v>
                </c:pt>
                <c:pt idx="606">
                  <c:v>20.2</c:v>
                </c:pt>
                <c:pt idx="607">
                  <c:v>20.233333333333334</c:v>
                </c:pt>
                <c:pt idx="608">
                  <c:v>20.266666666666666</c:v>
                </c:pt>
                <c:pt idx="609">
                  <c:v>20.3</c:v>
                </c:pt>
                <c:pt idx="610">
                  <c:v>20.333333333333332</c:v>
                </c:pt>
                <c:pt idx="611">
                  <c:v>20.366666666666667</c:v>
                </c:pt>
                <c:pt idx="612">
                  <c:v>20.399999999999999</c:v>
                </c:pt>
                <c:pt idx="613">
                  <c:v>20.433333333333334</c:v>
                </c:pt>
                <c:pt idx="614">
                  <c:v>20.466666666666665</c:v>
                </c:pt>
                <c:pt idx="615">
                  <c:v>20.5</c:v>
                </c:pt>
                <c:pt idx="616">
                  <c:v>20.533333333333335</c:v>
                </c:pt>
                <c:pt idx="617">
                  <c:v>20.566666666666666</c:v>
                </c:pt>
                <c:pt idx="618">
                  <c:v>20.6</c:v>
                </c:pt>
                <c:pt idx="619">
                  <c:v>20.633333333333333</c:v>
                </c:pt>
                <c:pt idx="620">
                  <c:v>20.666666666666668</c:v>
                </c:pt>
                <c:pt idx="621">
                  <c:v>20.7</c:v>
                </c:pt>
                <c:pt idx="622">
                  <c:v>20.733333333333334</c:v>
                </c:pt>
                <c:pt idx="623">
                  <c:v>20.766666666666666</c:v>
                </c:pt>
                <c:pt idx="624">
                  <c:v>20.8</c:v>
                </c:pt>
                <c:pt idx="625">
                  <c:v>20.833333333333332</c:v>
                </c:pt>
                <c:pt idx="626">
                  <c:v>20.866666666666667</c:v>
                </c:pt>
                <c:pt idx="627">
                  <c:v>20.9</c:v>
                </c:pt>
                <c:pt idx="628">
                  <c:v>20.933333333333334</c:v>
                </c:pt>
                <c:pt idx="629">
                  <c:v>20.966666666666665</c:v>
                </c:pt>
                <c:pt idx="630">
                  <c:v>21</c:v>
                </c:pt>
                <c:pt idx="631">
                  <c:v>21.033333333333335</c:v>
                </c:pt>
                <c:pt idx="632">
                  <c:v>21.066666666666666</c:v>
                </c:pt>
                <c:pt idx="633">
                  <c:v>21.1</c:v>
                </c:pt>
                <c:pt idx="634">
                  <c:v>21.133333333333333</c:v>
                </c:pt>
                <c:pt idx="635">
                  <c:v>21.166666666666668</c:v>
                </c:pt>
                <c:pt idx="636">
                  <c:v>21.2</c:v>
                </c:pt>
                <c:pt idx="637">
                  <c:v>21.233333333333334</c:v>
                </c:pt>
                <c:pt idx="638">
                  <c:v>21.266666666666666</c:v>
                </c:pt>
                <c:pt idx="639">
                  <c:v>21.3</c:v>
                </c:pt>
                <c:pt idx="640">
                  <c:v>21.333333333333332</c:v>
                </c:pt>
                <c:pt idx="641">
                  <c:v>21.366666666666667</c:v>
                </c:pt>
                <c:pt idx="642">
                  <c:v>21.4</c:v>
                </c:pt>
                <c:pt idx="643">
                  <c:v>21.433333333333334</c:v>
                </c:pt>
                <c:pt idx="644">
                  <c:v>21.466666666666665</c:v>
                </c:pt>
                <c:pt idx="645">
                  <c:v>21.5</c:v>
                </c:pt>
                <c:pt idx="646">
                  <c:v>21.533333333333335</c:v>
                </c:pt>
                <c:pt idx="647">
                  <c:v>21.566666666666666</c:v>
                </c:pt>
                <c:pt idx="648">
                  <c:v>21.6</c:v>
                </c:pt>
                <c:pt idx="649">
                  <c:v>21.633333333333333</c:v>
                </c:pt>
                <c:pt idx="650">
                  <c:v>21.666666666666668</c:v>
                </c:pt>
                <c:pt idx="651">
                  <c:v>21.7</c:v>
                </c:pt>
                <c:pt idx="652">
                  <c:v>21.733333333333334</c:v>
                </c:pt>
                <c:pt idx="653">
                  <c:v>21.766666666666666</c:v>
                </c:pt>
                <c:pt idx="654">
                  <c:v>21.8</c:v>
                </c:pt>
                <c:pt idx="655">
                  <c:v>21.833333333333332</c:v>
                </c:pt>
                <c:pt idx="656">
                  <c:v>21.866666666666667</c:v>
                </c:pt>
                <c:pt idx="657">
                  <c:v>21.9</c:v>
                </c:pt>
                <c:pt idx="658">
                  <c:v>21.933333333333334</c:v>
                </c:pt>
                <c:pt idx="659">
                  <c:v>21.966666666666665</c:v>
                </c:pt>
                <c:pt idx="660">
                  <c:v>22</c:v>
                </c:pt>
                <c:pt idx="661">
                  <c:v>22.033333333333335</c:v>
                </c:pt>
                <c:pt idx="662">
                  <c:v>22.066666666666666</c:v>
                </c:pt>
                <c:pt idx="663">
                  <c:v>22.1</c:v>
                </c:pt>
                <c:pt idx="664">
                  <c:v>22.133333333333333</c:v>
                </c:pt>
                <c:pt idx="665">
                  <c:v>22.166666666666668</c:v>
                </c:pt>
                <c:pt idx="666">
                  <c:v>22.2</c:v>
                </c:pt>
                <c:pt idx="667">
                  <c:v>22.233333333333334</c:v>
                </c:pt>
                <c:pt idx="668">
                  <c:v>22.266666666666666</c:v>
                </c:pt>
                <c:pt idx="669">
                  <c:v>22.3</c:v>
                </c:pt>
                <c:pt idx="670">
                  <c:v>22.333333333333332</c:v>
                </c:pt>
                <c:pt idx="671">
                  <c:v>22.366666666666667</c:v>
                </c:pt>
                <c:pt idx="672">
                  <c:v>22.4</c:v>
                </c:pt>
                <c:pt idx="673">
                  <c:v>22.433333333333334</c:v>
                </c:pt>
                <c:pt idx="674">
                  <c:v>22.466666666666665</c:v>
                </c:pt>
                <c:pt idx="675">
                  <c:v>22.5</c:v>
                </c:pt>
                <c:pt idx="676">
                  <c:v>22.533333333333335</c:v>
                </c:pt>
                <c:pt idx="677">
                  <c:v>22.566666666666666</c:v>
                </c:pt>
                <c:pt idx="678">
                  <c:v>22.6</c:v>
                </c:pt>
                <c:pt idx="679">
                  <c:v>22.633333333333333</c:v>
                </c:pt>
                <c:pt idx="680">
                  <c:v>22.666666666666668</c:v>
                </c:pt>
                <c:pt idx="681">
                  <c:v>22.7</c:v>
                </c:pt>
                <c:pt idx="682">
                  <c:v>22.733333333333334</c:v>
                </c:pt>
                <c:pt idx="683">
                  <c:v>22.766666666666666</c:v>
                </c:pt>
                <c:pt idx="684">
                  <c:v>22.8</c:v>
                </c:pt>
                <c:pt idx="685">
                  <c:v>22.833333333333332</c:v>
                </c:pt>
                <c:pt idx="686">
                  <c:v>22.866666666666667</c:v>
                </c:pt>
                <c:pt idx="687">
                  <c:v>22.9</c:v>
                </c:pt>
                <c:pt idx="688">
                  <c:v>22.933333333333334</c:v>
                </c:pt>
                <c:pt idx="689">
                  <c:v>22.966666666666665</c:v>
                </c:pt>
                <c:pt idx="690">
                  <c:v>23</c:v>
                </c:pt>
                <c:pt idx="691">
                  <c:v>23.033333333333335</c:v>
                </c:pt>
                <c:pt idx="692">
                  <c:v>23.066666666666666</c:v>
                </c:pt>
                <c:pt idx="693">
                  <c:v>23.1</c:v>
                </c:pt>
                <c:pt idx="694">
                  <c:v>23.133333333333333</c:v>
                </c:pt>
                <c:pt idx="695">
                  <c:v>23.166666666666668</c:v>
                </c:pt>
                <c:pt idx="696">
                  <c:v>23.2</c:v>
                </c:pt>
                <c:pt idx="697">
                  <c:v>23.233333333333334</c:v>
                </c:pt>
                <c:pt idx="698">
                  <c:v>23.266666666666666</c:v>
                </c:pt>
                <c:pt idx="699">
                  <c:v>23.3</c:v>
                </c:pt>
                <c:pt idx="700">
                  <c:v>23.333333333333332</c:v>
                </c:pt>
                <c:pt idx="701">
                  <c:v>23.366666666666667</c:v>
                </c:pt>
                <c:pt idx="702">
                  <c:v>23.4</c:v>
                </c:pt>
                <c:pt idx="703">
                  <c:v>23.433333333333334</c:v>
                </c:pt>
                <c:pt idx="704">
                  <c:v>23.466666666666665</c:v>
                </c:pt>
                <c:pt idx="705">
                  <c:v>23.5</c:v>
                </c:pt>
                <c:pt idx="706">
                  <c:v>23.533333333333335</c:v>
                </c:pt>
                <c:pt idx="707">
                  <c:v>23.566666666666666</c:v>
                </c:pt>
                <c:pt idx="708">
                  <c:v>23.6</c:v>
                </c:pt>
                <c:pt idx="709">
                  <c:v>23.633333333333333</c:v>
                </c:pt>
                <c:pt idx="710">
                  <c:v>23.666666666666668</c:v>
                </c:pt>
                <c:pt idx="711">
                  <c:v>23.7</c:v>
                </c:pt>
                <c:pt idx="712">
                  <c:v>23.733333333333334</c:v>
                </c:pt>
                <c:pt idx="713">
                  <c:v>23.766666666666666</c:v>
                </c:pt>
                <c:pt idx="714">
                  <c:v>23.8</c:v>
                </c:pt>
                <c:pt idx="715">
                  <c:v>23.833333333333332</c:v>
                </c:pt>
                <c:pt idx="716">
                  <c:v>23.866666666666667</c:v>
                </c:pt>
                <c:pt idx="717">
                  <c:v>23.9</c:v>
                </c:pt>
                <c:pt idx="718">
                  <c:v>23.933333333333334</c:v>
                </c:pt>
                <c:pt idx="719">
                  <c:v>23.966666666666665</c:v>
                </c:pt>
                <c:pt idx="720">
                  <c:v>24</c:v>
                </c:pt>
                <c:pt idx="721">
                  <c:v>24.033333333333335</c:v>
                </c:pt>
                <c:pt idx="722">
                  <c:v>24.066666666666666</c:v>
                </c:pt>
                <c:pt idx="723">
                  <c:v>24.1</c:v>
                </c:pt>
                <c:pt idx="724">
                  <c:v>24.133333333333333</c:v>
                </c:pt>
                <c:pt idx="725">
                  <c:v>24.166666666666668</c:v>
                </c:pt>
                <c:pt idx="726">
                  <c:v>24.2</c:v>
                </c:pt>
                <c:pt idx="727">
                  <c:v>24.233333333333334</c:v>
                </c:pt>
                <c:pt idx="728">
                  <c:v>24.266666666666666</c:v>
                </c:pt>
                <c:pt idx="729">
                  <c:v>24.3</c:v>
                </c:pt>
                <c:pt idx="730">
                  <c:v>24.333333333333332</c:v>
                </c:pt>
                <c:pt idx="731">
                  <c:v>24.366666666666667</c:v>
                </c:pt>
                <c:pt idx="732">
                  <c:v>24.4</c:v>
                </c:pt>
                <c:pt idx="733">
                  <c:v>24.433333333333334</c:v>
                </c:pt>
                <c:pt idx="734">
                  <c:v>24.466666666666665</c:v>
                </c:pt>
                <c:pt idx="735">
                  <c:v>24.5</c:v>
                </c:pt>
                <c:pt idx="736">
                  <c:v>24.533333333333335</c:v>
                </c:pt>
                <c:pt idx="737">
                  <c:v>24.566666666666666</c:v>
                </c:pt>
                <c:pt idx="738">
                  <c:v>24.6</c:v>
                </c:pt>
                <c:pt idx="739">
                  <c:v>24.633333333333333</c:v>
                </c:pt>
                <c:pt idx="740">
                  <c:v>24.666666666666668</c:v>
                </c:pt>
                <c:pt idx="741">
                  <c:v>24.7</c:v>
                </c:pt>
                <c:pt idx="742">
                  <c:v>24.733333333333334</c:v>
                </c:pt>
                <c:pt idx="743">
                  <c:v>24.766666666666666</c:v>
                </c:pt>
                <c:pt idx="744">
                  <c:v>24.8</c:v>
                </c:pt>
                <c:pt idx="745">
                  <c:v>24.833333333333332</c:v>
                </c:pt>
                <c:pt idx="746">
                  <c:v>24.866666666666667</c:v>
                </c:pt>
                <c:pt idx="747">
                  <c:v>24.9</c:v>
                </c:pt>
                <c:pt idx="748">
                  <c:v>24.933333333333334</c:v>
                </c:pt>
                <c:pt idx="749">
                  <c:v>24.966666666666665</c:v>
                </c:pt>
                <c:pt idx="750">
                  <c:v>25</c:v>
                </c:pt>
                <c:pt idx="751">
                  <c:v>25.033333333333335</c:v>
                </c:pt>
                <c:pt idx="752">
                  <c:v>25.066666666666666</c:v>
                </c:pt>
                <c:pt idx="753">
                  <c:v>25.1</c:v>
                </c:pt>
                <c:pt idx="754">
                  <c:v>25.133333333333333</c:v>
                </c:pt>
                <c:pt idx="755">
                  <c:v>25.166666666666668</c:v>
                </c:pt>
                <c:pt idx="756">
                  <c:v>25.2</c:v>
                </c:pt>
                <c:pt idx="757">
                  <c:v>25.233333333333334</c:v>
                </c:pt>
                <c:pt idx="758">
                  <c:v>25.266666666666666</c:v>
                </c:pt>
                <c:pt idx="759">
                  <c:v>25.3</c:v>
                </c:pt>
                <c:pt idx="760">
                  <c:v>25.333333333333332</c:v>
                </c:pt>
                <c:pt idx="761">
                  <c:v>25.366666666666667</c:v>
                </c:pt>
                <c:pt idx="762">
                  <c:v>25.4</c:v>
                </c:pt>
                <c:pt idx="763">
                  <c:v>25.433333333333334</c:v>
                </c:pt>
                <c:pt idx="764">
                  <c:v>25.466666666666665</c:v>
                </c:pt>
                <c:pt idx="765">
                  <c:v>25.5</c:v>
                </c:pt>
                <c:pt idx="766">
                  <c:v>25.533333333333335</c:v>
                </c:pt>
                <c:pt idx="767">
                  <c:v>25.566666666666666</c:v>
                </c:pt>
                <c:pt idx="768">
                  <c:v>25.6</c:v>
                </c:pt>
                <c:pt idx="769">
                  <c:v>25.633333333333333</c:v>
                </c:pt>
                <c:pt idx="770">
                  <c:v>25.666666666666668</c:v>
                </c:pt>
                <c:pt idx="771">
                  <c:v>25.7</c:v>
                </c:pt>
                <c:pt idx="772">
                  <c:v>25.733333333333334</c:v>
                </c:pt>
                <c:pt idx="773">
                  <c:v>25.766666666666666</c:v>
                </c:pt>
                <c:pt idx="774">
                  <c:v>25.8</c:v>
                </c:pt>
                <c:pt idx="775">
                  <c:v>25.833333333333332</c:v>
                </c:pt>
                <c:pt idx="776">
                  <c:v>25.866666666666667</c:v>
                </c:pt>
                <c:pt idx="777">
                  <c:v>25.9</c:v>
                </c:pt>
                <c:pt idx="778">
                  <c:v>25.933333333333334</c:v>
                </c:pt>
                <c:pt idx="779">
                  <c:v>25.966666666666665</c:v>
                </c:pt>
                <c:pt idx="780">
                  <c:v>26</c:v>
                </c:pt>
                <c:pt idx="781">
                  <c:v>26.033333333333335</c:v>
                </c:pt>
                <c:pt idx="782">
                  <c:v>26.066666666666666</c:v>
                </c:pt>
                <c:pt idx="783">
                  <c:v>26.1</c:v>
                </c:pt>
                <c:pt idx="784">
                  <c:v>26.133333333333333</c:v>
                </c:pt>
                <c:pt idx="785">
                  <c:v>26.166666666666668</c:v>
                </c:pt>
                <c:pt idx="786">
                  <c:v>26.2</c:v>
                </c:pt>
                <c:pt idx="787">
                  <c:v>26.233333333333334</c:v>
                </c:pt>
                <c:pt idx="788">
                  <c:v>26.266666666666666</c:v>
                </c:pt>
                <c:pt idx="789">
                  <c:v>26.3</c:v>
                </c:pt>
                <c:pt idx="790">
                  <c:v>26.333333333333332</c:v>
                </c:pt>
                <c:pt idx="791">
                  <c:v>26.366666666666667</c:v>
                </c:pt>
                <c:pt idx="792">
                  <c:v>26.4</c:v>
                </c:pt>
                <c:pt idx="793">
                  <c:v>26.433333333333334</c:v>
                </c:pt>
                <c:pt idx="794">
                  <c:v>26.466666666666665</c:v>
                </c:pt>
                <c:pt idx="795">
                  <c:v>26.5</c:v>
                </c:pt>
                <c:pt idx="796">
                  <c:v>26.533333333333335</c:v>
                </c:pt>
                <c:pt idx="797">
                  <c:v>26.566666666666666</c:v>
                </c:pt>
                <c:pt idx="798">
                  <c:v>26.6</c:v>
                </c:pt>
                <c:pt idx="799">
                  <c:v>26.633333333333333</c:v>
                </c:pt>
                <c:pt idx="800">
                  <c:v>26.666666666666668</c:v>
                </c:pt>
                <c:pt idx="801">
                  <c:v>26.7</c:v>
                </c:pt>
                <c:pt idx="802">
                  <c:v>26.733333333333334</c:v>
                </c:pt>
                <c:pt idx="803">
                  <c:v>26.766666666666666</c:v>
                </c:pt>
                <c:pt idx="804">
                  <c:v>26.8</c:v>
                </c:pt>
                <c:pt idx="805">
                  <c:v>26.833333333333332</c:v>
                </c:pt>
                <c:pt idx="806">
                  <c:v>26.866666666666667</c:v>
                </c:pt>
                <c:pt idx="807">
                  <c:v>26.9</c:v>
                </c:pt>
                <c:pt idx="808">
                  <c:v>26.933333333333334</c:v>
                </c:pt>
                <c:pt idx="809">
                  <c:v>26.966666666666665</c:v>
                </c:pt>
                <c:pt idx="810">
                  <c:v>27</c:v>
                </c:pt>
                <c:pt idx="811">
                  <c:v>27.033333333333335</c:v>
                </c:pt>
                <c:pt idx="812">
                  <c:v>27.066666666666666</c:v>
                </c:pt>
                <c:pt idx="813">
                  <c:v>27.1</c:v>
                </c:pt>
                <c:pt idx="814">
                  <c:v>27.133333333333333</c:v>
                </c:pt>
                <c:pt idx="815">
                  <c:v>27.166666666666668</c:v>
                </c:pt>
                <c:pt idx="816">
                  <c:v>27.2</c:v>
                </c:pt>
                <c:pt idx="817">
                  <c:v>27.233333333333334</c:v>
                </c:pt>
                <c:pt idx="818">
                  <c:v>27.266666666666666</c:v>
                </c:pt>
                <c:pt idx="819">
                  <c:v>27.3</c:v>
                </c:pt>
                <c:pt idx="820">
                  <c:v>27.333333333333332</c:v>
                </c:pt>
                <c:pt idx="821">
                  <c:v>27.366666666666667</c:v>
                </c:pt>
                <c:pt idx="822">
                  <c:v>27.4</c:v>
                </c:pt>
                <c:pt idx="823">
                  <c:v>27.433333333333334</c:v>
                </c:pt>
                <c:pt idx="824">
                  <c:v>27.466666666666665</c:v>
                </c:pt>
                <c:pt idx="825">
                  <c:v>27.5</c:v>
                </c:pt>
                <c:pt idx="826">
                  <c:v>27.533333333333335</c:v>
                </c:pt>
                <c:pt idx="827">
                  <c:v>27.566666666666666</c:v>
                </c:pt>
                <c:pt idx="828">
                  <c:v>27.6</c:v>
                </c:pt>
                <c:pt idx="829">
                  <c:v>27.633333333333333</c:v>
                </c:pt>
                <c:pt idx="830">
                  <c:v>27.666666666666668</c:v>
                </c:pt>
                <c:pt idx="831">
                  <c:v>27.7</c:v>
                </c:pt>
                <c:pt idx="832">
                  <c:v>27.733333333333334</c:v>
                </c:pt>
                <c:pt idx="833">
                  <c:v>27.766666666666666</c:v>
                </c:pt>
                <c:pt idx="834">
                  <c:v>27.8</c:v>
                </c:pt>
                <c:pt idx="835">
                  <c:v>27.833333333333332</c:v>
                </c:pt>
                <c:pt idx="836">
                  <c:v>27.866666666666667</c:v>
                </c:pt>
                <c:pt idx="837">
                  <c:v>27.9</c:v>
                </c:pt>
                <c:pt idx="838">
                  <c:v>27.933333333333334</c:v>
                </c:pt>
                <c:pt idx="839">
                  <c:v>27.966666666666665</c:v>
                </c:pt>
                <c:pt idx="840">
                  <c:v>28</c:v>
                </c:pt>
                <c:pt idx="841">
                  <c:v>28.033333333333335</c:v>
                </c:pt>
                <c:pt idx="842">
                  <c:v>28.066666666666666</c:v>
                </c:pt>
                <c:pt idx="843">
                  <c:v>28.1</c:v>
                </c:pt>
                <c:pt idx="844">
                  <c:v>28.133333333333333</c:v>
                </c:pt>
                <c:pt idx="845">
                  <c:v>28.166666666666668</c:v>
                </c:pt>
                <c:pt idx="846">
                  <c:v>28.2</c:v>
                </c:pt>
                <c:pt idx="847">
                  <c:v>28.233333333333334</c:v>
                </c:pt>
                <c:pt idx="848">
                  <c:v>28.266666666666666</c:v>
                </c:pt>
                <c:pt idx="849">
                  <c:v>28.3</c:v>
                </c:pt>
                <c:pt idx="850">
                  <c:v>28.333333333333332</c:v>
                </c:pt>
                <c:pt idx="851">
                  <c:v>28.366666666666667</c:v>
                </c:pt>
                <c:pt idx="852">
                  <c:v>28.4</c:v>
                </c:pt>
                <c:pt idx="853">
                  <c:v>28.433333333333334</c:v>
                </c:pt>
                <c:pt idx="854">
                  <c:v>28.466666666666665</c:v>
                </c:pt>
                <c:pt idx="855">
                  <c:v>28.5</c:v>
                </c:pt>
                <c:pt idx="856">
                  <c:v>28.533333333333335</c:v>
                </c:pt>
                <c:pt idx="857">
                  <c:v>28.566666666666666</c:v>
                </c:pt>
                <c:pt idx="858">
                  <c:v>28.6</c:v>
                </c:pt>
                <c:pt idx="859">
                  <c:v>28.633333333333333</c:v>
                </c:pt>
                <c:pt idx="860">
                  <c:v>28.666666666666668</c:v>
                </c:pt>
                <c:pt idx="861">
                  <c:v>28.7</c:v>
                </c:pt>
                <c:pt idx="862">
                  <c:v>28.733333333333334</c:v>
                </c:pt>
                <c:pt idx="863">
                  <c:v>28.766666666666666</c:v>
                </c:pt>
                <c:pt idx="864">
                  <c:v>28.8</c:v>
                </c:pt>
                <c:pt idx="865">
                  <c:v>28.833333333333332</c:v>
                </c:pt>
                <c:pt idx="866">
                  <c:v>28.866666666666667</c:v>
                </c:pt>
                <c:pt idx="867">
                  <c:v>28.9</c:v>
                </c:pt>
                <c:pt idx="868">
                  <c:v>28.933333333333334</c:v>
                </c:pt>
                <c:pt idx="869">
                  <c:v>28.966666666666665</c:v>
                </c:pt>
                <c:pt idx="870">
                  <c:v>29</c:v>
                </c:pt>
                <c:pt idx="871">
                  <c:v>29.033333333333335</c:v>
                </c:pt>
                <c:pt idx="872">
                  <c:v>29.066666666666666</c:v>
                </c:pt>
                <c:pt idx="873">
                  <c:v>29.1</c:v>
                </c:pt>
                <c:pt idx="874">
                  <c:v>29.133333333333333</c:v>
                </c:pt>
                <c:pt idx="875">
                  <c:v>29.166666666666668</c:v>
                </c:pt>
                <c:pt idx="876">
                  <c:v>29.2</c:v>
                </c:pt>
                <c:pt idx="877">
                  <c:v>29.233333333333334</c:v>
                </c:pt>
                <c:pt idx="878">
                  <c:v>29.266666666666666</c:v>
                </c:pt>
                <c:pt idx="879">
                  <c:v>29.3</c:v>
                </c:pt>
                <c:pt idx="880">
                  <c:v>29.333333333333332</c:v>
                </c:pt>
                <c:pt idx="881">
                  <c:v>29.366666666666667</c:v>
                </c:pt>
                <c:pt idx="882">
                  <c:v>29.4</c:v>
                </c:pt>
                <c:pt idx="883">
                  <c:v>29.433333333333334</c:v>
                </c:pt>
                <c:pt idx="884">
                  <c:v>29.466666666666665</c:v>
                </c:pt>
                <c:pt idx="885">
                  <c:v>29.5</c:v>
                </c:pt>
                <c:pt idx="886">
                  <c:v>29.533333333333335</c:v>
                </c:pt>
                <c:pt idx="887">
                  <c:v>29.566666666666666</c:v>
                </c:pt>
                <c:pt idx="888">
                  <c:v>29.6</c:v>
                </c:pt>
                <c:pt idx="889">
                  <c:v>29.633333333333333</c:v>
                </c:pt>
                <c:pt idx="890">
                  <c:v>29.666666666666668</c:v>
                </c:pt>
                <c:pt idx="891">
                  <c:v>29.7</c:v>
                </c:pt>
                <c:pt idx="892">
                  <c:v>29.733333333333334</c:v>
                </c:pt>
                <c:pt idx="893">
                  <c:v>29.766666666666666</c:v>
                </c:pt>
                <c:pt idx="894">
                  <c:v>29.8</c:v>
                </c:pt>
                <c:pt idx="895">
                  <c:v>29.833333333333332</c:v>
                </c:pt>
                <c:pt idx="896">
                  <c:v>29.866666666666667</c:v>
                </c:pt>
                <c:pt idx="897">
                  <c:v>29.9</c:v>
                </c:pt>
                <c:pt idx="898">
                  <c:v>29.933333333333334</c:v>
                </c:pt>
                <c:pt idx="899">
                  <c:v>29.966666666666665</c:v>
                </c:pt>
                <c:pt idx="900">
                  <c:v>30</c:v>
                </c:pt>
              </c:numCache>
            </c:numRef>
          </c:xVal>
          <c:yVal>
            <c:numRef>
              <c:f>重心!$E$2:$E$902</c:f>
              <c:numCache>
                <c:formatCode>General</c:formatCode>
                <c:ptCount val="901"/>
                <c:pt idx="0">
                  <c:v>2.2112695443071129</c:v>
                </c:pt>
                <c:pt idx="1">
                  <c:v>2.2131668566813745</c:v>
                </c:pt>
                <c:pt idx="2">
                  <c:v>2.2124896721631635</c:v>
                </c:pt>
                <c:pt idx="3">
                  <c:v>2.2121626867529867</c:v>
                </c:pt>
                <c:pt idx="4">
                  <c:v>2.21402592776619</c:v>
                </c:pt>
                <c:pt idx="5">
                  <c:v>2.2104118844887806</c:v>
                </c:pt>
                <c:pt idx="6">
                  <c:v>2.2099320570941918</c:v>
                </c:pt>
                <c:pt idx="7">
                  <c:v>2.2095364229541188</c:v>
                </c:pt>
                <c:pt idx="8">
                  <c:v>2.2070226751532309</c:v>
                </c:pt>
                <c:pt idx="9">
                  <c:v>2.2065179017582066</c:v>
                </c:pt>
                <c:pt idx="10">
                  <c:v>2.2051048873039258</c:v>
                </c:pt>
                <c:pt idx="11">
                  <c:v>2.2004800541335299</c:v>
                </c:pt>
                <c:pt idx="12">
                  <c:v>2.2043743457663227</c:v>
                </c:pt>
                <c:pt idx="13">
                  <c:v>2.2048086151754989</c:v>
                </c:pt>
                <c:pt idx="14">
                  <c:v>2.2053048262628447</c:v>
                </c:pt>
                <c:pt idx="15">
                  <c:v>2.206059803782451</c:v>
                </c:pt>
                <c:pt idx="16">
                  <c:v>2.2050319607814592</c:v>
                </c:pt>
                <c:pt idx="17">
                  <c:v>2.2035282861094649</c:v>
                </c:pt>
                <c:pt idx="18">
                  <c:v>2.2036254636699213</c:v>
                </c:pt>
                <c:pt idx="19">
                  <c:v>2.2037748242944954</c:v>
                </c:pt>
                <c:pt idx="20">
                  <c:v>2.2031524300462664</c:v>
                </c:pt>
                <c:pt idx="21">
                  <c:v>2.2031603696294422</c:v>
                </c:pt>
                <c:pt idx="22">
                  <c:v>2.2046945468095194</c:v>
                </c:pt>
                <c:pt idx="23">
                  <c:v>2.205543705361809</c:v>
                </c:pt>
                <c:pt idx="24">
                  <c:v>2.2044445322447799</c:v>
                </c:pt>
                <c:pt idx="25">
                  <c:v>2.203989663602159</c:v>
                </c:pt>
                <c:pt idx="26">
                  <c:v>2.2035470893647902</c:v>
                </c:pt>
                <c:pt idx="27">
                  <c:v>2.2046862609614495</c:v>
                </c:pt>
                <c:pt idx="28">
                  <c:v>2.2065939595396191</c:v>
                </c:pt>
                <c:pt idx="29">
                  <c:v>2.2023447013031472</c:v>
                </c:pt>
                <c:pt idx="30">
                  <c:v>2.2029868607511336</c:v>
                </c:pt>
                <c:pt idx="31">
                  <c:v>2.1995049567542519</c:v>
                </c:pt>
                <c:pt idx="32">
                  <c:v>2.1958465995074006</c:v>
                </c:pt>
                <c:pt idx="33">
                  <c:v>2.1958174942246114</c:v>
                </c:pt>
                <c:pt idx="34">
                  <c:v>2.1952463777272095</c:v>
                </c:pt>
                <c:pt idx="35">
                  <c:v>2.1956502137527063</c:v>
                </c:pt>
                <c:pt idx="36">
                  <c:v>2.1942058766981347</c:v>
                </c:pt>
                <c:pt idx="37">
                  <c:v>2.1919064549290104</c:v>
                </c:pt>
                <c:pt idx="38">
                  <c:v>2.1894165412256252</c:v>
                </c:pt>
                <c:pt idx="39">
                  <c:v>2.1904578542444559</c:v>
                </c:pt>
                <c:pt idx="40">
                  <c:v>2.1906775447899807</c:v>
                </c:pt>
                <c:pt idx="41">
                  <c:v>2.1894888822891212</c:v>
                </c:pt>
                <c:pt idx="42">
                  <c:v>2.1880448353871151</c:v>
                </c:pt>
                <c:pt idx="43">
                  <c:v>2.1906612984704461</c:v>
                </c:pt>
                <c:pt idx="44">
                  <c:v>2.1888578558490148</c:v>
                </c:pt>
                <c:pt idx="45">
                  <c:v>2.1902979975186687</c:v>
                </c:pt>
                <c:pt idx="46">
                  <c:v>2.1892703053092828</c:v>
                </c:pt>
                <c:pt idx="47">
                  <c:v>2.1922632713794479</c:v>
                </c:pt>
                <c:pt idx="48">
                  <c:v>2.1947066314320147</c:v>
                </c:pt>
                <c:pt idx="49">
                  <c:v>2.192270973046218</c:v>
                </c:pt>
                <c:pt idx="50">
                  <c:v>2.1919976040697691</c:v>
                </c:pt>
                <c:pt idx="51">
                  <c:v>2.1908429979226809</c:v>
                </c:pt>
                <c:pt idx="52">
                  <c:v>2.188396411550563</c:v>
                </c:pt>
                <c:pt idx="53">
                  <c:v>2.187980117993209</c:v>
                </c:pt>
                <c:pt idx="54">
                  <c:v>2.186498103287807</c:v>
                </c:pt>
                <c:pt idx="55">
                  <c:v>2.1856753868078704</c:v>
                </c:pt>
                <c:pt idx="56">
                  <c:v>2.1862580561661806</c:v>
                </c:pt>
                <c:pt idx="57">
                  <c:v>2.1848924440002269</c:v>
                </c:pt>
                <c:pt idx="58">
                  <c:v>2.18368788789987</c:v>
                </c:pt>
                <c:pt idx="59">
                  <c:v>2.182965402358013</c:v>
                </c:pt>
                <c:pt idx="60">
                  <c:v>2.1835978647671808</c:v>
                </c:pt>
                <c:pt idx="61">
                  <c:v>2.1812600397998909</c:v>
                </c:pt>
                <c:pt idx="62">
                  <c:v>2.1800719414180043</c:v>
                </c:pt>
                <c:pt idx="63">
                  <c:v>2.1802651890550386</c:v>
                </c:pt>
                <c:pt idx="64">
                  <c:v>2.1824485454277727</c:v>
                </c:pt>
                <c:pt idx="65">
                  <c:v>2.1837260761012898</c:v>
                </c:pt>
                <c:pt idx="66">
                  <c:v>2.1829340997793811</c:v>
                </c:pt>
                <c:pt idx="67">
                  <c:v>2.1809162475216599</c:v>
                </c:pt>
                <c:pt idx="68">
                  <c:v>2.1797771088335485</c:v>
                </c:pt>
                <c:pt idx="69">
                  <c:v>2.1783328681661809</c:v>
                </c:pt>
                <c:pt idx="70">
                  <c:v>2.1807687560055142</c:v>
                </c:pt>
                <c:pt idx="71">
                  <c:v>2.1810846117064306</c:v>
                </c:pt>
                <c:pt idx="72">
                  <c:v>2.1811322218919322</c:v>
                </c:pt>
                <c:pt idx="73">
                  <c:v>2.180853554289178</c:v>
                </c:pt>
                <c:pt idx="74">
                  <c:v>2.1826016644737583</c:v>
                </c:pt>
                <c:pt idx="75">
                  <c:v>2.1818650657449847</c:v>
                </c:pt>
                <c:pt idx="76">
                  <c:v>2.1817975500365434</c:v>
                </c:pt>
                <c:pt idx="77">
                  <c:v>2.1838976284798188</c:v>
                </c:pt>
                <c:pt idx="78">
                  <c:v>2.1828828913458618</c:v>
                </c:pt>
                <c:pt idx="79">
                  <c:v>2.1827756712741229</c:v>
                </c:pt>
                <c:pt idx="80">
                  <c:v>2.1834971654205293</c:v>
                </c:pt>
                <c:pt idx="81">
                  <c:v>2.1828685574753046</c:v>
                </c:pt>
                <c:pt idx="82">
                  <c:v>2.1819161333298642</c:v>
                </c:pt>
                <c:pt idx="83">
                  <c:v>2.1786434307410363</c:v>
                </c:pt>
                <c:pt idx="84">
                  <c:v>2.1800005288821436</c:v>
                </c:pt>
                <c:pt idx="85">
                  <c:v>2.1792143861586881</c:v>
                </c:pt>
                <c:pt idx="86">
                  <c:v>2.1728415246876969</c:v>
                </c:pt>
                <c:pt idx="87">
                  <c:v>2.1732631236765112</c:v>
                </c:pt>
                <c:pt idx="88">
                  <c:v>2.1722303125392819</c:v>
                </c:pt>
                <c:pt idx="89">
                  <c:v>2.1735834536587229</c:v>
                </c:pt>
                <c:pt idx="90">
                  <c:v>2.1706491958284642</c:v>
                </c:pt>
                <c:pt idx="91">
                  <c:v>2.1717251256356196</c:v>
                </c:pt>
                <c:pt idx="92">
                  <c:v>2.1708147787395378</c:v>
                </c:pt>
                <c:pt idx="93">
                  <c:v>2.1727887193529827</c:v>
                </c:pt>
                <c:pt idx="94">
                  <c:v>2.1729161392974143</c:v>
                </c:pt>
                <c:pt idx="95">
                  <c:v>2.1727129088848867</c:v>
                </c:pt>
                <c:pt idx="96">
                  <c:v>2.1740416142591368</c:v>
                </c:pt>
                <c:pt idx="97">
                  <c:v>2.1741724346222124</c:v>
                </c:pt>
                <c:pt idx="98">
                  <c:v>2.1739512785769066</c:v>
                </c:pt>
                <c:pt idx="99">
                  <c:v>2.1733523771250587</c:v>
                </c:pt>
                <c:pt idx="100">
                  <c:v>2.1738243768335459</c:v>
                </c:pt>
                <c:pt idx="101">
                  <c:v>2.1713017439479669</c:v>
                </c:pt>
                <c:pt idx="102">
                  <c:v>2.1703832733238704</c:v>
                </c:pt>
                <c:pt idx="103">
                  <c:v>2.1694070978509559</c:v>
                </c:pt>
                <c:pt idx="104">
                  <c:v>2.1725035060162337</c:v>
                </c:pt>
                <c:pt idx="105">
                  <c:v>2.1728053038113502</c:v>
                </c:pt>
                <c:pt idx="106">
                  <c:v>2.1715662970939298</c:v>
                </c:pt>
                <c:pt idx="107">
                  <c:v>2.1725361372706535</c:v>
                </c:pt>
                <c:pt idx="108">
                  <c:v>2.1728948439202966</c:v>
                </c:pt>
                <c:pt idx="109">
                  <c:v>2.1742797919810375</c:v>
                </c:pt>
                <c:pt idx="110">
                  <c:v>2.176552514064555</c:v>
                </c:pt>
                <c:pt idx="111">
                  <c:v>2.1737899442171287</c:v>
                </c:pt>
                <c:pt idx="112">
                  <c:v>2.1759823071800737</c:v>
                </c:pt>
                <c:pt idx="113">
                  <c:v>2.1737746262618178</c:v>
                </c:pt>
                <c:pt idx="114">
                  <c:v>2.1736575780031724</c:v>
                </c:pt>
                <c:pt idx="115">
                  <c:v>2.1718259403242861</c:v>
                </c:pt>
                <c:pt idx="116">
                  <c:v>2.1730685145439748</c:v>
                </c:pt>
                <c:pt idx="117">
                  <c:v>2.1740148513284492</c:v>
                </c:pt>
                <c:pt idx="118">
                  <c:v>2.1741626771058855</c:v>
                </c:pt>
                <c:pt idx="119">
                  <c:v>2.1756053468856069</c:v>
                </c:pt>
                <c:pt idx="120">
                  <c:v>2.1769890162807299</c:v>
                </c:pt>
                <c:pt idx="121">
                  <c:v>2.1771057430295282</c:v>
                </c:pt>
                <c:pt idx="122">
                  <c:v>2.1793024183082563</c:v>
                </c:pt>
                <c:pt idx="123">
                  <c:v>2.1822455808104562</c:v>
                </c:pt>
                <c:pt idx="124">
                  <c:v>2.1848092260497545</c:v>
                </c:pt>
                <c:pt idx="125">
                  <c:v>2.1856254425187016</c:v>
                </c:pt>
                <c:pt idx="126">
                  <c:v>2.1852755480365795</c:v>
                </c:pt>
                <c:pt idx="127">
                  <c:v>2.186183877251394</c:v>
                </c:pt>
                <c:pt idx="128">
                  <c:v>2.1887101402163793</c:v>
                </c:pt>
                <c:pt idx="129">
                  <c:v>2.1870832621004084</c:v>
                </c:pt>
                <c:pt idx="130">
                  <c:v>2.1861908026480918</c:v>
                </c:pt>
                <c:pt idx="131">
                  <c:v>2.1868277942887548</c:v>
                </c:pt>
                <c:pt idx="132">
                  <c:v>2.1870573359285324</c:v>
                </c:pt>
                <c:pt idx="133">
                  <c:v>2.1852970823858939</c:v>
                </c:pt>
                <c:pt idx="134">
                  <c:v>2.1857999392485512</c:v>
                </c:pt>
                <c:pt idx="135">
                  <c:v>2.1811755158207418</c:v>
                </c:pt>
                <c:pt idx="136">
                  <c:v>2.1808413170415575</c:v>
                </c:pt>
                <c:pt idx="137">
                  <c:v>2.1780738623845268</c:v>
                </c:pt>
                <c:pt idx="138">
                  <c:v>2.1749880426225561</c:v>
                </c:pt>
                <c:pt idx="139">
                  <c:v>2.1746973097907243</c:v>
                </c:pt>
                <c:pt idx="140">
                  <c:v>2.172247089667426</c:v>
                </c:pt>
                <c:pt idx="141">
                  <c:v>2.1803297246889599</c:v>
                </c:pt>
                <c:pt idx="142">
                  <c:v>2.1797453648875051</c:v>
                </c:pt>
                <c:pt idx="143">
                  <c:v>2.1785710751707104</c:v>
                </c:pt>
                <c:pt idx="144">
                  <c:v>2.1805172010324658</c:v>
                </c:pt>
                <c:pt idx="145">
                  <c:v>2.1804363904106991</c:v>
                </c:pt>
                <c:pt idx="146">
                  <c:v>2.1821207428706644</c:v>
                </c:pt>
                <c:pt idx="147">
                  <c:v>2.1811304276716421</c:v>
                </c:pt>
                <c:pt idx="148">
                  <c:v>2.1838577639982475</c:v>
                </c:pt>
                <c:pt idx="149">
                  <c:v>2.1870848566558334</c:v>
                </c:pt>
                <c:pt idx="150">
                  <c:v>2.1906813132670298</c:v>
                </c:pt>
                <c:pt idx="151">
                  <c:v>2.1892365402515481</c:v>
                </c:pt>
                <c:pt idx="152">
                  <c:v>2.1894146603976981</c:v>
                </c:pt>
                <c:pt idx="153">
                  <c:v>2.1925291516669003</c:v>
                </c:pt>
                <c:pt idx="154">
                  <c:v>2.191924231321924</c:v>
                </c:pt>
                <c:pt idx="155">
                  <c:v>2.1917433237087001</c:v>
                </c:pt>
                <c:pt idx="156">
                  <c:v>2.1927621053499347</c:v>
                </c:pt>
                <c:pt idx="157">
                  <c:v>2.1917521584720929</c:v>
                </c:pt>
                <c:pt idx="158">
                  <c:v>2.1913819411788085</c:v>
                </c:pt>
                <c:pt idx="159">
                  <c:v>2.1923630133415415</c:v>
                </c:pt>
                <c:pt idx="160">
                  <c:v>2.1892937782769959</c:v>
                </c:pt>
                <c:pt idx="161">
                  <c:v>2.1880003920561357</c:v>
                </c:pt>
                <c:pt idx="162">
                  <c:v>2.1883265393238278</c:v>
                </c:pt>
                <c:pt idx="163">
                  <c:v>2.1856848735372321</c:v>
                </c:pt>
                <c:pt idx="164">
                  <c:v>2.1856676571631364</c:v>
                </c:pt>
                <c:pt idx="165">
                  <c:v>2.1865769798984678</c:v>
                </c:pt>
                <c:pt idx="166">
                  <c:v>2.1860310482416137</c:v>
                </c:pt>
                <c:pt idx="167">
                  <c:v>2.1870435546103866</c:v>
                </c:pt>
                <c:pt idx="168">
                  <c:v>2.1858946148030545</c:v>
                </c:pt>
                <c:pt idx="169">
                  <c:v>2.1867383564799243</c:v>
                </c:pt>
                <c:pt idx="170">
                  <c:v>2.1879046369110893</c:v>
                </c:pt>
                <c:pt idx="171">
                  <c:v>2.189974143154688</c:v>
                </c:pt>
                <c:pt idx="172">
                  <c:v>2.1954099938367508</c:v>
                </c:pt>
                <c:pt idx="173">
                  <c:v>2.1962676531454304</c:v>
                </c:pt>
                <c:pt idx="174">
                  <c:v>2.1968874703502346</c:v>
                </c:pt>
                <c:pt idx="175">
                  <c:v>2.1998088928948847</c:v>
                </c:pt>
                <c:pt idx="176">
                  <c:v>2.2012593638172775</c:v>
                </c:pt>
                <c:pt idx="177">
                  <c:v>2.2003973855536616</c:v>
                </c:pt>
                <c:pt idx="178">
                  <c:v>2.2009346665123406</c:v>
                </c:pt>
                <c:pt idx="179">
                  <c:v>2.202458669938923</c:v>
                </c:pt>
                <c:pt idx="180">
                  <c:v>2.2029841742130296</c:v>
                </c:pt>
                <c:pt idx="181">
                  <c:v>2.2041099043378423</c:v>
                </c:pt>
                <c:pt idx="182">
                  <c:v>2.2049701817299772</c:v>
                </c:pt>
                <c:pt idx="183">
                  <c:v>2.2065565831270688</c:v>
                </c:pt>
                <c:pt idx="184">
                  <c:v>2.2069617986678294</c:v>
                </c:pt>
                <c:pt idx="185">
                  <c:v>2.2056688126601678</c:v>
                </c:pt>
                <c:pt idx="186">
                  <c:v>2.2080671109495467</c:v>
                </c:pt>
                <c:pt idx="187">
                  <c:v>2.2089980148751476</c:v>
                </c:pt>
                <c:pt idx="188">
                  <c:v>2.2054907978954565</c:v>
                </c:pt>
                <c:pt idx="189">
                  <c:v>2.2061380973106144</c:v>
                </c:pt>
                <c:pt idx="190">
                  <c:v>2.2047776917313846</c:v>
                </c:pt>
                <c:pt idx="191">
                  <c:v>2.2037846928697022</c:v>
                </c:pt>
                <c:pt idx="192">
                  <c:v>2.2027192697977971</c:v>
                </c:pt>
                <c:pt idx="193">
                  <c:v>2.20352826308326</c:v>
                </c:pt>
                <c:pt idx="194">
                  <c:v>2.2022099691778472</c:v>
                </c:pt>
                <c:pt idx="195">
                  <c:v>2.2012126742491791</c:v>
                </c:pt>
                <c:pt idx="196">
                  <c:v>2.2028864538198896</c:v>
                </c:pt>
                <c:pt idx="197">
                  <c:v>2.2024837058084406</c:v>
                </c:pt>
                <c:pt idx="198">
                  <c:v>2.203534706257158</c:v>
                </c:pt>
                <c:pt idx="199">
                  <c:v>2.2018589897332008</c:v>
                </c:pt>
                <c:pt idx="200">
                  <c:v>2.2050251772916392</c:v>
                </c:pt>
                <c:pt idx="201">
                  <c:v>2.2096872086321215</c:v>
                </c:pt>
                <c:pt idx="202">
                  <c:v>2.2118023291808142</c:v>
                </c:pt>
                <c:pt idx="203">
                  <c:v>2.211773139194646</c:v>
                </c:pt>
                <c:pt idx="204">
                  <c:v>2.2128579088805589</c:v>
                </c:pt>
                <c:pt idx="205">
                  <c:v>2.2142585820596872</c:v>
                </c:pt>
                <c:pt idx="206">
                  <c:v>2.2155076006573169</c:v>
                </c:pt>
                <c:pt idx="207">
                  <c:v>2.2158276398401422</c:v>
                </c:pt>
                <c:pt idx="208">
                  <c:v>2.217759145835664</c:v>
                </c:pt>
                <c:pt idx="209">
                  <c:v>2.2189673266782521</c:v>
                </c:pt>
                <c:pt idx="210">
                  <c:v>2.2205166009463579</c:v>
                </c:pt>
                <c:pt idx="211">
                  <c:v>2.2188153541289375</c:v>
                </c:pt>
                <c:pt idx="212">
                  <c:v>2.2176733202409067</c:v>
                </c:pt>
                <c:pt idx="213">
                  <c:v>2.2139237149207043</c:v>
                </c:pt>
                <c:pt idx="214">
                  <c:v>2.2149027893084825</c:v>
                </c:pt>
                <c:pt idx="215">
                  <c:v>2.21328228129541</c:v>
                </c:pt>
                <c:pt idx="216">
                  <c:v>2.2172201723457818</c:v>
                </c:pt>
                <c:pt idx="217">
                  <c:v>2.2177040192004767</c:v>
                </c:pt>
                <c:pt idx="218">
                  <c:v>2.2184116877049513</c:v>
                </c:pt>
                <c:pt idx="219">
                  <c:v>2.2225001684867149</c:v>
                </c:pt>
                <c:pt idx="220">
                  <c:v>2.2231284129247064</c:v>
                </c:pt>
                <c:pt idx="221">
                  <c:v>2.2235720408869399</c:v>
                </c:pt>
                <c:pt idx="222">
                  <c:v>2.2247365488215762</c:v>
                </c:pt>
                <c:pt idx="223">
                  <c:v>2.2271225890106816</c:v>
                </c:pt>
                <c:pt idx="224">
                  <c:v>2.2258668319551682</c:v>
                </c:pt>
                <c:pt idx="225">
                  <c:v>2.2274970481615624</c:v>
                </c:pt>
                <c:pt idx="226">
                  <c:v>2.2285799568020646</c:v>
                </c:pt>
                <c:pt idx="227">
                  <c:v>2.2306279861800675</c:v>
                </c:pt>
                <c:pt idx="228">
                  <c:v>2.2306784539374185</c:v>
                </c:pt>
                <c:pt idx="229">
                  <c:v>2.2325377244846116</c:v>
                </c:pt>
                <c:pt idx="230">
                  <c:v>2.2354380300866379</c:v>
                </c:pt>
                <c:pt idx="231">
                  <c:v>2.2376155434937743</c:v>
                </c:pt>
                <c:pt idx="232">
                  <c:v>2.2412103927400668</c:v>
                </c:pt>
                <c:pt idx="233">
                  <c:v>2.2386609720665898</c:v>
                </c:pt>
                <c:pt idx="234">
                  <c:v>2.2396625872996081</c:v>
                </c:pt>
                <c:pt idx="235">
                  <c:v>2.2383726443183347</c:v>
                </c:pt>
                <c:pt idx="236">
                  <c:v>2.2370587136185747</c:v>
                </c:pt>
                <c:pt idx="237">
                  <c:v>2.2375505824242219</c:v>
                </c:pt>
                <c:pt idx="238">
                  <c:v>2.2382458919624524</c:v>
                </c:pt>
                <c:pt idx="239">
                  <c:v>2.2371354533139178</c:v>
                </c:pt>
                <c:pt idx="240">
                  <c:v>2.2383624518200151</c:v>
                </c:pt>
                <c:pt idx="241">
                  <c:v>2.237526043172581</c:v>
                </c:pt>
                <c:pt idx="242">
                  <c:v>2.2389159636409657</c:v>
                </c:pt>
                <c:pt idx="243">
                  <c:v>2.2409023355161293</c:v>
                </c:pt>
                <c:pt idx="244">
                  <c:v>2.2422163914859401</c:v>
                </c:pt>
                <c:pt idx="245">
                  <c:v>2.2432634157223181</c:v>
                </c:pt>
                <c:pt idx="246">
                  <c:v>2.2450280195194088</c:v>
                </c:pt>
                <c:pt idx="247">
                  <c:v>2.2439768387923564</c:v>
                </c:pt>
                <c:pt idx="248">
                  <c:v>2.2456494726724578</c:v>
                </c:pt>
                <c:pt idx="249">
                  <c:v>2.245332966509566</c:v>
                </c:pt>
                <c:pt idx="250">
                  <c:v>2.2442373579417891</c:v>
                </c:pt>
                <c:pt idx="251">
                  <c:v>2.2457211867053295</c:v>
                </c:pt>
                <c:pt idx="252">
                  <c:v>2.2424555788543294</c:v>
                </c:pt>
                <c:pt idx="253">
                  <c:v>2.2457225542804622</c:v>
                </c:pt>
                <c:pt idx="254">
                  <c:v>2.2510057478798289</c:v>
                </c:pt>
                <c:pt idx="255">
                  <c:v>2.2563179542252865</c:v>
                </c:pt>
                <c:pt idx="256">
                  <c:v>2.2576824840230727</c:v>
                </c:pt>
                <c:pt idx="257">
                  <c:v>2.2609080960869972</c:v>
                </c:pt>
                <c:pt idx="258">
                  <c:v>2.2606150671906007</c:v>
                </c:pt>
                <c:pt idx="259">
                  <c:v>2.2619781641119228</c:v>
                </c:pt>
                <c:pt idx="260">
                  <c:v>2.2596421775552415</c:v>
                </c:pt>
                <c:pt idx="261">
                  <c:v>2.2609460408769571</c:v>
                </c:pt>
                <c:pt idx="262">
                  <c:v>2.2625114679439013</c:v>
                </c:pt>
                <c:pt idx="263">
                  <c:v>2.2620229890051684</c:v>
                </c:pt>
                <c:pt idx="264">
                  <c:v>2.2618169933360019</c:v>
                </c:pt>
                <c:pt idx="265">
                  <c:v>2.2632510441536469</c:v>
                </c:pt>
                <c:pt idx="266">
                  <c:v>2.2649888836886052</c:v>
                </c:pt>
                <c:pt idx="267">
                  <c:v>2.266471088457469</c:v>
                </c:pt>
                <c:pt idx="268">
                  <c:v>2.264688978133981</c:v>
                </c:pt>
                <c:pt idx="269">
                  <c:v>2.264418104714502</c:v>
                </c:pt>
                <c:pt idx="270">
                  <c:v>2.2633136655489112</c:v>
                </c:pt>
                <c:pt idx="271">
                  <c:v>2.2617033468791172</c:v>
                </c:pt>
                <c:pt idx="272">
                  <c:v>2.2595081872757969</c:v>
                </c:pt>
                <c:pt idx="273">
                  <c:v>2.2604922055587915</c:v>
                </c:pt>
                <c:pt idx="274">
                  <c:v>2.2637421475144905</c:v>
                </c:pt>
                <c:pt idx="275">
                  <c:v>2.2657350998548966</c:v>
                </c:pt>
                <c:pt idx="276">
                  <c:v>2.2708930517288537</c:v>
                </c:pt>
                <c:pt idx="277">
                  <c:v>2.2735981793203481</c:v>
                </c:pt>
                <c:pt idx="278">
                  <c:v>2.2735752729256413</c:v>
                </c:pt>
                <c:pt idx="279">
                  <c:v>2.2728327429460915</c:v>
                </c:pt>
                <c:pt idx="280">
                  <c:v>2.2762735990970664</c:v>
                </c:pt>
                <c:pt idx="281">
                  <c:v>2.28072496351697</c:v>
                </c:pt>
                <c:pt idx="282">
                  <c:v>2.2830023787274096</c:v>
                </c:pt>
                <c:pt idx="283">
                  <c:v>2.2823863023030211</c:v>
                </c:pt>
                <c:pt idx="284">
                  <c:v>2.2839906361494746</c:v>
                </c:pt>
                <c:pt idx="285">
                  <c:v>2.2857839506824962</c:v>
                </c:pt>
                <c:pt idx="286">
                  <c:v>2.2828276566367931</c:v>
                </c:pt>
                <c:pt idx="287">
                  <c:v>2.2812301517921663</c:v>
                </c:pt>
                <c:pt idx="288">
                  <c:v>2.2819561513977704</c:v>
                </c:pt>
                <c:pt idx="289">
                  <c:v>2.2805171634955039</c:v>
                </c:pt>
                <c:pt idx="290">
                  <c:v>2.2819086234151942</c:v>
                </c:pt>
                <c:pt idx="291">
                  <c:v>2.287034312133283</c:v>
                </c:pt>
                <c:pt idx="292">
                  <c:v>2.2868818884205733</c:v>
                </c:pt>
                <c:pt idx="293">
                  <c:v>2.2879737364732029</c:v>
                </c:pt>
                <c:pt idx="294">
                  <c:v>2.2902603492742446</c:v>
                </c:pt>
                <c:pt idx="295">
                  <c:v>2.2882010059557212</c:v>
                </c:pt>
                <c:pt idx="296">
                  <c:v>2.2874922993184552</c:v>
                </c:pt>
                <c:pt idx="297">
                  <c:v>2.2877250515370964</c:v>
                </c:pt>
                <c:pt idx="298">
                  <c:v>2.2922402071861376</c:v>
                </c:pt>
                <c:pt idx="299">
                  <c:v>2.2944209256434482</c:v>
                </c:pt>
                <c:pt idx="300">
                  <c:v>2.2972858657953661</c:v>
                </c:pt>
                <c:pt idx="301">
                  <c:v>2.2960908009029635</c:v>
                </c:pt>
                <c:pt idx="302">
                  <c:v>2.2972031135587958</c:v>
                </c:pt>
                <c:pt idx="303">
                  <c:v>2.2959779024828881</c:v>
                </c:pt>
                <c:pt idx="304">
                  <c:v>2.2980449586434473</c:v>
                </c:pt>
                <c:pt idx="305">
                  <c:v>2.2989511352870822</c:v>
                </c:pt>
                <c:pt idx="306">
                  <c:v>2.3002521439612531</c:v>
                </c:pt>
                <c:pt idx="307">
                  <c:v>2.3020837676169355</c:v>
                </c:pt>
                <c:pt idx="308">
                  <c:v>2.3047327874615822</c:v>
                </c:pt>
                <c:pt idx="309">
                  <c:v>2.3071308830675004</c:v>
                </c:pt>
                <c:pt idx="310">
                  <c:v>2.3073984973191028</c:v>
                </c:pt>
                <c:pt idx="311">
                  <c:v>2.3098855016817015</c:v>
                </c:pt>
                <c:pt idx="312">
                  <c:v>2.3089872001324316</c:v>
                </c:pt>
                <c:pt idx="313">
                  <c:v>2.3099237753762769</c:v>
                </c:pt>
                <c:pt idx="314">
                  <c:v>2.3102453427724239</c:v>
                </c:pt>
                <c:pt idx="315">
                  <c:v>2.3119907556333503</c:v>
                </c:pt>
                <c:pt idx="316">
                  <c:v>2.3084208033917402</c:v>
                </c:pt>
                <c:pt idx="317">
                  <c:v>2.311158501735691</c:v>
                </c:pt>
                <c:pt idx="318">
                  <c:v>2.3097444221507488</c:v>
                </c:pt>
                <c:pt idx="319">
                  <c:v>2.3118909505867968</c:v>
                </c:pt>
                <c:pt idx="320">
                  <c:v>2.313211225874555</c:v>
                </c:pt>
                <c:pt idx="321">
                  <c:v>2.3152599576470707</c:v>
                </c:pt>
                <c:pt idx="322">
                  <c:v>2.3188376339723322</c:v>
                </c:pt>
                <c:pt idx="323">
                  <c:v>2.3157004392044329</c:v>
                </c:pt>
                <c:pt idx="324">
                  <c:v>2.3135972806451357</c:v>
                </c:pt>
                <c:pt idx="325">
                  <c:v>2.3172725055320873</c:v>
                </c:pt>
                <c:pt idx="326">
                  <c:v>2.3168956999331245</c:v>
                </c:pt>
                <c:pt idx="327">
                  <c:v>2.3169318395800422</c:v>
                </c:pt>
                <c:pt idx="328">
                  <c:v>2.321184744136414</c:v>
                </c:pt>
                <c:pt idx="329">
                  <c:v>2.3220524000111533</c:v>
                </c:pt>
                <c:pt idx="330">
                  <c:v>2.3237670859821828</c:v>
                </c:pt>
                <c:pt idx="331">
                  <c:v>2.3276206627286564</c:v>
                </c:pt>
                <c:pt idx="332">
                  <c:v>2.3320592888576268</c:v>
                </c:pt>
                <c:pt idx="333">
                  <c:v>2.3354821198170304</c:v>
                </c:pt>
                <c:pt idx="334">
                  <c:v>2.3332378330845041</c:v>
                </c:pt>
                <c:pt idx="335">
                  <c:v>2.3326527370329382</c:v>
                </c:pt>
                <c:pt idx="336">
                  <c:v>2.3346215253307858</c:v>
                </c:pt>
                <c:pt idx="337">
                  <c:v>2.3342360630171219</c:v>
                </c:pt>
                <c:pt idx="338">
                  <c:v>2.3324267655085089</c:v>
                </c:pt>
                <c:pt idx="339">
                  <c:v>2.3327342499525323</c:v>
                </c:pt>
                <c:pt idx="340">
                  <c:v>2.3360794496903878</c:v>
                </c:pt>
                <c:pt idx="341">
                  <c:v>2.334709644070089</c:v>
                </c:pt>
                <c:pt idx="342">
                  <c:v>2.3365144007002812</c:v>
                </c:pt>
                <c:pt idx="343">
                  <c:v>2.3368740368654808</c:v>
                </c:pt>
                <c:pt idx="344">
                  <c:v>2.3384274489161934</c:v>
                </c:pt>
                <c:pt idx="345">
                  <c:v>2.3386402414888519</c:v>
                </c:pt>
                <c:pt idx="346">
                  <c:v>2.3464614555645409</c:v>
                </c:pt>
                <c:pt idx="347">
                  <c:v>2.3476395019629299</c:v>
                </c:pt>
                <c:pt idx="348">
                  <c:v>2.3504515054954891</c:v>
                </c:pt>
                <c:pt idx="349">
                  <c:v>2.3525722849012114</c:v>
                </c:pt>
                <c:pt idx="350">
                  <c:v>2.3529255560106663</c:v>
                </c:pt>
                <c:pt idx="351">
                  <c:v>2.3552088398340363</c:v>
                </c:pt>
                <c:pt idx="352">
                  <c:v>2.3632833437302043</c:v>
                </c:pt>
                <c:pt idx="353">
                  <c:v>2.3654872157560436</c:v>
                </c:pt>
                <c:pt idx="354">
                  <c:v>2.3676847155262575</c:v>
                </c:pt>
                <c:pt idx="355">
                  <c:v>2.3706073708586333</c:v>
                </c:pt>
                <c:pt idx="356">
                  <c:v>2.3710853004848547</c:v>
                </c:pt>
                <c:pt idx="357">
                  <c:v>2.3678738750335233</c:v>
                </c:pt>
                <c:pt idx="358">
                  <c:v>2.3634719924770131</c:v>
                </c:pt>
                <c:pt idx="359">
                  <c:v>2.3591361024778745</c:v>
                </c:pt>
                <c:pt idx="360">
                  <c:v>2.3605000124159212</c:v>
                </c:pt>
                <c:pt idx="361">
                  <c:v>2.3628571974148658</c:v>
                </c:pt>
                <c:pt idx="362">
                  <c:v>2.3647899339370593</c:v>
                </c:pt>
                <c:pt idx="363">
                  <c:v>2.3638574480753234</c:v>
                </c:pt>
                <c:pt idx="364">
                  <c:v>2.3667022013233856</c:v>
                </c:pt>
                <c:pt idx="365">
                  <c:v>2.3645811435668</c:v>
                </c:pt>
                <c:pt idx="366">
                  <c:v>2.3673813735244562</c:v>
                </c:pt>
                <c:pt idx="367">
                  <c:v>2.3693562967229624</c:v>
                </c:pt>
                <c:pt idx="368">
                  <c:v>2.3708648883668637</c:v>
                </c:pt>
                <c:pt idx="369">
                  <c:v>2.3710426251497929</c:v>
                </c:pt>
                <c:pt idx="370">
                  <c:v>2.3713428916725636</c:v>
                </c:pt>
                <c:pt idx="371">
                  <c:v>2.3733995295793391</c:v>
                </c:pt>
                <c:pt idx="372">
                  <c:v>2.3754373975952308</c:v>
                </c:pt>
                <c:pt idx="373">
                  <c:v>2.3771931564107316</c:v>
                </c:pt>
                <c:pt idx="374">
                  <c:v>2.3776024449964237</c:v>
                </c:pt>
                <c:pt idx="375">
                  <c:v>2.3773006777441199</c:v>
                </c:pt>
                <c:pt idx="376">
                  <c:v>2.380072296681178</c:v>
                </c:pt>
                <c:pt idx="377">
                  <c:v>2.3799469851049135</c:v>
                </c:pt>
                <c:pt idx="378">
                  <c:v>2.3816482665127503</c:v>
                </c:pt>
                <c:pt idx="379">
                  <c:v>2.382008256017198</c:v>
                </c:pt>
                <c:pt idx="380">
                  <c:v>2.3815247943026701</c:v>
                </c:pt>
                <c:pt idx="381">
                  <c:v>2.3840759424373772</c:v>
                </c:pt>
                <c:pt idx="382">
                  <c:v>2.387853106220895</c:v>
                </c:pt>
                <c:pt idx="383">
                  <c:v>2.389171254580587</c:v>
                </c:pt>
                <c:pt idx="384">
                  <c:v>2.3941524244953478</c:v>
                </c:pt>
                <c:pt idx="385">
                  <c:v>2.3945080641541994</c:v>
                </c:pt>
                <c:pt idx="386">
                  <c:v>2.3896679194899315</c:v>
                </c:pt>
                <c:pt idx="387">
                  <c:v>2.3904206463114401</c:v>
                </c:pt>
                <c:pt idx="388">
                  <c:v>2.3900819720792139</c:v>
                </c:pt>
                <c:pt idx="389">
                  <c:v>2.3918063933506706</c:v>
                </c:pt>
                <c:pt idx="390">
                  <c:v>2.3930641632913727</c:v>
                </c:pt>
                <c:pt idx="391">
                  <c:v>2.3966413083659024</c:v>
                </c:pt>
                <c:pt idx="392">
                  <c:v>2.3974701119050472</c:v>
                </c:pt>
                <c:pt idx="393">
                  <c:v>2.397176599911111</c:v>
                </c:pt>
                <c:pt idx="394">
                  <c:v>2.3958592782333046</c:v>
                </c:pt>
                <c:pt idx="395">
                  <c:v>2.3993197585625374</c:v>
                </c:pt>
                <c:pt idx="396">
                  <c:v>2.4040809171265072</c:v>
                </c:pt>
                <c:pt idx="397">
                  <c:v>2.4049557017576095</c:v>
                </c:pt>
                <c:pt idx="398">
                  <c:v>2.4052901716123523</c:v>
                </c:pt>
                <c:pt idx="399">
                  <c:v>2.4066747147306806</c:v>
                </c:pt>
                <c:pt idx="400">
                  <c:v>2.4065513738558564</c:v>
                </c:pt>
                <c:pt idx="401">
                  <c:v>2.4080617830856434</c:v>
                </c:pt>
                <c:pt idx="402">
                  <c:v>2.4091407348284677</c:v>
                </c:pt>
                <c:pt idx="403">
                  <c:v>2.4106257480306637</c:v>
                </c:pt>
                <c:pt idx="404">
                  <c:v>2.411867303418584</c:v>
                </c:pt>
                <c:pt idx="405">
                  <c:v>2.4131590868531116</c:v>
                </c:pt>
                <c:pt idx="406">
                  <c:v>2.4136887846032233</c:v>
                </c:pt>
                <c:pt idx="407">
                  <c:v>2.413362160030831</c:v>
                </c:pt>
                <c:pt idx="408">
                  <c:v>2.4141108077247244</c:v>
                </c:pt>
                <c:pt idx="409">
                  <c:v>2.415727671328848</c:v>
                </c:pt>
                <c:pt idx="410">
                  <c:v>2.4166580329522294</c:v>
                </c:pt>
                <c:pt idx="411">
                  <c:v>2.4235290983044053</c:v>
                </c:pt>
                <c:pt idx="412">
                  <c:v>2.4221374570568264</c:v>
                </c:pt>
                <c:pt idx="413">
                  <c:v>2.4224010016192628</c:v>
                </c:pt>
                <c:pt idx="414">
                  <c:v>2.4221317944965928</c:v>
                </c:pt>
                <c:pt idx="415">
                  <c:v>2.4252264082498898</c:v>
                </c:pt>
                <c:pt idx="416">
                  <c:v>2.4270379445528896</c:v>
                </c:pt>
                <c:pt idx="417">
                  <c:v>2.43014526823087</c:v>
                </c:pt>
                <c:pt idx="418">
                  <c:v>2.4309042587781531</c:v>
                </c:pt>
                <c:pt idx="419">
                  <c:v>2.42973999372794</c:v>
                </c:pt>
                <c:pt idx="420">
                  <c:v>2.4308429134251095</c:v>
                </c:pt>
                <c:pt idx="421">
                  <c:v>2.430679988770982</c:v>
                </c:pt>
                <c:pt idx="422">
                  <c:v>2.431302557602335</c:v>
                </c:pt>
                <c:pt idx="423">
                  <c:v>2.4357431109517584</c:v>
                </c:pt>
                <c:pt idx="424">
                  <c:v>2.4360536199436313</c:v>
                </c:pt>
                <c:pt idx="425">
                  <c:v>2.436641913786191</c:v>
                </c:pt>
                <c:pt idx="426">
                  <c:v>2.4352372514858907</c:v>
                </c:pt>
                <c:pt idx="427">
                  <c:v>2.4374289702287193</c:v>
                </c:pt>
                <c:pt idx="428">
                  <c:v>2.4403960300268506</c:v>
                </c:pt>
                <c:pt idx="429">
                  <c:v>2.4431911881429498</c:v>
                </c:pt>
                <c:pt idx="430">
                  <c:v>2.4437537424316909</c:v>
                </c:pt>
                <c:pt idx="431">
                  <c:v>2.4430771055579545</c:v>
                </c:pt>
                <c:pt idx="432">
                  <c:v>2.4462673391183891</c:v>
                </c:pt>
                <c:pt idx="433">
                  <c:v>2.4467450454600863</c:v>
                </c:pt>
                <c:pt idx="434">
                  <c:v>2.4487279296241864</c:v>
                </c:pt>
                <c:pt idx="435">
                  <c:v>2.4472192426450743</c:v>
                </c:pt>
                <c:pt idx="436">
                  <c:v>2.4527328495430774</c:v>
                </c:pt>
                <c:pt idx="437">
                  <c:v>2.4553439461313986</c:v>
                </c:pt>
                <c:pt idx="438">
                  <c:v>2.4580449230948926</c:v>
                </c:pt>
                <c:pt idx="439">
                  <c:v>2.4596324594005683</c:v>
                </c:pt>
                <c:pt idx="440">
                  <c:v>2.4627300590482935</c:v>
                </c:pt>
                <c:pt idx="441">
                  <c:v>2.4628609320490078</c:v>
                </c:pt>
                <c:pt idx="442">
                  <c:v>2.4628648639247723</c:v>
                </c:pt>
                <c:pt idx="443">
                  <c:v>2.463532548661493</c:v>
                </c:pt>
                <c:pt idx="444">
                  <c:v>2.4648722007789008</c:v>
                </c:pt>
                <c:pt idx="445">
                  <c:v>2.4678428084232853</c:v>
                </c:pt>
                <c:pt idx="446">
                  <c:v>2.4672871803248961</c:v>
                </c:pt>
                <c:pt idx="447">
                  <c:v>2.4675896594596547</c:v>
                </c:pt>
                <c:pt idx="448">
                  <c:v>2.4644100767868213</c:v>
                </c:pt>
                <c:pt idx="449">
                  <c:v>2.4657285763720953</c:v>
                </c:pt>
                <c:pt idx="450">
                  <c:v>2.4678648390064679</c:v>
                </c:pt>
                <c:pt idx="451">
                  <c:v>2.4695142243634174</c:v>
                </c:pt>
                <c:pt idx="452">
                  <c:v>2.4679017762978308</c:v>
                </c:pt>
                <c:pt idx="453">
                  <c:v>2.4662409091447448</c:v>
                </c:pt>
                <c:pt idx="454">
                  <c:v>2.4679514191645042</c:v>
                </c:pt>
                <c:pt idx="455">
                  <c:v>2.4698998626335551</c:v>
                </c:pt>
                <c:pt idx="456">
                  <c:v>2.474353990858118</c:v>
                </c:pt>
                <c:pt idx="457">
                  <c:v>2.476304071950588</c:v>
                </c:pt>
                <c:pt idx="458">
                  <c:v>2.4802044891202857</c:v>
                </c:pt>
                <c:pt idx="459">
                  <c:v>2.4839402487541964</c:v>
                </c:pt>
                <c:pt idx="460">
                  <c:v>2.4862312025870299</c:v>
                </c:pt>
                <c:pt idx="461">
                  <c:v>2.4881378479679341</c:v>
                </c:pt>
                <c:pt idx="462">
                  <c:v>2.4901229027753327</c:v>
                </c:pt>
                <c:pt idx="463">
                  <c:v>2.4906241689867255</c:v>
                </c:pt>
                <c:pt idx="464">
                  <c:v>2.4930353594349919</c:v>
                </c:pt>
                <c:pt idx="465">
                  <c:v>2.4977401524370548</c:v>
                </c:pt>
                <c:pt idx="466">
                  <c:v>2.4972972691807187</c:v>
                </c:pt>
                <c:pt idx="467">
                  <c:v>2.494540816962763</c:v>
                </c:pt>
                <c:pt idx="468">
                  <c:v>2.4964552340390127</c:v>
                </c:pt>
                <c:pt idx="469">
                  <c:v>2.4929858846062198</c:v>
                </c:pt>
                <c:pt idx="470">
                  <c:v>2.4896814496382529</c:v>
                </c:pt>
                <c:pt idx="471">
                  <c:v>2.4884605120489316</c:v>
                </c:pt>
                <c:pt idx="472">
                  <c:v>2.4909497806541365</c:v>
                </c:pt>
                <c:pt idx="473">
                  <c:v>2.4957774596191813</c:v>
                </c:pt>
                <c:pt idx="474">
                  <c:v>2.4981927918804985</c:v>
                </c:pt>
                <c:pt idx="475">
                  <c:v>2.4962646879413937</c:v>
                </c:pt>
                <c:pt idx="476">
                  <c:v>2.4999384896285859</c:v>
                </c:pt>
                <c:pt idx="477">
                  <c:v>2.5036726265870741</c:v>
                </c:pt>
                <c:pt idx="478">
                  <c:v>2.5024510537678331</c:v>
                </c:pt>
                <c:pt idx="479">
                  <c:v>2.5015462414936107</c:v>
                </c:pt>
                <c:pt idx="480">
                  <c:v>2.5050794824642573</c:v>
                </c:pt>
                <c:pt idx="481">
                  <c:v>2.5069663687444934</c:v>
                </c:pt>
                <c:pt idx="482">
                  <c:v>2.5040537582425615</c:v>
                </c:pt>
                <c:pt idx="483">
                  <c:v>2.5078788062268385</c:v>
                </c:pt>
                <c:pt idx="484">
                  <c:v>2.5090042122408636</c:v>
                </c:pt>
                <c:pt idx="485">
                  <c:v>2.512094071238284</c:v>
                </c:pt>
                <c:pt idx="486">
                  <c:v>2.5142772577600137</c:v>
                </c:pt>
                <c:pt idx="487">
                  <c:v>2.5131815506900477</c:v>
                </c:pt>
                <c:pt idx="488">
                  <c:v>2.5113024110640656</c:v>
                </c:pt>
                <c:pt idx="489">
                  <c:v>2.515132739339824</c:v>
                </c:pt>
                <c:pt idx="490">
                  <c:v>2.5181200645747928</c:v>
                </c:pt>
                <c:pt idx="491">
                  <c:v>2.5197796242673101</c:v>
                </c:pt>
                <c:pt idx="492">
                  <c:v>2.5220926258337983</c:v>
                </c:pt>
                <c:pt idx="493">
                  <c:v>2.5267829561135793</c:v>
                </c:pt>
                <c:pt idx="494">
                  <c:v>2.5256680471647424</c:v>
                </c:pt>
                <c:pt idx="495">
                  <c:v>2.5261297882919478</c:v>
                </c:pt>
                <c:pt idx="496">
                  <c:v>2.5244947556740867</c:v>
                </c:pt>
                <c:pt idx="497">
                  <c:v>2.5293137092836897</c:v>
                </c:pt>
                <c:pt idx="498">
                  <c:v>2.5315732385706569</c:v>
                </c:pt>
                <c:pt idx="499">
                  <c:v>2.5333304874960563</c:v>
                </c:pt>
                <c:pt idx="500">
                  <c:v>2.5358739535592809</c:v>
                </c:pt>
                <c:pt idx="501">
                  <c:v>2.5372533547751428</c:v>
                </c:pt>
                <c:pt idx="502">
                  <c:v>2.5366143522449756</c:v>
                </c:pt>
                <c:pt idx="503">
                  <c:v>2.5378076089114558</c:v>
                </c:pt>
                <c:pt idx="504">
                  <c:v>2.5382200525104022</c:v>
                </c:pt>
                <c:pt idx="505">
                  <c:v>2.540438948542167</c:v>
                </c:pt>
                <c:pt idx="506">
                  <c:v>2.5440549406322139</c:v>
                </c:pt>
                <c:pt idx="507">
                  <c:v>2.5465956611820988</c:v>
                </c:pt>
                <c:pt idx="508">
                  <c:v>2.550686480176152</c:v>
                </c:pt>
                <c:pt idx="509">
                  <c:v>2.5520593887346963</c:v>
                </c:pt>
                <c:pt idx="510">
                  <c:v>2.5474763387599815</c:v>
                </c:pt>
                <c:pt idx="511">
                  <c:v>2.5497316411008746</c:v>
                </c:pt>
                <c:pt idx="512">
                  <c:v>2.5481107791796078</c:v>
                </c:pt>
                <c:pt idx="513">
                  <c:v>2.5514212471177111</c:v>
                </c:pt>
                <c:pt idx="514">
                  <c:v>2.5537782237546973</c:v>
                </c:pt>
                <c:pt idx="515">
                  <c:v>2.5551002041166657</c:v>
                </c:pt>
                <c:pt idx="516">
                  <c:v>2.5582524433082448</c:v>
                </c:pt>
                <c:pt idx="517">
                  <c:v>2.5639194334222064</c:v>
                </c:pt>
                <c:pt idx="518">
                  <c:v>2.5610460252168972</c:v>
                </c:pt>
                <c:pt idx="519">
                  <c:v>2.5634586110222868</c:v>
                </c:pt>
                <c:pt idx="520">
                  <c:v>2.5633611646112895</c:v>
                </c:pt>
                <c:pt idx="521">
                  <c:v>2.5658662455157466</c:v>
                </c:pt>
                <c:pt idx="522">
                  <c:v>2.5697935478460283</c:v>
                </c:pt>
                <c:pt idx="523">
                  <c:v>2.5702472942112129</c:v>
                </c:pt>
                <c:pt idx="524">
                  <c:v>2.5686837587325511</c:v>
                </c:pt>
                <c:pt idx="525">
                  <c:v>2.568295498608451</c:v>
                </c:pt>
                <c:pt idx="526">
                  <c:v>2.5701385108804131</c:v>
                </c:pt>
                <c:pt idx="527">
                  <c:v>2.570638042305649</c:v>
                </c:pt>
                <c:pt idx="528">
                  <c:v>2.5701761828116232</c:v>
                </c:pt>
                <c:pt idx="529">
                  <c:v>2.5673226467533246</c:v>
                </c:pt>
                <c:pt idx="530">
                  <c:v>2.5627245332665805</c:v>
                </c:pt>
                <c:pt idx="531">
                  <c:v>2.5705541877706817</c:v>
                </c:pt>
                <c:pt idx="532">
                  <c:v>2.5686321514817996</c:v>
                </c:pt>
                <c:pt idx="533">
                  <c:v>2.572054545772041</c:v>
                </c:pt>
                <c:pt idx="534">
                  <c:v>2.5739936755682558</c:v>
                </c:pt>
                <c:pt idx="535">
                  <c:v>2.5788795831527858</c:v>
                </c:pt>
                <c:pt idx="536">
                  <c:v>2.5852192424183986</c:v>
                </c:pt>
                <c:pt idx="537">
                  <c:v>2.5858613155533545</c:v>
                </c:pt>
                <c:pt idx="538">
                  <c:v>2.585524773558987</c:v>
                </c:pt>
                <c:pt idx="539">
                  <c:v>2.5913023012282164</c:v>
                </c:pt>
                <c:pt idx="540">
                  <c:v>2.5882869192609794</c:v>
                </c:pt>
                <c:pt idx="541">
                  <c:v>2.5910559181639585</c:v>
                </c:pt>
                <c:pt idx="542">
                  <c:v>2.5876617683313521</c:v>
                </c:pt>
                <c:pt idx="543">
                  <c:v>2.5903788624434672</c:v>
                </c:pt>
                <c:pt idx="544">
                  <c:v>2.592930821062351</c:v>
                </c:pt>
                <c:pt idx="545">
                  <c:v>2.5934943964277193</c:v>
                </c:pt>
                <c:pt idx="546">
                  <c:v>2.5955846384879919</c:v>
                </c:pt>
                <c:pt idx="547">
                  <c:v>2.5969369177742099</c:v>
                </c:pt>
                <c:pt idx="548">
                  <c:v>2.5968117566142439</c:v>
                </c:pt>
                <c:pt idx="549">
                  <c:v>2.5951904383403352</c:v>
                </c:pt>
                <c:pt idx="550">
                  <c:v>2.5962368918483505</c:v>
                </c:pt>
                <c:pt idx="551">
                  <c:v>2.5954313009336794</c:v>
                </c:pt>
                <c:pt idx="552">
                  <c:v>2.5944869692577752</c:v>
                </c:pt>
                <c:pt idx="553">
                  <c:v>2.594636487922394</c:v>
                </c:pt>
                <c:pt idx="554">
                  <c:v>2.59490211068904</c:v>
                </c:pt>
                <c:pt idx="555">
                  <c:v>2.6011056096816563</c:v>
                </c:pt>
                <c:pt idx="556">
                  <c:v>2.6014104004918108</c:v>
                </c:pt>
                <c:pt idx="557">
                  <c:v>2.6038535192421803</c:v>
                </c:pt>
                <c:pt idx="558">
                  <c:v>2.6019424920427157</c:v>
                </c:pt>
                <c:pt idx="559">
                  <c:v>2.6067243329440037</c:v>
                </c:pt>
                <c:pt idx="560">
                  <c:v>2.6102146882298358</c:v>
                </c:pt>
                <c:pt idx="561">
                  <c:v>2.6103171195052894</c:v>
                </c:pt>
                <c:pt idx="562">
                  <c:v>2.6078384035889712</c:v>
                </c:pt>
                <c:pt idx="563">
                  <c:v>2.6107521954136983</c:v>
                </c:pt>
                <c:pt idx="564">
                  <c:v>2.6095110814759832</c:v>
                </c:pt>
                <c:pt idx="565">
                  <c:v>2.6126873389243395</c:v>
                </c:pt>
                <c:pt idx="566">
                  <c:v>2.6146913490077197</c:v>
                </c:pt>
                <c:pt idx="567">
                  <c:v>2.6205489527420642</c:v>
                </c:pt>
                <c:pt idx="568">
                  <c:v>2.6203491224468456</c:v>
                </c:pt>
                <c:pt idx="569">
                  <c:v>2.6238163520276716</c:v>
                </c:pt>
                <c:pt idx="570">
                  <c:v>2.620867448117925</c:v>
                </c:pt>
                <c:pt idx="571">
                  <c:v>2.620259909384187</c:v>
                </c:pt>
                <c:pt idx="572">
                  <c:v>2.621653291406056</c:v>
                </c:pt>
                <c:pt idx="573">
                  <c:v>2.6223930970292604</c:v>
                </c:pt>
                <c:pt idx="574">
                  <c:v>2.6248389441544653</c:v>
                </c:pt>
                <c:pt idx="575">
                  <c:v>2.6271379370725896</c:v>
                </c:pt>
                <c:pt idx="576">
                  <c:v>2.6282825090056012</c:v>
                </c:pt>
                <c:pt idx="577">
                  <c:v>2.6305362100404106</c:v>
                </c:pt>
                <c:pt idx="578">
                  <c:v>2.632230477936262</c:v>
                </c:pt>
                <c:pt idx="579">
                  <c:v>2.6270818132817664</c:v>
                </c:pt>
                <c:pt idx="580">
                  <c:v>2.6230305461497232</c:v>
                </c:pt>
                <c:pt idx="581">
                  <c:v>2.6238522930964239</c:v>
                </c:pt>
                <c:pt idx="582">
                  <c:v>2.6253690261497713</c:v>
                </c:pt>
                <c:pt idx="583">
                  <c:v>2.630391523997377</c:v>
                </c:pt>
                <c:pt idx="584">
                  <c:v>2.6359097815384631</c:v>
                </c:pt>
                <c:pt idx="585">
                  <c:v>2.6406469849810579</c:v>
                </c:pt>
                <c:pt idx="586">
                  <c:v>2.635279470142645</c:v>
                </c:pt>
                <c:pt idx="587">
                  <c:v>2.6349316632336008</c:v>
                </c:pt>
                <c:pt idx="588">
                  <c:v>2.6325155688648056</c:v>
                </c:pt>
                <c:pt idx="589">
                  <c:v>2.635406325317255</c:v>
                </c:pt>
                <c:pt idx="590">
                  <c:v>2.6395393100165516</c:v>
                </c:pt>
                <c:pt idx="591">
                  <c:v>2.6381193329044561</c:v>
                </c:pt>
                <c:pt idx="592">
                  <c:v>2.6427512001189526</c:v>
                </c:pt>
                <c:pt idx="593">
                  <c:v>2.6406759584727175</c:v>
                </c:pt>
                <c:pt idx="594">
                  <c:v>2.6359539686372204</c:v>
                </c:pt>
                <c:pt idx="595">
                  <c:v>2.6379695240417309</c:v>
                </c:pt>
                <c:pt idx="596">
                  <c:v>2.6455456365006698</c:v>
                </c:pt>
                <c:pt idx="597">
                  <c:v>2.6488745512464256</c:v>
                </c:pt>
                <c:pt idx="598">
                  <c:v>2.6519017501651767</c:v>
                </c:pt>
                <c:pt idx="599">
                  <c:v>2.6545061870832893</c:v>
                </c:pt>
                <c:pt idx="600">
                  <c:v>2.6455519992882013</c:v>
                </c:pt>
                <c:pt idx="601">
                  <c:v>2.6422278097378156</c:v>
                </c:pt>
                <c:pt idx="602">
                  <c:v>2.6418629062206271</c:v>
                </c:pt>
                <c:pt idx="603">
                  <c:v>2.6439788427907276</c:v>
                </c:pt>
                <c:pt idx="604">
                  <c:v>2.6502658086589808</c:v>
                </c:pt>
                <c:pt idx="605">
                  <c:v>2.6560367438128867</c:v>
                </c:pt>
                <c:pt idx="606">
                  <c:v>2.64643789793397</c:v>
                </c:pt>
                <c:pt idx="607">
                  <c:v>2.6477864637895476</c:v>
                </c:pt>
                <c:pt idx="608">
                  <c:v>2.6511033668131878</c:v>
                </c:pt>
                <c:pt idx="609">
                  <c:v>2.6533020267659033</c:v>
                </c:pt>
                <c:pt idx="610">
                  <c:v>2.6587798786800727</c:v>
                </c:pt>
                <c:pt idx="611">
                  <c:v>2.6569303915682703</c:v>
                </c:pt>
                <c:pt idx="612">
                  <c:v>2.651895562220123</c:v>
                </c:pt>
                <c:pt idx="613">
                  <c:v>2.6568546036801557</c:v>
                </c:pt>
                <c:pt idx="614">
                  <c:v>2.661280500792726</c:v>
                </c:pt>
                <c:pt idx="615">
                  <c:v>2.6670876659165987</c:v>
                </c:pt>
                <c:pt idx="616">
                  <c:v>2.6593191408731647</c:v>
                </c:pt>
                <c:pt idx="617">
                  <c:v>2.6637335838336216</c:v>
                </c:pt>
                <c:pt idx="618">
                  <c:v>2.6660233628161709</c:v>
                </c:pt>
                <c:pt idx="619">
                  <c:v>2.6703224913944705</c:v>
                </c:pt>
                <c:pt idx="620">
                  <c:v>2.6725965821004842</c:v>
                </c:pt>
                <c:pt idx="621">
                  <c:v>2.6751060006152771</c:v>
                </c:pt>
                <c:pt idx="622">
                  <c:v>2.6736202776283409</c:v>
                </c:pt>
                <c:pt idx="623">
                  <c:v>2.6784596023505713</c:v>
                </c:pt>
                <c:pt idx="624">
                  <c:v>2.6727184174542069</c:v>
                </c:pt>
                <c:pt idx="625">
                  <c:v>2.6711675431791657</c:v>
                </c:pt>
                <c:pt idx="626">
                  <c:v>2.6718862994438082</c:v>
                </c:pt>
                <c:pt idx="627">
                  <c:v>2.6685195383147122</c:v>
                </c:pt>
                <c:pt idx="628">
                  <c:v>2.6728570957699604</c:v>
                </c:pt>
                <c:pt idx="629">
                  <c:v>2.6731670206476221</c:v>
                </c:pt>
                <c:pt idx="630">
                  <c:v>2.6755227413689866</c:v>
                </c:pt>
                <c:pt idx="631">
                  <c:v>2.6739658710358456</c:v>
                </c:pt>
                <c:pt idx="632">
                  <c:v>2.6782069072542503</c:v>
                </c:pt>
                <c:pt idx="633">
                  <c:v>2.682928739492326</c:v>
                </c:pt>
                <c:pt idx="634">
                  <c:v>2.679525796188913</c:v>
                </c:pt>
                <c:pt idx="635">
                  <c:v>2.6835201932251</c:v>
                </c:pt>
                <c:pt idx="636">
                  <c:v>2.6839050527908102</c:v>
                </c:pt>
                <c:pt idx="637">
                  <c:v>2.684447719641792</c:v>
                </c:pt>
                <c:pt idx="638">
                  <c:v>2.6868486453606555</c:v>
                </c:pt>
                <c:pt idx="639">
                  <c:v>2.6906988142161286</c:v>
                </c:pt>
                <c:pt idx="640">
                  <c:v>2.6934021417130807</c:v>
                </c:pt>
                <c:pt idx="641">
                  <c:v>2.6960254878396146</c:v>
                </c:pt>
                <c:pt idx="642">
                  <c:v>2.6971321653096463</c:v>
                </c:pt>
                <c:pt idx="643">
                  <c:v>2.6981608248019535</c:v>
                </c:pt>
                <c:pt idx="644">
                  <c:v>2.701157976067921</c:v>
                </c:pt>
                <c:pt idx="645">
                  <c:v>2.7000608396940371</c:v>
                </c:pt>
                <c:pt idx="646">
                  <c:v>2.7009360315724136</c:v>
                </c:pt>
                <c:pt idx="647">
                  <c:v>2.7020339273839893</c:v>
                </c:pt>
                <c:pt idx="648">
                  <c:v>2.7035479890877605</c:v>
                </c:pt>
                <c:pt idx="649">
                  <c:v>2.7025238787050556</c:v>
                </c:pt>
                <c:pt idx="650">
                  <c:v>2.7036284994174622</c:v>
                </c:pt>
                <c:pt idx="651">
                  <c:v>2.7024004992268833</c:v>
                </c:pt>
                <c:pt idx="652">
                  <c:v>2.7036019391793782</c:v>
                </c:pt>
                <c:pt idx="653">
                  <c:v>2.701809927422282</c:v>
                </c:pt>
                <c:pt idx="654">
                  <c:v>2.701959548765287</c:v>
                </c:pt>
                <c:pt idx="655">
                  <c:v>2.7011511269961987</c:v>
                </c:pt>
                <c:pt idx="656">
                  <c:v>2.7041399650840474</c:v>
                </c:pt>
                <c:pt idx="657">
                  <c:v>2.7076653125621104</c:v>
                </c:pt>
                <c:pt idx="658">
                  <c:v>2.7099536975916791</c:v>
                </c:pt>
                <c:pt idx="659">
                  <c:v>2.7158423205058582</c:v>
                </c:pt>
                <c:pt idx="660">
                  <c:v>2.7157376594099865</c:v>
                </c:pt>
                <c:pt idx="661">
                  <c:v>2.7150494692120262</c:v>
                </c:pt>
                <c:pt idx="662">
                  <c:v>2.7161634994046975</c:v>
                </c:pt>
                <c:pt idx="663">
                  <c:v>2.7175992971771366</c:v>
                </c:pt>
                <c:pt idx="664">
                  <c:v>2.7203988503097039</c:v>
                </c:pt>
                <c:pt idx="665">
                  <c:v>2.7233774130698176</c:v>
                </c:pt>
                <c:pt idx="666">
                  <c:v>2.7216864871695914</c:v>
                </c:pt>
                <c:pt idx="667">
                  <c:v>2.724912031812083</c:v>
                </c:pt>
                <c:pt idx="668">
                  <c:v>2.7266629279568289</c:v>
                </c:pt>
                <c:pt idx="669">
                  <c:v>2.7292021227802077</c:v>
                </c:pt>
                <c:pt idx="670">
                  <c:v>2.7309866056511929</c:v>
                </c:pt>
                <c:pt idx="671">
                  <c:v>2.7328499347280255</c:v>
                </c:pt>
                <c:pt idx="672">
                  <c:v>2.7336017036886489</c:v>
                </c:pt>
                <c:pt idx="673">
                  <c:v>2.7343215214811618</c:v>
                </c:pt>
                <c:pt idx="674">
                  <c:v>2.7320139071723486</c:v>
                </c:pt>
                <c:pt idx="675">
                  <c:v>2.7325889292816901</c:v>
                </c:pt>
                <c:pt idx="676">
                  <c:v>2.7350698477181528</c:v>
                </c:pt>
                <c:pt idx="677">
                  <c:v>2.7354507484744572</c:v>
                </c:pt>
                <c:pt idx="678">
                  <c:v>2.7346744441638968</c:v>
                </c:pt>
                <c:pt idx="679">
                  <c:v>2.7361046996941236</c:v>
                </c:pt>
                <c:pt idx="680">
                  <c:v>2.7359488036726747</c:v>
                </c:pt>
                <c:pt idx="681">
                  <c:v>2.7361038440425149</c:v>
                </c:pt>
                <c:pt idx="682">
                  <c:v>2.7357854328644859</c:v>
                </c:pt>
                <c:pt idx="683">
                  <c:v>2.7359718902304384</c:v>
                </c:pt>
                <c:pt idx="684">
                  <c:v>2.7391463175764503</c:v>
                </c:pt>
                <c:pt idx="685">
                  <c:v>2.7384600174945617</c:v>
                </c:pt>
                <c:pt idx="686">
                  <c:v>2.7399961782209461</c:v>
                </c:pt>
                <c:pt idx="687">
                  <c:v>2.7410666773030647</c:v>
                </c:pt>
                <c:pt idx="688">
                  <c:v>2.7434868119227729</c:v>
                </c:pt>
                <c:pt idx="689">
                  <c:v>2.7453243844201247</c:v>
                </c:pt>
                <c:pt idx="690">
                  <c:v>2.7471096264709818</c:v>
                </c:pt>
                <c:pt idx="691">
                  <c:v>2.7493222477021479</c:v>
                </c:pt>
                <c:pt idx="692">
                  <c:v>2.7501362753597784</c:v>
                </c:pt>
                <c:pt idx="693">
                  <c:v>2.7494086059032936</c:v>
                </c:pt>
                <c:pt idx="694">
                  <c:v>2.7490299606896302</c:v>
                </c:pt>
                <c:pt idx="695">
                  <c:v>2.7508345017000844</c:v>
                </c:pt>
                <c:pt idx="696">
                  <c:v>2.7519268253861999</c:v>
                </c:pt>
                <c:pt idx="697">
                  <c:v>2.7507054091611067</c:v>
                </c:pt>
                <c:pt idx="698">
                  <c:v>2.7496020809035251</c:v>
                </c:pt>
                <c:pt idx="699">
                  <c:v>2.7496608857603277</c:v>
                </c:pt>
                <c:pt idx="700">
                  <c:v>2.7511031631882776</c:v>
                </c:pt>
                <c:pt idx="701">
                  <c:v>2.7535116703153704</c:v>
                </c:pt>
                <c:pt idx="702">
                  <c:v>2.7535550071819586</c:v>
                </c:pt>
                <c:pt idx="703">
                  <c:v>2.7552322359122385</c:v>
                </c:pt>
                <c:pt idx="704">
                  <c:v>2.7554868993466535</c:v>
                </c:pt>
                <c:pt idx="705">
                  <c:v>2.7558552558654976</c:v>
                </c:pt>
                <c:pt idx="706">
                  <c:v>2.7556537261841969</c:v>
                </c:pt>
                <c:pt idx="707">
                  <c:v>2.7564679348807539</c:v>
                </c:pt>
                <c:pt idx="708">
                  <c:v>2.7578773724243622</c:v>
                </c:pt>
                <c:pt idx="709">
                  <c:v>2.759817708393407</c:v>
                </c:pt>
                <c:pt idx="710">
                  <c:v>2.7568069757976899</c:v>
                </c:pt>
                <c:pt idx="711">
                  <c:v>2.7596308905839075</c:v>
                </c:pt>
                <c:pt idx="712">
                  <c:v>2.7614433826844551</c:v>
                </c:pt>
                <c:pt idx="713">
                  <c:v>2.7623353146705383</c:v>
                </c:pt>
                <c:pt idx="714">
                  <c:v>2.7637839041259658</c:v>
                </c:pt>
                <c:pt idx="715">
                  <c:v>2.765530894550722</c:v>
                </c:pt>
                <c:pt idx="716">
                  <c:v>2.768302595153441</c:v>
                </c:pt>
                <c:pt idx="717">
                  <c:v>2.7685472127132407</c:v>
                </c:pt>
                <c:pt idx="718">
                  <c:v>2.769550606488945</c:v>
                </c:pt>
                <c:pt idx="719">
                  <c:v>2.7740743339278882</c:v>
                </c:pt>
                <c:pt idx="720">
                  <c:v>2.7732874158274043</c:v>
                </c:pt>
                <c:pt idx="721">
                  <c:v>2.7745668603282949</c:v>
                </c:pt>
                <c:pt idx="722">
                  <c:v>2.7788376497981644</c:v>
                </c:pt>
                <c:pt idx="723">
                  <c:v>2.7767771444094986</c:v>
                </c:pt>
                <c:pt idx="724">
                  <c:v>2.7759330044616437</c:v>
                </c:pt>
                <c:pt idx="725">
                  <c:v>2.7754014363647861</c:v>
                </c:pt>
                <c:pt idx="726">
                  <c:v>2.7742273645139073</c:v>
                </c:pt>
                <c:pt idx="727">
                  <c:v>2.7754907102772135</c:v>
                </c:pt>
                <c:pt idx="728">
                  <c:v>2.7759980810106848</c:v>
                </c:pt>
                <c:pt idx="729">
                  <c:v>2.7754274260531537</c:v>
                </c:pt>
                <c:pt idx="730">
                  <c:v>2.7773094401056642</c:v>
                </c:pt>
                <c:pt idx="731">
                  <c:v>2.7801453702903038</c:v>
                </c:pt>
                <c:pt idx="732">
                  <c:v>2.7802630802814332</c:v>
                </c:pt>
                <c:pt idx="733">
                  <c:v>2.7813862768091253</c:v>
                </c:pt>
                <c:pt idx="734">
                  <c:v>2.7826484907885325</c:v>
                </c:pt>
                <c:pt idx="735">
                  <c:v>2.7844639461167433</c:v>
                </c:pt>
                <c:pt idx="736">
                  <c:v>2.7873724933945763</c:v>
                </c:pt>
                <c:pt idx="737">
                  <c:v>2.7920532659302673</c:v>
                </c:pt>
                <c:pt idx="738">
                  <c:v>2.7974419903789118</c:v>
                </c:pt>
                <c:pt idx="739">
                  <c:v>2.7998714133732725</c:v>
                </c:pt>
                <c:pt idx="740">
                  <c:v>2.8015627959691871</c:v>
                </c:pt>
                <c:pt idx="741">
                  <c:v>2.7973651920813318</c:v>
                </c:pt>
                <c:pt idx="742">
                  <c:v>2.7988953203366149</c:v>
                </c:pt>
                <c:pt idx="743">
                  <c:v>2.8009940107608498</c:v>
                </c:pt>
                <c:pt idx="744">
                  <c:v>2.803656981076402</c:v>
                </c:pt>
                <c:pt idx="745">
                  <c:v>2.8065737722039179</c:v>
                </c:pt>
                <c:pt idx="746">
                  <c:v>2.8078393503661361</c:v>
                </c:pt>
                <c:pt idx="747">
                  <c:v>2.8070747136628307</c:v>
                </c:pt>
                <c:pt idx="748">
                  <c:v>2.8063197993082385</c:v>
                </c:pt>
                <c:pt idx="749">
                  <c:v>2.8077885446543585</c:v>
                </c:pt>
                <c:pt idx="750">
                  <c:v>2.8094612915941153</c:v>
                </c:pt>
                <c:pt idx="751">
                  <c:v>2.8081608452611522</c:v>
                </c:pt>
                <c:pt idx="752">
                  <c:v>2.8108425015987151</c:v>
                </c:pt>
                <c:pt idx="753">
                  <c:v>2.8129733161995247</c:v>
                </c:pt>
                <c:pt idx="754">
                  <c:v>2.814044086735072</c:v>
                </c:pt>
                <c:pt idx="755">
                  <c:v>2.8137480393135816</c:v>
                </c:pt>
                <c:pt idx="756">
                  <c:v>2.81445516089267</c:v>
                </c:pt>
                <c:pt idx="757">
                  <c:v>2.8144511453146115</c:v>
                </c:pt>
                <c:pt idx="758">
                  <c:v>2.8152004189910587</c:v>
                </c:pt>
                <c:pt idx="759">
                  <c:v>2.8160763362772716</c:v>
                </c:pt>
                <c:pt idx="760">
                  <c:v>2.8166048415037714</c:v>
                </c:pt>
                <c:pt idx="761">
                  <c:v>2.8164402404852029</c:v>
                </c:pt>
                <c:pt idx="762">
                  <c:v>2.8174901080193564</c:v>
                </c:pt>
                <c:pt idx="763">
                  <c:v>2.818416478418782</c:v>
                </c:pt>
                <c:pt idx="764">
                  <c:v>2.8209381369956148</c:v>
                </c:pt>
                <c:pt idx="765">
                  <c:v>2.822650304929549</c:v>
                </c:pt>
                <c:pt idx="766">
                  <c:v>2.8261321789508798</c:v>
                </c:pt>
                <c:pt idx="767">
                  <c:v>2.8267661180119998</c:v>
                </c:pt>
                <c:pt idx="768">
                  <c:v>2.8292724740098363</c:v>
                </c:pt>
                <c:pt idx="769">
                  <c:v>2.830599624413848</c:v>
                </c:pt>
                <c:pt idx="770">
                  <c:v>2.8329929518990928</c:v>
                </c:pt>
                <c:pt idx="771">
                  <c:v>2.8348180743592732</c:v>
                </c:pt>
                <c:pt idx="772">
                  <c:v>2.8370243347543722</c:v>
                </c:pt>
                <c:pt idx="773">
                  <c:v>2.8376905928328759</c:v>
                </c:pt>
                <c:pt idx="774">
                  <c:v>2.8382153280026099</c:v>
                </c:pt>
                <c:pt idx="775">
                  <c:v>2.8399133866331194</c:v>
                </c:pt>
                <c:pt idx="776">
                  <c:v>2.8379592735211006</c:v>
                </c:pt>
                <c:pt idx="777">
                  <c:v>2.8389489849836287</c:v>
                </c:pt>
                <c:pt idx="778">
                  <c:v>2.8383814334544724</c:v>
                </c:pt>
                <c:pt idx="779">
                  <c:v>2.8397218953532568</c:v>
                </c:pt>
                <c:pt idx="780">
                  <c:v>2.8411184057002652</c:v>
                </c:pt>
                <c:pt idx="781">
                  <c:v>2.8444369478585196</c:v>
                </c:pt>
                <c:pt idx="782">
                  <c:v>2.8443811767140081</c:v>
                </c:pt>
                <c:pt idx="783">
                  <c:v>2.8454067772118838</c:v>
                </c:pt>
                <c:pt idx="784">
                  <c:v>2.8469485642265773</c:v>
                </c:pt>
                <c:pt idx="785">
                  <c:v>2.8492143442879141</c:v>
                </c:pt>
                <c:pt idx="786">
                  <c:v>2.8468062848340905</c:v>
                </c:pt>
                <c:pt idx="787">
                  <c:v>2.8494092483409008</c:v>
                </c:pt>
                <c:pt idx="788">
                  <c:v>2.848412618385141</c:v>
                </c:pt>
                <c:pt idx="789">
                  <c:v>2.8501878690665983</c:v>
                </c:pt>
                <c:pt idx="790">
                  <c:v>2.8522575334530598</c:v>
                </c:pt>
                <c:pt idx="791">
                  <c:v>2.853590873467875</c:v>
                </c:pt>
                <c:pt idx="792">
                  <c:v>2.8536210359469507</c:v>
                </c:pt>
                <c:pt idx="793">
                  <c:v>2.8533166296245751</c:v>
                </c:pt>
                <c:pt idx="794">
                  <c:v>2.8548398668975774</c:v>
                </c:pt>
                <c:pt idx="795">
                  <c:v>2.8578451345236733</c:v>
                </c:pt>
                <c:pt idx="796">
                  <c:v>2.8601600398956717</c:v>
                </c:pt>
                <c:pt idx="797">
                  <c:v>2.8624606781347657</c:v>
                </c:pt>
                <c:pt idx="798">
                  <c:v>2.8630240200816326</c:v>
                </c:pt>
                <c:pt idx="799">
                  <c:v>2.8626240979316533</c:v>
                </c:pt>
                <c:pt idx="800">
                  <c:v>2.8620615715458451</c:v>
                </c:pt>
                <c:pt idx="801">
                  <c:v>2.8633061099447947</c:v>
                </c:pt>
                <c:pt idx="802">
                  <c:v>2.8642461202274254</c:v>
                </c:pt>
                <c:pt idx="803">
                  <c:v>2.8666626683076086</c:v>
                </c:pt>
                <c:pt idx="804">
                  <c:v>2.8678271607471526</c:v>
                </c:pt>
                <c:pt idx="805">
                  <c:v>2.8681988781492205</c:v>
                </c:pt>
                <c:pt idx="806">
                  <c:v>2.8688225889002368</c:v>
                </c:pt>
                <c:pt idx="807">
                  <c:v>2.8693630102850558</c:v>
                </c:pt>
                <c:pt idx="808">
                  <c:v>2.8691559952664387</c:v>
                </c:pt>
                <c:pt idx="809">
                  <c:v>2.8680704449130916</c:v>
                </c:pt>
                <c:pt idx="810">
                  <c:v>2.8717420507742473</c:v>
                </c:pt>
                <c:pt idx="811">
                  <c:v>2.8741472468605775</c:v>
                </c:pt>
                <c:pt idx="812">
                  <c:v>2.8756336731065075</c:v>
                </c:pt>
                <c:pt idx="813">
                  <c:v>2.8759101267080092</c:v>
                </c:pt>
                <c:pt idx="814">
                  <c:v>2.8771898616908111</c:v>
                </c:pt>
                <c:pt idx="815">
                  <c:v>2.8774417183264553</c:v>
                </c:pt>
                <c:pt idx="816">
                  <c:v>2.8802538998962022</c:v>
                </c:pt>
                <c:pt idx="817">
                  <c:v>2.8810120718944092</c:v>
                </c:pt>
                <c:pt idx="818">
                  <c:v>2.8830783734888037</c:v>
                </c:pt>
                <c:pt idx="819">
                  <c:v>2.8845352114289029</c:v>
                </c:pt>
                <c:pt idx="820">
                  <c:v>2.8870933500648115</c:v>
                </c:pt>
                <c:pt idx="821">
                  <c:v>2.8896849890016401</c:v>
                </c:pt>
                <c:pt idx="822">
                  <c:v>2.8896641481997269</c:v>
                </c:pt>
                <c:pt idx="823">
                  <c:v>2.8930567765324446</c:v>
                </c:pt>
                <c:pt idx="824">
                  <c:v>2.8917144750107426</c:v>
                </c:pt>
                <c:pt idx="825">
                  <c:v>2.8931219961758674</c:v>
                </c:pt>
                <c:pt idx="826">
                  <c:v>2.8951209790024661</c:v>
                </c:pt>
                <c:pt idx="827">
                  <c:v>2.8927405278184528</c:v>
                </c:pt>
                <c:pt idx="828">
                  <c:v>2.8930917080989795</c:v>
                </c:pt>
                <c:pt idx="829">
                  <c:v>2.8940553619683036</c:v>
                </c:pt>
                <c:pt idx="830">
                  <c:v>2.8930435778753849</c:v>
                </c:pt>
                <c:pt idx="831">
                  <c:v>2.8989173503442833</c:v>
                </c:pt>
                <c:pt idx="832">
                  <c:v>2.9002332502106136</c:v>
                </c:pt>
                <c:pt idx="833">
                  <c:v>2.9034348983406826</c:v>
                </c:pt>
                <c:pt idx="834">
                  <c:v>2.9015886584009625</c:v>
                </c:pt>
                <c:pt idx="835">
                  <c:v>2.9009478926178587</c:v>
                </c:pt>
                <c:pt idx="836">
                  <c:v>2.9020502419783698</c:v>
                </c:pt>
                <c:pt idx="837">
                  <c:v>2.9044920012702642</c:v>
                </c:pt>
                <c:pt idx="838">
                  <c:v>2.9052750983307822</c:v>
                </c:pt>
                <c:pt idx="839">
                  <c:v>2.9073160922697925</c:v>
                </c:pt>
                <c:pt idx="840">
                  <c:v>2.9100068487176083</c:v>
                </c:pt>
                <c:pt idx="841">
                  <c:v>2.9130369060232457</c:v>
                </c:pt>
                <c:pt idx="842">
                  <c:v>2.9164963646496807</c:v>
                </c:pt>
                <c:pt idx="843">
                  <c:v>2.9191356081742432</c:v>
                </c:pt>
                <c:pt idx="844">
                  <c:v>2.9179577538998842</c:v>
                </c:pt>
                <c:pt idx="845">
                  <c:v>2.9224657131668041</c:v>
                </c:pt>
                <c:pt idx="846">
                  <c:v>2.9211710101244925</c:v>
                </c:pt>
                <c:pt idx="847">
                  <c:v>2.9208169013007108</c:v>
                </c:pt>
                <c:pt idx="848">
                  <c:v>2.9226407831624841</c:v>
                </c:pt>
                <c:pt idx="849">
                  <c:v>2.9245790150201727</c:v>
                </c:pt>
                <c:pt idx="850">
                  <c:v>2.927523463490362</c:v>
                </c:pt>
                <c:pt idx="851">
                  <c:v>2.9282497849646569</c:v>
                </c:pt>
                <c:pt idx="852">
                  <c:v>2.9325142427889461</c:v>
                </c:pt>
                <c:pt idx="853">
                  <c:v>2.9348608287134765</c:v>
                </c:pt>
                <c:pt idx="854">
                  <c:v>2.9368847195698873</c:v>
                </c:pt>
                <c:pt idx="855">
                  <c:v>2.9380606130136213</c:v>
                </c:pt>
                <c:pt idx="856">
                  <c:v>2.9376049063450687</c:v>
                </c:pt>
                <c:pt idx="857">
                  <c:v>2.9376717725142876</c:v>
                </c:pt>
                <c:pt idx="858">
                  <c:v>2.9394945887400286</c:v>
                </c:pt>
                <c:pt idx="859">
                  <c:v>2.9401815394040938</c:v>
                </c:pt>
                <c:pt idx="860">
                  <c:v>2.9404483205706908</c:v>
                </c:pt>
                <c:pt idx="861">
                  <c:v>2.9418609967040052</c:v>
                </c:pt>
                <c:pt idx="862">
                  <c:v>2.9453593811830121</c:v>
                </c:pt>
                <c:pt idx="863">
                  <c:v>2.9461558616286956</c:v>
                </c:pt>
                <c:pt idx="864">
                  <c:v>2.9485671570658591</c:v>
                </c:pt>
                <c:pt idx="865">
                  <c:v>2.9513912898005574</c:v>
                </c:pt>
                <c:pt idx="866">
                  <c:v>2.9544998558871751</c:v>
                </c:pt>
                <c:pt idx="867">
                  <c:v>2.9584279094469941</c:v>
                </c:pt>
                <c:pt idx="868">
                  <c:v>2.9597231585582136</c:v>
                </c:pt>
                <c:pt idx="869">
                  <c:v>2.9612014182523017</c:v>
                </c:pt>
                <c:pt idx="870">
                  <c:v>2.9619059767419014</c:v>
                </c:pt>
                <c:pt idx="871">
                  <c:v>2.9636992848739871</c:v>
                </c:pt>
                <c:pt idx="872">
                  <c:v>2.9644555889049049</c:v>
                </c:pt>
                <c:pt idx="873">
                  <c:v>2.9667045851861236</c:v>
                </c:pt>
                <c:pt idx="874">
                  <c:v>2.9664605182742894</c:v>
                </c:pt>
                <c:pt idx="875">
                  <c:v>2.9692341399625644</c:v>
                </c:pt>
                <c:pt idx="876">
                  <c:v>2.973064557780384</c:v>
                </c:pt>
                <c:pt idx="877">
                  <c:v>2.9757034881724067</c:v>
                </c:pt>
                <c:pt idx="878">
                  <c:v>2.9768292366201279</c:v>
                </c:pt>
                <c:pt idx="879">
                  <c:v>2.976457365854337</c:v>
                </c:pt>
                <c:pt idx="880">
                  <c:v>2.9765268973004604</c:v>
                </c:pt>
                <c:pt idx="881">
                  <c:v>2.9779529846233226</c:v>
                </c:pt>
                <c:pt idx="882">
                  <c:v>2.9783322639449006</c:v>
                </c:pt>
                <c:pt idx="883">
                  <c:v>2.9787252200778593</c:v>
                </c:pt>
                <c:pt idx="884">
                  <c:v>2.9782838992151066</c:v>
                </c:pt>
                <c:pt idx="885">
                  <c:v>2.9808448783638122</c:v>
                </c:pt>
                <c:pt idx="886">
                  <c:v>2.9819125047800368</c:v>
                </c:pt>
                <c:pt idx="887">
                  <c:v>2.9827873542232015</c:v>
                </c:pt>
                <c:pt idx="888">
                  <c:v>2.9852515086229805</c:v>
                </c:pt>
                <c:pt idx="889">
                  <c:v>2.9873449115916562</c:v>
                </c:pt>
                <c:pt idx="890">
                  <c:v>2.987246187360296</c:v>
                </c:pt>
                <c:pt idx="891">
                  <c:v>2.9935083493772274</c:v>
                </c:pt>
                <c:pt idx="892">
                  <c:v>2.9966207776185505</c:v>
                </c:pt>
                <c:pt idx="893">
                  <c:v>2.9972757405520172</c:v>
                </c:pt>
                <c:pt idx="894">
                  <c:v>3.0013935552277395</c:v>
                </c:pt>
                <c:pt idx="895">
                  <c:v>3.0031335876243817</c:v>
                </c:pt>
                <c:pt idx="896">
                  <c:v>3.005667314005207</c:v>
                </c:pt>
                <c:pt idx="897">
                  <c:v>3.0074919352635958</c:v>
                </c:pt>
                <c:pt idx="898">
                  <c:v>3.0091571240199153</c:v>
                </c:pt>
                <c:pt idx="899">
                  <c:v>3.0106785324213616</c:v>
                </c:pt>
                <c:pt idx="900">
                  <c:v>3.008447364752336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E6FC-4977-90EA-FB5C23213F13}"/>
            </c:ext>
          </c:extLst>
        </c:ser>
        <c:ser>
          <c:idx val="2"/>
          <c:order val="2"/>
          <c:tx>
            <c:strRef>
              <c:f>重心!$G$1</c:f>
              <c:strCache>
                <c:ptCount val="1"/>
                <c:pt idx="0">
                  <c:v>重心y [cm]</c:v>
                </c:pt>
              </c:strCache>
            </c:strRef>
          </c:tx>
          <c:spPr>
            <a:ln w="381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重心!$A$2:$A$902</c:f>
              <c:numCache>
                <c:formatCode>General</c:formatCode>
                <c:ptCount val="901"/>
                <c:pt idx="0">
                  <c:v>0</c:v>
                </c:pt>
                <c:pt idx="1">
                  <c:v>3.3333333333333333E-2</c:v>
                </c:pt>
                <c:pt idx="2">
                  <c:v>6.6666666666666666E-2</c:v>
                </c:pt>
                <c:pt idx="3">
                  <c:v>0.1</c:v>
                </c:pt>
                <c:pt idx="4">
                  <c:v>0.13333333333333333</c:v>
                </c:pt>
                <c:pt idx="5">
                  <c:v>0.16666666666666666</c:v>
                </c:pt>
                <c:pt idx="6">
                  <c:v>0.2</c:v>
                </c:pt>
                <c:pt idx="7">
                  <c:v>0.23333333333333334</c:v>
                </c:pt>
                <c:pt idx="8">
                  <c:v>0.26666666666666666</c:v>
                </c:pt>
                <c:pt idx="9">
                  <c:v>0.3</c:v>
                </c:pt>
                <c:pt idx="10">
                  <c:v>0.33333333333333331</c:v>
                </c:pt>
                <c:pt idx="11">
                  <c:v>0.36666666666666664</c:v>
                </c:pt>
                <c:pt idx="12">
                  <c:v>0.4</c:v>
                </c:pt>
                <c:pt idx="13">
                  <c:v>0.43333333333333335</c:v>
                </c:pt>
                <c:pt idx="14">
                  <c:v>0.46666666666666667</c:v>
                </c:pt>
                <c:pt idx="15">
                  <c:v>0.5</c:v>
                </c:pt>
                <c:pt idx="16">
                  <c:v>0.53333333333333333</c:v>
                </c:pt>
                <c:pt idx="17">
                  <c:v>0.56666666666666665</c:v>
                </c:pt>
                <c:pt idx="18">
                  <c:v>0.6</c:v>
                </c:pt>
                <c:pt idx="19">
                  <c:v>0.6333333333333333</c:v>
                </c:pt>
                <c:pt idx="20">
                  <c:v>0.66666666666666663</c:v>
                </c:pt>
                <c:pt idx="21">
                  <c:v>0.7</c:v>
                </c:pt>
                <c:pt idx="22">
                  <c:v>0.73333333333333328</c:v>
                </c:pt>
                <c:pt idx="23">
                  <c:v>0.76666666666666672</c:v>
                </c:pt>
                <c:pt idx="24">
                  <c:v>0.8</c:v>
                </c:pt>
                <c:pt idx="25">
                  <c:v>0.83333333333333337</c:v>
                </c:pt>
                <c:pt idx="26">
                  <c:v>0.8666666666666667</c:v>
                </c:pt>
                <c:pt idx="27">
                  <c:v>0.9</c:v>
                </c:pt>
                <c:pt idx="28">
                  <c:v>0.93333333333333335</c:v>
                </c:pt>
                <c:pt idx="29">
                  <c:v>0.96666666666666667</c:v>
                </c:pt>
                <c:pt idx="30">
                  <c:v>1</c:v>
                </c:pt>
                <c:pt idx="31">
                  <c:v>1.0333333333333334</c:v>
                </c:pt>
                <c:pt idx="32">
                  <c:v>1.0666666666666667</c:v>
                </c:pt>
                <c:pt idx="33">
                  <c:v>1.1000000000000001</c:v>
                </c:pt>
                <c:pt idx="34">
                  <c:v>1.1333333333333333</c:v>
                </c:pt>
                <c:pt idx="35">
                  <c:v>1.1666666666666667</c:v>
                </c:pt>
                <c:pt idx="36">
                  <c:v>1.2</c:v>
                </c:pt>
                <c:pt idx="37">
                  <c:v>1.2333333333333334</c:v>
                </c:pt>
                <c:pt idx="38">
                  <c:v>1.2666666666666666</c:v>
                </c:pt>
                <c:pt idx="39">
                  <c:v>1.3</c:v>
                </c:pt>
                <c:pt idx="40">
                  <c:v>1.3333333333333333</c:v>
                </c:pt>
                <c:pt idx="41">
                  <c:v>1.3666666666666667</c:v>
                </c:pt>
                <c:pt idx="42">
                  <c:v>1.4</c:v>
                </c:pt>
                <c:pt idx="43">
                  <c:v>1.4333333333333333</c:v>
                </c:pt>
                <c:pt idx="44">
                  <c:v>1.4666666666666666</c:v>
                </c:pt>
                <c:pt idx="45">
                  <c:v>1.5</c:v>
                </c:pt>
                <c:pt idx="46">
                  <c:v>1.5333333333333334</c:v>
                </c:pt>
                <c:pt idx="47">
                  <c:v>1.5666666666666667</c:v>
                </c:pt>
                <c:pt idx="48">
                  <c:v>1.6</c:v>
                </c:pt>
                <c:pt idx="49">
                  <c:v>1.6333333333333333</c:v>
                </c:pt>
                <c:pt idx="50">
                  <c:v>1.6666666666666667</c:v>
                </c:pt>
                <c:pt idx="51">
                  <c:v>1.7</c:v>
                </c:pt>
                <c:pt idx="52">
                  <c:v>1.7333333333333334</c:v>
                </c:pt>
                <c:pt idx="53">
                  <c:v>1.7666666666666666</c:v>
                </c:pt>
                <c:pt idx="54">
                  <c:v>1.8</c:v>
                </c:pt>
                <c:pt idx="55">
                  <c:v>1.8333333333333333</c:v>
                </c:pt>
                <c:pt idx="56">
                  <c:v>1.8666666666666667</c:v>
                </c:pt>
                <c:pt idx="57">
                  <c:v>1.9</c:v>
                </c:pt>
                <c:pt idx="58">
                  <c:v>1.9333333333333333</c:v>
                </c:pt>
                <c:pt idx="59">
                  <c:v>1.9666666666666666</c:v>
                </c:pt>
                <c:pt idx="60">
                  <c:v>2</c:v>
                </c:pt>
                <c:pt idx="61">
                  <c:v>2.0333333333333332</c:v>
                </c:pt>
                <c:pt idx="62">
                  <c:v>2.0666666666666669</c:v>
                </c:pt>
                <c:pt idx="63">
                  <c:v>2.1</c:v>
                </c:pt>
                <c:pt idx="64">
                  <c:v>2.1333333333333333</c:v>
                </c:pt>
                <c:pt idx="65">
                  <c:v>2.1666666666666665</c:v>
                </c:pt>
                <c:pt idx="66">
                  <c:v>2.2000000000000002</c:v>
                </c:pt>
                <c:pt idx="67">
                  <c:v>2.2333333333333334</c:v>
                </c:pt>
                <c:pt idx="68">
                  <c:v>2.2666666666666666</c:v>
                </c:pt>
                <c:pt idx="69">
                  <c:v>2.2999999999999998</c:v>
                </c:pt>
                <c:pt idx="70">
                  <c:v>2.3333333333333335</c:v>
                </c:pt>
                <c:pt idx="71">
                  <c:v>2.3666666666666667</c:v>
                </c:pt>
                <c:pt idx="72">
                  <c:v>2.4</c:v>
                </c:pt>
                <c:pt idx="73">
                  <c:v>2.4333333333333331</c:v>
                </c:pt>
                <c:pt idx="74">
                  <c:v>2.4666666666666668</c:v>
                </c:pt>
                <c:pt idx="75">
                  <c:v>2.5</c:v>
                </c:pt>
                <c:pt idx="76">
                  <c:v>2.5333333333333332</c:v>
                </c:pt>
                <c:pt idx="77">
                  <c:v>2.5666666666666669</c:v>
                </c:pt>
                <c:pt idx="78">
                  <c:v>2.6</c:v>
                </c:pt>
                <c:pt idx="79">
                  <c:v>2.6333333333333333</c:v>
                </c:pt>
                <c:pt idx="80">
                  <c:v>2.6666666666666665</c:v>
                </c:pt>
                <c:pt idx="81">
                  <c:v>2.7</c:v>
                </c:pt>
                <c:pt idx="82">
                  <c:v>2.7333333333333334</c:v>
                </c:pt>
                <c:pt idx="83">
                  <c:v>2.7666666666666666</c:v>
                </c:pt>
                <c:pt idx="84">
                  <c:v>2.8</c:v>
                </c:pt>
                <c:pt idx="85">
                  <c:v>2.8333333333333335</c:v>
                </c:pt>
                <c:pt idx="86">
                  <c:v>2.8666666666666667</c:v>
                </c:pt>
                <c:pt idx="87">
                  <c:v>2.9</c:v>
                </c:pt>
                <c:pt idx="88">
                  <c:v>2.9333333333333331</c:v>
                </c:pt>
                <c:pt idx="89">
                  <c:v>2.9666666666666668</c:v>
                </c:pt>
                <c:pt idx="90">
                  <c:v>3</c:v>
                </c:pt>
                <c:pt idx="91">
                  <c:v>3.0333333333333332</c:v>
                </c:pt>
                <c:pt idx="92">
                  <c:v>3.0666666666666669</c:v>
                </c:pt>
                <c:pt idx="93">
                  <c:v>3.1</c:v>
                </c:pt>
                <c:pt idx="94">
                  <c:v>3.1333333333333333</c:v>
                </c:pt>
                <c:pt idx="95">
                  <c:v>3.1666666666666665</c:v>
                </c:pt>
                <c:pt idx="96">
                  <c:v>3.2</c:v>
                </c:pt>
                <c:pt idx="97">
                  <c:v>3.2333333333333334</c:v>
                </c:pt>
                <c:pt idx="98">
                  <c:v>3.2666666666666666</c:v>
                </c:pt>
                <c:pt idx="99">
                  <c:v>3.3</c:v>
                </c:pt>
                <c:pt idx="100">
                  <c:v>3.3333333333333335</c:v>
                </c:pt>
                <c:pt idx="101">
                  <c:v>3.3666666666666667</c:v>
                </c:pt>
                <c:pt idx="102">
                  <c:v>3.4</c:v>
                </c:pt>
                <c:pt idx="103">
                  <c:v>3.4333333333333331</c:v>
                </c:pt>
                <c:pt idx="104">
                  <c:v>3.4666666666666668</c:v>
                </c:pt>
                <c:pt idx="105">
                  <c:v>3.5</c:v>
                </c:pt>
                <c:pt idx="106">
                  <c:v>3.5333333333333332</c:v>
                </c:pt>
                <c:pt idx="107">
                  <c:v>3.5666666666666669</c:v>
                </c:pt>
                <c:pt idx="108">
                  <c:v>3.6</c:v>
                </c:pt>
                <c:pt idx="109">
                  <c:v>3.6333333333333333</c:v>
                </c:pt>
                <c:pt idx="110">
                  <c:v>3.6666666666666665</c:v>
                </c:pt>
                <c:pt idx="111">
                  <c:v>3.7</c:v>
                </c:pt>
                <c:pt idx="112">
                  <c:v>3.7333333333333334</c:v>
                </c:pt>
                <c:pt idx="113">
                  <c:v>3.7666666666666666</c:v>
                </c:pt>
                <c:pt idx="114">
                  <c:v>3.8</c:v>
                </c:pt>
                <c:pt idx="115">
                  <c:v>3.8333333333333335</c:v>
                </c:pt>
                <c:pt idx="116">
                  <c:v>3.8666666666666667</c:v>
                </c:pt>
                <c:pt idx="117">
                  <c:v>3.9</c:v>
                </c:pt>
                <c:pt idx="118">
                  <c:v>3.9333333333333331</c:v>
                </c:pt>
                <c:pt idx="119">
                  <c:v>3.9666666666666668</c:v>
                </c:pt>
                <c:pt idx="120">
                  <c:v>4</c:v>
                </c:pt>
                <c:pt idx="121">
                  <c:v>4.0333333333333332</c:v>
                </c:pt>
                <c:pt idx="122">
                  <c:v>4.0666666666666664</c:v>
                </c:pt>
                <c:pt idx="123">
                  <c:v>4.0999999999999996</c:v>
                </c:pt>
                <c:pt idx="124">
                  <c:v>4.1333333333333337</c:v>
                </c:pt>
                <c:pt idx="125">
                  <c:v>4.166666666666667</c:v>
                </c:pt>
                <c:pt idx="126">
                  <c:v>4.2</c:v>
                </c:pt>
                <c:pt idx="127">
                  <c:v>4.2333333333333334</c:v>
                </c:pt>
                <c:pt idx="128">
                  <c:v>4.2666666666666666</c:v>
                </c:pt>
                <c:pt idx="129">
                  <c:v>4.3</c:v>
                </c:pt>
                <c:pt idx="130">
                  <c:v>4.333333333333333</c:v>
                </c:pt>
                <c:pt idx="131">
                  <c:v>4.3666666666666663</c:v>
                </c:pt>
                <c:pt idx="132">
                  <c:v>4.4000000000000004</c:v>
                </c:pt>
                <c:pt idx="133">
                  <c:v>4.4333333333333336</c:v>
                </c:pt>
                <c:pt idx="134">
                  <c:v>4.4666666666666668</c:v>
                </c:pt>
                <c:pt idx="135">
                  <c:v>4.5</c:v>
                </c:pt>
                <c:pt idx="136">
                  <c:v>4.5333333333333332</c:v>
                </c:pt>
                <c:pt idx="137">
                  <c:v>4.5666666666666664</c:v>
                </c:pt>
                <c:pt idx="138">
                  <c:v>4.5999999999999996</c:v>
                </c:pt>
                <c:pt idx="139">
                  <c:v>4.6333333333333337</c:v>
                </c:pt>
                <c:pt idx="140">
                  <c:v>4.666666666666667</c:v>
                </c:pt>
                <c:pt idx="141">
                  <c:v>4.7</c:v>
                </c:pt>
                <c:pt idx="142">
                  <c:v>4.7333333333333334</c:v>
                </c:pt>
                <c:pt idx="143">
                  <c:v>4.7666666666666666</c:v>
                </c:pt>
                <c:pt idx="144">
                  <c:v>4.8</c:v>
                </c:pt>
                <c:pt idx="145">
                  <c:v>4.833333333333333</c:v>
                </c:pt>
                <c:pt idx="146">
                  <c:v>4.8666666666666663</c:v>
                </c:pt>
                <c:pt idx="147">
                  <c:v>4.9000000000000004</c:v>
                </c:pt>
                <c:pt idx="148">
                  <c:v>4.9333333333333336</c:v>
                </c:pt>
                <c:pt idx="149">
                  <c:v>4.9666666666666668</c:v>
                </c:pt>
                <c:pt idx="150">
                  <c:v>5</c:v>
                </c:pt>
                <c:pt idx="151">
                  <c:v>5.0333333333333332</c:v>
                </c:pt>
                <c:pt idx="152">
                  <c:v>5.0666666666666664</c:v>
                </c:pt>
                <c:pt idx="153">
                  <c:v>5.0999999999999996</c:v>
                </c:pt>
                <c:pt idx="154">
                  <c:v>5.1333333333333337</c:v>
                </c:pt>
                <c:pt idx="155">
                  <c:v>5.166666666666667</c:v>
                </c:pt>
                <c:pt idx="156">
                  <c:v>5.2</c:v>
                </c:pt>
                <c:pt idx="157">
                  <c:v>5.2333333333333334</c:v>
                </c:pt>
                <c:pt idx="158">
                  <c:v>5.2666666666666666</c:v>
                </c:pt>
                <c:pt idx="159">
                  <c:v>5.3</c:v>
                </c:pt>
                <c:pt idx="160">
                  <c:v>5.333333333333333</c:v>
                </c:pt>
                <c:pt idx="161">
                  <c:v>5.3666666666666663</c:v>
                </c:pt>
                <c:pt idx="162">
                  <c:v>5.4</c:v>
                </c:pt>
                <c:pt idx="163">
                  <c:v>5.4333333333333336</c:v>
                </c:pt>
                <c:pt idx="164">
                  <c:v>5.4666666666666668</c:v>
                </c:pt>
                <c:pt idx="165">
                  <c:v>5.5</c:v>
                </c:pt>
                <c:pt idx="166">
                  <c:v>5.5333333333333332</c:v>
                </c:pt>
                <c:pt idx="167">
                  <c:v>5.5666666666666664</c:v>
                </c:pt>
                <c:pt idx="168">
                  <c:v>5.6</c:v>
                </c:pt>
                <c:pt idx="169">
                  <c:v>5.6333333333333337</c:v>
                </c:pt>
                <c:pt idx="170">
                  <c:v>5.666666666666667</c:v>
                </c:pt>
                <c:pt idx="171">
                  <c:v>5.7</c:v>
                </c:pt>
                <c:pt idx="172">
                  <c:v>5.7333333333333334</c:v>
                </c:pt>
                <c:pt idx="173">
                  <c:v>5.7666666666666666</c:v>
                </c:pt>
                <c:pt idx="174">
                  <c:v>5.8</c:v>
                </c:pt>
                <c:pt idx="175">
                  <c:v>5.833333333333333</c:v>
                </c:pt>
                <c:pt idx="176">
                  <c:v>5.8666666666666663</c:v>
                </c:pt>
                <c:pt idx="177">
                  <c:v>5.9</c:v>
                </c:pt>
                <c:pt idx="178">
                  <c:v>5.9333333333333336</c:v>
                </c:pt>
                <c:pt idx="179">
                  <c:v>5.9666666666666668</c:v>
                </c:pt>
                <c:pt idx="180">
                  <c:v>6</c:v>
                </c:pt>
                <c:pt idx="181">
                  <c:v>6.0333333333333332</c:v>
                </c:pt>
                <c:pt idx="182">
                  <c:v>6.0666666666666664</c:v>
                </c:pt>
                <c:pt idx="183">
                  <c:v>6.1</c:v>
                </c:pt>
                <c:pt idx="184">
                  <c:v>6.1333333333333337</c:v>
                </c:pt>
                <c:pt idx="185">
                  <c:v>6.166666666666667</c:v>
                </c:pt>
                <c:pt idx="186">
                  <c:v>6.2</c:v>
                </c:pt>
                <c:pt idx="187">
                  <c:v>6.2333333333333334</c:v>
                </c:pt>
                <c:pt idx="188">
                  <c:v>6.2666666666666666</c:v>
                </c:pt>
                <c:pt idx="189">
                  <c:v>6.3</c:v>
                </c:pt>
                <c:pt idx="190">
                  <c:v>6.333333333333333</c:v>
                </c:pt>
                <c:pt idx="191">
                  <c:v>6.3666666666666663</c:v>
                </c:pt>
                <c:pt idx="192">
                  <c:v>6.4</c:v>
                </c:pt>
                <c:pt idx="193">
                  <c:v>6.4333333333333336</c:v>
                </c:pt>
                <c:pt idx="194">
                  <c:v>6.4666666666666668</c:v>
                </c:pt>
                <c:pt idx="195">
                  <c:v>6.5</c:v>
                </c:pt>
                <c:pt idx="196">
                  <c:v>6.5333333333333332</c:v>
                </c:pt>
                <c:pt idx="197">
                  <c:v>6.5666666666666664</c:v>
                </c:pt>
                <c:pt idx="198">
                  <c:v>6.6</c:v>
                </c:pt>
                <c:pt idx="199">
                  <c:v>6.6333333333333337</c:v>
                </c:pt>
                <c:pt idx="200">
                  <c:v>6.666666666666667</c:v>
                </c:pt>
                <c:pt idx="201">
                  <c:v>6.7</c:v>
                </c:pt>
                <c:pt idx="202">
                  <c:v>6.7333333333333334</c:v>
                </c:pt>
                <c:pt idx="203">
                  <c:v>6.7666666666666666</c:v>
                </c:pt>
                <c:pt idx="204">
                  <c:v>6.8</c:v>
                </c:pt>
                <c:pt idx="205">
                  <c:v>6.833333333333333</c:v>
                </c:pt>
                <c:pt idx="206">
                  <c:v>6.8666666666666663</c:v>
                </c:pt>
                <c:pt idx="207">
                  <c:v>6.9</c:v>
                </c:pt>
                <c:pt idx="208">
                  <c:v>6.9333333333333336</c:v>
                </c:pt>
                <c:pt idx="209">
                  <c:v>6.9666666666666668</c:v>
                </c:pt>
                <c:pt idx="210">
                  <c:v>7</c:v>
                </c:pt>
                <c:pt idx="211">
                  <c:v>7.0333333333333332</c:v>
                </c:pt>
                <c:pt idx="212">
                  <c:v>7.0666666666666664</c:v>
                </c:pt>
                <c:pt idx="213">
                  <c:v>7.1</c:v>
                </c:pt>
                <c:pt idx="214">
                  <c:v>7.1333333333333337</c:v>
                </c:pt>
                <c:pt idx="215">
                  <c:v>7.166666666666667</c:v>
                </c:pt>
                <c:pt idx="216">
                  <c:v>7.2</c:v>
                </c:pt>
                <c:pt idx="217">
                  <c:v>7.2333333333333334</c:v>
                </c:pt>
                <c:pt idx="218">
                  <c:v>7.2666666666666666</c:v>
                </c:pt>
                <c:pt idx="219">
                  <c:v>7.3</c:v>
                </c:pt>
                <c:pt idx="220">
                  <c:v>7.333333333333333</c:v>
                </c:pt>
                <c:pt idx="221">
                  <c:v>7.3666666666666663</c:v>
                </c:pt>
                <c:pt idx="222">
                  <c:v>7.4</c:v>
                </c:pt>
                <c:pt idx="223">
                  <c:v>7.4333333333333336</c:v>
                </c:pt>
                <c:pt idx="224">
                  <c:v>7.4666666666666668</c:v>
                </c:pt>
                <c:pt idx="225">
                  <c:v>7.5</c:v>
                </c:pt>
                <c:pt idx="226">
                  <c:v>7.5333333333333332</c:v>
                </c:pt>
                <c:pt idx="227">
                  <c:v>7.5666666666666664</c:v>
                </c:pt>
                <c:pt idx="228">
                  <c:v>7.6</c:v>
                </c:pt>
                <c:pt idx="229">
                  <c:v>7.6333333333333337</c:v>
                </c:pt>
                <c:pt idx="230">
                  <c:v>7.666666666666667</c:v>
                </c:pt>
                <c:pt idx="231">
                  <c:v>7.7</c:v>
                </c:pt>
                <c:pt idx="232">
                  <c:v>7.7333333333333334</c:v>
                </c:pt>
                <c:pt idx="233">
                  <c:v>7.7666666666666666</c:v>
                </c:pt>
                <c:pt idx="234">
                  <c:v>7.8</c:v>
                </c:pt>
                <c:pt idx="235">
                  <c:v>7.833333333333333</c:v>
                </c:pt>
                <c:pt idx="236">
                  <c:v>7.8666666666666663</c:v>
                </c:pt>
                <c:pt idx="237">
                  <c:v>7.9</c:v>
                </c:pt>
                <c:pt idx="238">
                  <c:v>7.9333333333333336</c:v>
                </c:pt>
                <c:pt idx="239">
                  <c:v>7.9666666666666668</c:v>
                </c:pt>
                <c:pt idx="240">
                  <c:v>8</c:v>
                </c:pt>
                <c:pt idx="241">
                  <c:v>8.0333333333333332</c:v>
                </c:pt>
                <c:pt idx="242">
                  <c:v>8.0666666666666664</c:v>
                </c:pt>
                <c:pt idx="243">
                  <c:v>8.1</c:v>
                </c:pt>
                <c:pt idx="244">
                  <c:v>8.1333333333333329</c:v>
                </c:pt>
                <c:pt idx="245">
                  <c:v>8.1666666666666661</c:v>
                </c:pt>
                <c:pt idx="246">
                  <c:v>8.1999999999999993</c:v>
                </c:pt>
                <c:pt idx="247">
                  <c:v>8.2333333333333325</c:v>
                </c:pt>
                <c:pt idx="248">
                  <c:v>8.2666666666666675</c:v>
                </c:pt>
                <c:pt idx="249">
                  <c:v>8.3000000000000007</c:v>
                </c:pt>
                <c:pt idx="250">
                  <c:v>8.3333333333333339</c:v>
                </c:pt>
                <c:pt idx="251">
                  <c:v>8.3666666666666671</c:v>
                </c:pt>
                <c:pt idx="252">
                  <c:v>8.4</c:v>
                </c:pt>
                <c:pt idx="253">
                  <c:v>8.4333333333333336</c:v>
                </c:pt>
                <c:pt idx="254">
                  <c:v>8.4666666666666668</c:v>
                </c:pt>
                <c:pt idx="255">
                  <c:v>8.5</c:v>
                </c:pt>
                <c:pt idx="256">
                  <c:v>8.5333333333333332</c:v>
                </c:pt>
                <c:pt idx="257">
                  <c:v>8.5666666666666664</c:v>
                </c:pt>
                <c:pt idx="258">
                  <c:v>8.6</c:v>
                </c:pt>
                <c:pt idx="259">
                  <c:v>8.6333333333333329</c:v>
                </c:pt>
                <c:pt idx="260">
                  <c:v>8.6666666666666661</c:v>
                </c:pt>
                <c:pt idx="261">
                  <c:v>8.6999999999999993</c:v>
                </c:pt>
                <c:pt idx="262">
                  <c:v>8.7333333333333325</c:v>
                </c:pt>
                <c:pt idx="263">
                  <c:v>8.7666666666666675</c:v>
                </c:pt>
                <c:pt idx="264">
                  <c:v>8.8000000000000007</c:v>
                </c:pt>
                <c:pt idx="265">
                  <c:v>8.8333333333333339</c:v>
                </c:pt>
                <c:pt idx="266">
                  <c:v>8.8666666666666671</c:v>
                </c:pt>
                <c:pt idx="267">
                  <c:v>8.9</c:v>
                </c:pt>
                <c:pt idx="268">
                  <c:v>8.9333333333333336</c:v>
                </c:pt>
                <c:pt idx="269">
                  <c:v>8.9666666666666668</c:v>
                </c:pt>
                <c:pt idx="270">
                  <c:v>9</c:v>
                </c:pt>
                <c:pt idx="271">
                  <c:v>9.0333333333333332</c:v>
                </c:pt>
                <c:pt idx="272">
                  <c:v>9.0666666666666664</c:v>
                </c:pt>
                <c:pt idx="273">
                  <c:v>9.1</c:v>
                </c:pt>
                <c:pt idx="274">
                  <c:v>9.1333333333333329</c:v>
                </c:pt>
                <c:pt idx="275">
                  <c:v>9.1666666666666661</c:v>
                </c:pt>
                <c:pt idx="276">
                  <c:v>9.1999999999999993</c:v>
                </c:pt>
                <c:pt idx="277">
                  <c:v>9.2333333333333325</c:v>
                </c:pt>
                <c:pt idx="278">
                  <c:v>9.2666666666666675</c:v>
                </c:pt>
                <c:pt idx="279">
                  <c:v>9.3000000000000007</c:v>
                </c:pt>
                <c:pt idx="280">
                  <c:v>9.3333333333333339</c:v>
                </c:pt>
                <c:pt idx="281">
                  <c:v>9.3666666666666671</c:v>
                </c:pt>
                <c:pt idx="282">
                  <c:v>9.4</c:v>
                </c:pt>
                <c:pt idx="283">
                  <c:v>9.4333333333333336</c:v>
                </c:pt>
                <c:pt idx="284">
                  <c:v>9.4666666666666668</c:v>
                </c:pt>
                <c:pt idx="285">
                  <c:v>9.5</c:v>
                </c:pt>
                <c:pt idx="286">
                  <c:v>9.5333333333333332</c:v>
                </c:pt>
                <c:pt idx="287">
                  <c:v>9.5666666666666664</c:v>
                </c:pt>
                <c:pt idx="288">
                  <c:v>9.6</c:v>
                </c:pt>
                <c:pt idx="289">
                  <c:v>9.6333333333333329</c:v>
                </c:pt>
                <c:pt idx="290">
                  <c:v>9.6666666666666661</c:v>
                </c:pt>
                <c:pt idx="291">
                  <c:v>9.6999999999999993</c:v>
                </c:pt>
                <c:pt idx="292">
                  <c:v>9.7333333333333325</c:v>
                </c:pt>
                <c:pt idx="293">
                  <c:v>9.7666666666666675</c:v>
                </c:pt>
                <c:pt idx="294">
                  <c:v>9.8000000000000007</c:v>
                </c:pt>
                <c:pt idx="295">
                  <c:v>9.8333333333333339</c:v>
                </c:pt>
                <c:pt idx="296">
                  <c:v>9.8666666666666671</c:v>
                </c:pt>
                <c:pt idx="297">
                  <c:v>9.9</c:v>
                </c:pt>
                <c:pt idx="298">
                  <c:v>9.9333333333333336</c:v>
                </c:pt>
                <c:pt idx="299">
                  <c:v>9.9666666666666668</c:v>
                </c:pt>
                <c:pt idx="300">
                  <c:v>10</c:v>
                </c:pt>
                <c:pt idx="301">
                  <c:v>10.033333333333333</c:v>
                </c:pt>
                <c:pt idx="302">
                  <c:v>10.066666666666666</c:v>
                </c:pt>
                <c:pt idx="303">
                  <c:v>10.1</c:v>
                </c:pt>
                <c:pt idx="304">
                  <c:v>10.133333333333333</c:v>
                </c:pt>
                <c:pt idx="305">
                  <c:v>10.166666666666666</c:v>
                </c:pt>
                <c:pt idx="306">
                  <c:v>10.199999999999999</c:v>
                </c:pt>
                <c:pt idx="307">
                  <c:v>10.233333333333333</c:v>
                </c:pt>
                <c:pt idx="308">
                  <c:v>10.266666666666667</c:v>
                </c:pt>
                <c:pt idx="309">
                  <c:v>10.3</c:v>
                </c:pt>
                <c:pt idx="310">
                  <c:v>10.333333333333334</c:v>
                </c:pt>
                <c:pt idx="311">
                  <c:v>10.366666666666667</c:v>
                </c:pt>
                <c:pt idx="312">
                  <c:v>10.4</c:v>
                </c:pt>
                <c:pt idx="313">
                  <c:v>10.433333333333334</c:v>
                </c:pt>
                <c:pt idx="314">
                  <c:v>10.466666666666667</c:v>
                </c:pt>
                <c:pt idx="315">
                  <c:v>10.5</c:v>
                </c:pt>
                <c:pt idx="316">
                  <c:v>10.533333333333333</c:v>
                </c:pt>
                <c:pt idx="317">
                  <c:v>10.566666666666666</c:v>
                </c:pt>
                <c:pt idx="318">
                  <c:v>10.6</c:v>
                </c:pt>
                <c:pt idx="319">
                  <c:v>10.633333333333333</c:v>
                </c:pt>
                <c:pt idx="320">
                  <c:v>10.666666666666666</c:v>
                </c:pt>
                <c:pt idx="321">
                  <c:v>10.7</c:v>
                </c:pt>
                <c:pt idx="322">
                  <c:v>10.733333333333333</c:v>
                </c:pt>
                <c:pt idx="323">
                  <c:v>10.766666666666667</c:v>
                </c:pt>
                <c:pt idx="324">
                  <c:v>10.8</c:v>
                </c:pt>
                <c:pt idx="325">
                  <c:v>10.833333333333334</c:v>
                </c:pt>
                <c:pt idx="326">
                  <c:v>10.866666666666667</c:v>
                </c:pt>
                <c:pt idx="327">
                  <c:v>10.9</c:v>
                </c:pt>
                <c:pt idx="328">
                  <c:v>10.933333333333334</c:v>
                </c:pt>
                <c:pt idx="329">
                  <c:v>10.966666666666667</c:v>
                </c:pt>
                <c:pt idx="330">
                  <c:v>11</c:v>
                </c:pt>
                <c:pt idx="331">
                  <c:v>11.033333333333333</c:v>
                </c:pt>
                <c:pt idx="332">
                  <c:v>11.066666666666666</c:v>
                </c:pt>
                <c:pt idx="333">
                  <c:v>11.1</c:v>
                </c:pt>
                <c:pt idx="334">
                  <c:v>11.133333333333333</c:v>
                </c:pt>
                <c:pt idx="335">
                  <c:v>11.166666666666666</c:v>
                </c:pt>
                <c:pt idx="336">
                  <c:v>11.2</c:v>
                </c:pt>
                <c:pt idx="337">
                  <c:v>11.233333333333333</c:v>
                </c:pt>
                <c:pt idx="338">
                  <c:v>11.266666666666667</c:v>
                </c:pt>
                <c:pt idx="339">
                  <c:v>11.3</c:v>
                </c:pt>
                <c:pt idx="340">
                  <c:v>11.333333333333334</c:v>
                </c:pt>
                <c:pt idx="341">
                  <c:v>11.366666666666667</c:v>
                </c:pt>
                <c:pt idx="342">
                  <c:v>11.4</c:v>
                </c:pt>
                <c:pt idx="343">
                  <c:v>11.433333333333334</c:v>
                </c:pt>
                <c:pt idx="344">
                  <c:v>11.466666666666667</c:v>
                </c:pt>
                <c:pt idx="345">
                  <c:v>11.5</c:v>
                </c:pt>
                <c:pt idx="346">
                  <c:v>11.533333333333333</c:v>
                </c:pt>
                <c:pt idx="347">
                  <c:v>11.566666666666666</c:v>
                </c:pt>
                <c:pt idx="348">
                  <c:v>11.6</c:v>
                </c:pt>
                <c:pt idx="349">
                  <c:v>11.633333333333333</c:v>
                </c:pt>
                <c:pt idx="350">
                  <c:v>11.666666666666666</c:v>
                </c:pt>
                <c:pt idx="351">
                  <c:v>11.7</c:v>
                </c:pt>
                <c:pt idx="352">
                  <c:v>11.733333333333333</c:v>
                </c:pt>
                <c:pt idx="353">
                  <c:v>11.766666666666667</c:v>
                </c:pt>
                <c:pt idx="354">
                  <c:v>11.8</c:v>
                </c:pt>
                <c:pt idx="355">
                  <c:v>11.833333333333334</c:v>
                </c:pt>
                <c:pt idx="356">
                  <c:v>11.866666666666667</c:v>
                </c:pt>
                <c:pt idx="357">
                  <c:v>11.9</c:v>
                </c:pt>
                <c:pt idx="358">
                  <c:v>11.933333333333334</c:v>
                </c:pt>
                <c:pt idx="359">
                  <c:v>11.966666666666667</c:v>
                </c:pt>
                <c:pt idx="360">
                  <c:v>12</c:v>
                </c:pt>
                <c:pt idx="361">
                  <c:v>12.033333333333333</c:v>
                </c:pt>
                <c:pt idx="362">
                  <c:v>12.066666666666666</c:v>
                </c:pt>
                <c:pt idx="363">
                  <c:v>12.1</c:v>
                </c:pt>
                <c:pt idx="364">
                  <c:v>12.133333333333333</c:v>
                </c:pt>
                <c:pt idx="365">
                  <c:v>12.166666666666666</c:v>
                </c:pt>
                <c:pt idx="366">
                  <c:v>12.2</c:v>
                </c:pt>
                <c:pt idx="367">
                  <c:v>12.233333333333333</c:v>
                </c:pt>
                <c:pt idx="368">
                  <c:v>12.266666666666667</c:v>
                </c:pt>
                <c:pt idx="369">
                  <c:v>12.3</c:v>
                </c:pt>
                <c:pt idx="370">
                  <c:v>12.333333333333334</c:v>
                </c:pt>
                <c:pt idx="371">
                  <c:v>12.366666666666667</c:v>
                </c:pt>
                <c:pt idx="372">
                  <c:v>12.4</c:v>
                </c:pt>
                <c:pt idx="373">
                  <c:v>12.433333333333334</c:v>
                </c:pt>
                <c:pt idx="374">
                  <c:v>12.466666666666667</c:v>
                </c:pt>
                <c:pt idx="375">
                  <c:v>12.5</c:v>
                </c:pt>
                <c:pt idx="376">
                  <c:v>12.533333333333333</c:v>
                </c:pt>
                <c:pt idx="377">
                  <c:v>12.566666666666666</c:v>
                </c:pt>
                <c:pt idx="378">
                  <c:v>12.6</c:v>
                </c:pt>
                <c:pt idx="379">
                  <c:v>12.633333333333333</c:v>
                </c:pt>
                <c:pt idx="380">
                  <c:v>12.666666666666666</c:v>
                </c:pt>
                <c:pt idx="381">
                  <c:v>12.7</c:v>
                </c:pt>
                <c:pt idx="382">
                  <c:v>12.733333333333333</c:v>
                </c:pt>
                <c:pt idx="383">
                  <c:v>12.766666666666667</c:v>
                </c:pt>
                <c:pt idx="384">
                  <c:v>12.8</c:v>
                </c:pt>
                <c:pt idx="385">
                  <c:v>12.833333333333334</c:v>
                </c:pt>
                <c:pt idx="386">
                  <c:v>12.866666666666667</c:v>
                </c:pt>
                <c:pt idx="387">
                  <c:v>12.9</c:v>
                </c:pt>
                <c:pt idx="388">
                  <c:v>12.933333333333334</c:v>
                </c:pt>
                <c:pt idx="389">
                  <c:v>12.966666666666667</c:v>
                </c:pt>
                <c:pt idx="390">
                  <c:v>13</c:v>
                </c:pt>
                <c:pt idx="391">
                  <c:v>13.033333333333333</c:v>
                </c:pt>
                <c:pt idx="392">
                  <c:v>13.066666666666666</c:v>
                </c:pt>
                <c:pt idx="393">
                  <c:v>13.1</c:v>
                </c:pt>
                <c:pt idx="394">
                  <c:v>13.133333333333333</c:v>
                </c:pt>
                <c:pt idx="395">
                  <c:v>13.166666666666666</c:v>
                </c:pt>
                <c:pt idx="396">
                  <c:v>13.2</c:v>
                </c:pt>
                <c:pt idx="397">
                  <c:v>13.233333333333333</c:v>
                </c:pt>
                <c:pt idx="398">
                  <c:v>13.266666666666667</c:v>
                </c:pt>
                <c:pt idx="399">
                  <c:v>13.3</c:v>
                </c:pt>
                <c:pt idx="400">
                  <c:v>13.333333333333334</c:v>
                </c:pt>
                <c:pt idx="401">
                  <c:v>13.366666666666667</c:v>
                </c:pt>
                <c:pt idx="402">
                  <c:v>13.4</c:v>
                </c:pt>
                <c:pt idx="403">
                  <c:v>13.433333333333334</c:v>
                </c:pt>
                <c:pt idx="404">
                  <c:v>13.466666666666667</c:v>
                </c:pt>
                <c:pt idx="405">
                  <c:v>13.5</c:v>
                </c:pt>
                <c:pt idx="406">
                  <c:v>13.533333333333333</c:v>
                </c:pt>
                <c:pt idx="407">
                  <c:v>13.566666666666666</c:v>
                </c:pt>
                <c:pt idx="408">
                  <c:v>13.6</c:v>
                </c:pt>
                <c:pt idx="409">
                  <c:v>13.633333333333333</c:v>
                </c:pt>
                <c:pt idx="410">
                  <c:v>13.666666666666666</c:v>
                </c:pt>
                <c:pt idx="411">
                  <c:v>13.7</c:v>
                </c:pt>
                <c:pt idx="412">
                  <c:v>13.733333333333333</c:v>
                </c:pt>
                <c:pt idx="413">
                  <c:v>13.766666666666667</c:v>
                </c:pt>
                <c:pt idx="414">
                  <c:v>13.8</c:v>
                </c:pt>
                <c:pt idx="415">
                  <c:v>13.833333333333334</c:v>
                </c:pt>
                <c:pt idx="416">
                  <c:v>13.866666666666667</c:v>
                </c:pt>
                <c:pt idx="417">
                  <c:v>13.9</c:v>
                </c:pt>
                <c:pt idx="418">
                  <c:v>13.933333333333334</c:v>
                </c:pt>
                <c:pt idx="419">
                  <c:v>13.966666666666667</c:v>
                </c:pt>
                <c:pt idx="420">
                  <c:v>14</c:v>
                </c:pt>
                <c:pt idx="421">
                  <c:v>14.033333333333333</c:v>
                </c:pt>
                <c:pt idx="422">
                  <c:v>14.066666666666666</c:v>
                </c:pt>
                <c:pt idx="423">
                  <c:v>14.1</c:v>
                </c:pt>
                <c:pt idx="424">
                  <c:v>14.133333333333333</c:v>
                </c:pt>
                <c:pt idx="425">
                  <c:v>14.166666666666666</c:v>
                </c:pt>
                <c:pt idx="426">
                  <c:v>14.2</c:v>
                </c:pt>
                <c:pt idx="427">
                  <c:v>14.233333333333333</c:v>
                </c:pt>
                <c:pt idx="428">
                  <c:v>14.266666666666667</c:v>
                </c:pt>
                <c:pt idx="429">
                  <c:v>14.3</c:v>
                </c:pt>
                <c:pt idx="430">
                  <c:v>14.333333333333334</c:v>
                </c:pt>
                <c:pt idx="431">
                  <c:v>14.366666666666667</c:v>
                </c:pt>
                <c:pt idx="432">
                  <c:v>14.4</c:v>
                </c:pt>
                <c:pt idx="433">
                  <c:v>14.433333333333334</c:v>
                </c:pt>
                <c:pt idx="434">
                  <c:v>14.466666666666667</c:v>
                </c:pt>
                <c:pt idx="435">
                  <c:v>14.5</c:v>
                </c:pt>
                <c:pt idx="436">
                  <c:v>14.533333333333333</c:v>
                </c:pt>
                <c:pt idx="437">
                  <c:v>14.566666666666666</c:v>
                </c:pt>
                <c:pt idx="438">
                  <c:v>14.6</c:v>
                </c:pt>
                <c:pt idx="439">
                  <c:v>14.633333333333333</c:v>
                </c:pt>
                <c:pt idx="440">
                  <c:v>14.666666666666666</c:v>
                </c:pt>
                <c:pt idx="441">
                  <c:v>14.7</c:v>
                </c:pt>
                <c:pt idx="442">
                  <c:v>14.733333333333333</c:v>
                </c:pt>
                <c:pt idx="443">
                  <c:v>14.766666666666667</c:v>
                </c:pt>
                <c:pt idx="444">
                  <c:v>14.8</c:v>
                </c:pt>
                <c:pt idx="445">
                  <c:v>14.833333333333334</c:v>
                </c:pt>
                <c:pt idx="446">
                  <c:v>14.866666666666667</c:v>
                </c:pt>
                <c:pt idx="447">
                  <c:v>14.9</c:v>
                </c:pt>
                <c:pt idx="448">
                  <c:v>14.933333333333334</c:v>
                </c:pt>
                <c:pt idx="449">
                  <c:v>14.966666666666667</c:v>
                </c:pt>
                <c:pt idx="450">
                  <c:v>15</c:v>
                </c:pt>
                <c:pt idx="451">
                  <c:v>15.033333333333333</c:v>
                </c:pt>
                <c:pt idx="452">
                  <c:v>15.066666666666666</c:v>
                </c:pt>
                <c:pt idx="453">
                  <c:v>15.1</c:v>
                </c:pt>
                <c:pt idx="454">
                  <c:v>15.133333333333333</c:v>
                </c:pt>
                <c:pt idx="455">
                  <c:v>15.166666666666666</c:v>
                </c:pt>
                <c:pt idx="456">
                  <c:v>15.2</c:v>
                </c:pt>
                <c:pt idx="457">
                  <c:v>15.233333333333333</c:v>
                </c:pt>
                <c:pt idx="458">
                  <c:v>15.266666666666667</c:v>
                </c:pt>
                <c:pt idx="459">
                  <c:v>15.3</c:v>
                </c:pt>
                <c:pt idx="460">
                  <c:v>15.333333333333334</c:v>
                </c:pt>
                <c:pt idx="461">
                  <c:v>15.366666666666667</c:v>
                </c:pt>
                <c:pt idx="462">
                  <c:v>15.4</c:v>
                </c:pt>
                <c:pt idx="463">
                  <c:v>15.433333333333334</c:v>
                </c:pt>
                <c:pt idx="464">
                  <c:v>15.466666666666667</c:v>
                </c:pt>
                <c:pt idx="465">
                  <c:v>15.5</c:v>
                </c:pt>
                <c:pt idx="466">
                  <c:v>15.533333333333333</c:v>
                </c:pt>
                <c:pt idx="467">
                  <c:v>15.566666666666666</c:v>
                </c:pt>
                <c:pt idx="468">
                  <c:v>15.6</c:v>
                </c:pt>
                <c:pt idx="469">
                  <c:v>15.633333333333333</c:v>
                </c:pt>
                <c:pt idx="470">
                  <c:v>15.666666666666666</c:v>
                </c:pt>
                <c:pt idx="471">
                  <c:v>15.7</c:v>
                </c:pt>
                <c:pt idx="472">
                  <c:v>15.733333333333333</c:v>
                </c:pt>
                <c:pt idx="473">
                  <c:v>15.766666666666667</c:v>
                </c:pt>
                <c:pt idx="474">
                  <c:v>15.8</c:v>
                </c:pt>
                <c:pt idx="475">
                  <c:v>15.833333333333334</c:v>
                </c:pt>
                <c:pt idx="476">
                  <c:v>15.866666666666667</c:v>
                </c:pt>
                <c:pt idx="477">
                  <c:v>15.9</c:v>
                </c:pt>
                <c:pt idx="478">
                  <c:v>15.933333333333334</c:v>
                </c:pt>
                <c:pt idx="479">
                  <c:v>15.966666666666667</c:v>
                </c:pt>
                <c:pt idx="480">
                  <c:v>16</c:v>
                </c:pt>
                <c:pt idx="481">
                  <c:v>16.033333333333335</c:v>
                </c:pt>
                <c:pt idx="482">
                  <c:v>16.066666666666666</c:v>
                </c:pt>
                <c:pt idx="483">
                  <c:v>16.100000000000001</c:v>
                </c:pt>
                <c:pt idx="484">
                  <c:v>16.133333333333333</c:v>
                </c:pt>
                <c:pt idx="485">
                  <c:v>16.166666666666668</c:v>
                </c:pt>
                <c:pt idx="486">
                  <c:v>16.2</c:v>
                </c:pt>
                <c:pt idx="487">
                  <c:v>16.233333333333334</c:v>
                </c:pt>
                <c:pt idx="488">
                  <c:v>16.266666666666666</c:v>
                </c:pt>
                <c:pt idx="489">
                  <c:v>16.3</c:v>
                </c:pt>
                <c:pt idx="490">
                  <c:v>16.333333333333332</c:v>
                </c:pt>
                <c:pt idx="491">
                  <c:v>16.366666666666667</c:v>
                </c:pt>
                <c:pt idx="492">
                  <c:v>16.399999999999999</c:v>
                </c:pt>
                <c:pt idx="493">
                  <c:v>16.433333333333334</c:v>
                </c:pt>
                <c:pt idx="494">
                  <c:v>16.466666666666665</c:v>
                </c:pt>
                <c:pt idx="495">
                  <c:v>16.5</c:v>
                </c:pt>
                <c:pt idx="496">
                  <c:v>16.533333333333335</c:v>
                </c:pt>
                <c:pt idx="497">
                  <c:v>16.566666666666666</c:v>
                </c:pt>
                <c:pt idx="498">
                  <c:v>16.600000000000001</c:v>
                </c:pt>
                <c:pt idx="499">
                  <c:v>16.633333333333333</c:v>
                </c:pt>
                <c:pt idx="500">
                  <c:v>16.666666666666668</c:v>
                </c:pt>
                <c:pt idx="501">
                  <c:v>16.7</c:v>
                </c:pt>
                <c:pt idx="502">
                  <c:v>16.733333333333334</c:v>
                </c:pt>
                <c:pt idx="503">
                  <c:v>16.766666666666666</c:v>
                </c:pt>
                <c:pt idx="504">
                  <c:v>16.8</c:v>
                </c:pt>
                <c:pt idx="505">
                  <c:v>16.833333333333332</c:v>
                </c:pt>
                <c:pt idx="506">
                  <c:v>16.866666666666667</c:v>
                </c:pt>
                <c:pt idx="507">
                  <c:v>16.899999999999999</c:v>
                </c:pt>
                <c:pt idx="508">
                  <c:v>16.933333333333334</c:v>
                </c:pt>
                <c:pt idx="509">
                  <c:v>16.966666666666665</c:v>
                </c:pt>
                <c:pt idx="510">
                  <c:v>17</c:v>
                </c:pt>
                <c:pt idx="511">
                  <c:v>17.033333333333335</c:v>
                </c:pt>
                <c:pt idx="512">
                  <c:v>17.066666666666666</c:v>
                </c:pt>
                <c:pt idx="513">
                  <c:v>17.100000000000001</c:v>
                </c:pt>
                <c:pt idx="514">
                  <c:v>17.133333333333333</c:v>
                </c:pt>
                <c:pt idx="515">
                  <c:v>17.166666666666668</c:v>
                </c:pt>
                <c:pt idx="516">
                  <c:v>17.2</c:v>
                </c:pt>
                <c:pt idx="517">
                  <c:v>17.233333333333334</c:v>
                </c:pt>
                <c:pt idx="518">
                  <c:v>17.266666666666666</c:v>
                </c:pt>
                <c:pt idx="519">
                  <c:v>17.3</c:v>
                </c:pt>
                <c:pt idx="520">
                  <c:v>17.333333333333332</c:v>
                </c:pt>
                <c:pt idx="521">
                  <c:v>17.366666666666667</c:v>
                </c:pt>
                <c:pt idx="522">
                  <c:v>17.399999999999999</c:v>
                </c:pt>
                <c:pt idx="523">
                  <c:v>17.433333333333334</c:v>
                </c:pt>
                <c:pt idx="524">
                  <c:v>17.466666666666665</c:v>
                </c:pt>
                <c:pt idx="525">
                  <c:v>17.5</c:v>
                </c:pt>
                <c:pt idx="526">
                  <c:v>17.533333333333335</c:v>
                </c:pt>
                <c:pt idx="527">
                  <c:v>17.566666666666666</c:v>
                </c:pt>
                <c:pt idx="528">
                  <c:v>17.600000000000001</c:v>
                </c:pt>
                <c:pt idx="529">
                  <c:v>17.633333333333333</c:v>
                </c:pt>
                <c:pt idx="530">
                  <c:v>17.666666666666668</c:v>
                </c:pt>
                <c:pt idx="531">
                  <c:v>17.7</c:v>
                </c:pt>
                <c:pt idx="532">
                  <c:v>17.733333333333334</c:v>
                </c:pt>
                <c:pt idx="533">
                  <c:v>17.766666666666666</c:v>
                </c:pt>
                <c:pt idx="534">
                  <c:v>17.8</c:v>
                </c:pt>
                <c:pt idx="535">
                  <c:v>17.833333333333332</c:v>
                </c:pt>
                <c:pt idx="536">
                  <c:v>17.866666666666667</c:v>
                </c:pt>
                <c:pt idx="537">
                  <c:v>17.899999999999999</c:v>
                </c:pt>
                <c:pt idx="538">
                  <c:v>17.933333333333334</c:v>
                </c:pt>
                <c:pt idx="539">
                  <c:v>17.966666666666665</c:v>
                </c:pt>
                <c:pt idx="540">
                  <c:v>18</c:v>
                </c:pt>
                <c:pt idx="541">
                  <c:v>18.033333333333335</c:v>
                </c:pt>
                <c:pt idx="542">
                  <c:v>18.066666666666666</c:v>
                </c:pt>
                <c:pt idx="543">
                  <c:v>18.100000000000001</c:v>
                </c:pt>
                <c:pt idx="544">
                  <c:v>18.133333333333333</c:v>
                </c:pt>
                <c:pt idx="545">
                  <c:v>18.166666666666668</c:v>
                </c:pt>
                <c:pt idx="546">
                  <c:v>18.2</c:v>
                </c:pt>
                <c:pt idx="547">
                  <c:v>18.233333333333334</c:v>
                </c:pt>
                <c:pt idx="548">
                  <c:v>18.266666666666666</c:v>
                </c:pt>
                <c:pt idx="549">
                  <c:v>18.3</c:v>
                </c:pt>
                <c:pt idx="550">
                  <c:v>18.333333333333332</c:v>
                </c:pt>
                <c:pt idx="551">
                  <c:v>18.366666666666667</c:v>
                </c:pt>
                <c:pt idx="552">
                  <c:v>18.399999999999999</c:v>
                </c:pt>
                <c:pt idx="553">
                  <c:v>18.433333333333334</c:v>
                </c:pt>
                <c:pt idx="554">
                  <c:v>18.466666666666665</c:v>
                </c:pt>
                <c:pt idx="555">
                  <c:v>18.5</c:v>
                </c:pt>
                <c:pt idx="556">
                  <c:v>18.533333333333335</c:v>
                </c:pt>
                <c:pt idx="557">
                  <c:v>18.566666666666666</c:v>
                </c:pt>
                <c:pt idx="558">
                  <c:v>18.600000000000001</c:v>
                </c:pt>
                <c:pt idx="559">
                  <c:v>18.633333333333333</c:v>
                </c:pt>
                <c:pt idx="560">
                  <c:v>18.666666666666668</c:v>
                </c:pt>
                <c:pt idx="561">
                  <c:v>18.7</c:v>
                </c:pt>
                <c:pt idx="562">
                  <c:v>18.733333333333334</c:v>
                </c:pt>
                <c:pt idx="563">
                  <c:v>18.766666666666666</c:v>
                </c:pt>
                <c:pt idx="564">
                  <c:v>18.8</c:v>
                </c:pt>
                <c:pt idx="565">
                  <c:v>18.833333333333332</c:v>
                </c:pt>
                <c:pt idx="566">
                  <c:v>18.866666666666667</c:v>
                </c:pt>
                <c:pt idx="567">
                  <c:v>18.899999999999999</c:v>
                </c:pt>
                <c:pt idx="568">
                  <c:v>18.933333333333334</c:v>
                </c:pt>
                <c:pt idx="569">
                  <c:v>18.966666666666665</c:v>
                </c:pt>
                <c:pt idx="570">
                  <c:v>19</c:v>
                </c:pt>
                <c:pt idx="571">
                  <c:v>19.033333333333335</c:v>
                </c:pt>
                <c:pt idx="572">
                  <c:v>19.066666666666666</c:v>
                </c:pt>
                <c:pt idx="573">
                  <c:v>19.100000000000001</c:v>
                </c:pt>
                <c:pt idx="574">
                  <c:v>19.133333333333333</c:v>
                </c:pt>
                <c:pt idx="575">
                  <c:v>19.166666666666668</c:v>
                </c:pt>
                <c:pt idx="576">
                  <c:v>19.2</c:v>
                </c:pt>
                <c:pt idx="577">
                  <c:v>19.233333333333334</c:v>
                </c:pt>
                <c:pt idx="578">
                  <c:v>19.266666666666666</c:v>
                </c:pt>
                <c:pt idx="579">
                  <c:v>19.3</c:v>
                </c:pt>
                <c:pt idx="580">
                  <c:v>19.333333333333332</c:v>
                </c:pt>
                <c:pt idx="581">
                  <c:v>19.366666666666667</c:v>
                </c:pt>
                <c:pt idx="582">
                  <c:v>19.399999999999999</c:v>
                </c:pt>
                <c:pt idx="583">
                  <c:v>19.433333333333334</c:v>
                </c:pt>
                <c:pt idx="584">
                  <c:v>19.466666666666665</c:v>
                </c:pt>
                <c:pt idx="585">
                  <c:v>19.5</c:v>
                </c:pt>
                <c:pt idx="586">
                  <c:v>19.533333333333335</c:v>
                </c:pt>
                <c:pt idx="587">
                  <c:v>19.566666666666666</c:v>
                </c:pt>
                <c:pt idx="588">
                  <c:v>19.600000000000001</c:v>
                </c:pt>
                <c:pt idx="589">
                  <c:v>19.633333333333333</c:v>
                </c:pt>
                <c:pt idx="590">
                  <c:v>19.666666666666668</c:v>
                </c:pt>
                <c:pt idx="591">
                  <c:v>19.7</c:v>
                </c:pt>
                <c:pt idx="592">
                  <c:v>19.733333333333334</c:v>
                </c:pt>
                <c:pt idx="593">
                  <c:v>19.766666666666666</c:v>
                </c:pt>
                <c:pt idx="594">
                  <c:v>19.8</c:v>
                </c:pt>
                <c:pt idx="595">
                  <c:v>19.833333333333332</c:v>
                </c:pt>
                <c:pt idx="596">
                  <c:v>19.866666666666667</c:v>
                </c:pt>
                <c:pt idx="597">
                  <c:v>19.899999999999999</c:v>
                </c:pt>
                <c:pt idx="598">
                  <c:v>19.933333333333334</c:v>
                </c:pt>
                <c:pt idx="599">
                  <c:v>19.966666666666665</c:v>
                </c:pt>
                <c:pt idx="600">
                  <c:v>20</c:v>
                </c:pt>
                <c:pt idx="601">
                  <c:v>20.033333333333335</c:v>
                </c:pt>
                <c:pt idx="602">
                  <c:v>20.066666666666666</c:v>
                </c:pt>
                <c:pt idx="603">
                  <c:v>20.100000000000001</c:v>
                </c:pt>
                <c:pt idx="604">
                  <c:v>20.133333333333333</c:v>
                </c:pt>
                <c:pt idx="605">
                  <c:v>20.166666666666668</c:v>
                </c:pt>
                <c:pt idx="606">
                  <c:v>20.2</c:v>
                </c:pt>
                <c:pt idx="607">
                  <c:v>20.233333333333334</c:v>
                </c:pt>
                <c:pt idx="608">
                  <c:v>20.266666666666666</c:v>
                </c:pt>
                <c:pt idx="609">
                  <c:v>20.3</c:v>
                </c:pt>
                <c:pt idx="610">
                  <c:v>20.333333333333332</c:v>
                </c:pt>
                <c:pt idx="611">
                  <c:v>20.366666666666667</c:v>
                </c:pt>
                <c:pt idx="612">
                  <c:v>20.399999999999999</c:v>
                </c:pt>
                <c:pt idx="613">
                  <c:v>20.433333333333334</c:v>
                </c:pt>
                <c:pt idx="614">
                  <c:v>20.466666666666665</c:v>
                </c:pt>
                <c:pt idx="615">
                  <c:v>20.5</c:v>
                </c:pt>
                <c:pt idx="616">
                  <c:v>20.533333333333335</c:v>
                </c:pt>
                <c:pt idx="617">
                  <c:v>20.566666666666666</c:v>
                </c:pt>
                <c:pt idx="618">
                  <c:v>20.6</c:v>
                </c:pt>
                <c:pt idx="619">
                  <c:v>20.633333333333333</c:v>
                </c:pt>
                <c:pt idx="620">
                  <c:v>20.666666666666668</c:v>
                </c:pt>
                <c:pt idx="621">
                  <c:v>20.7</c:v>
                </c:pt>
                <c:pt idx="622">
                  <c:v>20.733333333333334</c:v>
                </c:pt>
                <c:pt idx="623">
                  <c:v>20.766666666666666</c:v>
                </c:pt>
                <c:pt idx="624">
                  <c:v>20.8</c:v>
                </c:pt>
                <c:pt idx="625">
                  <c:v>20.833333333333332</c:v>
                </c:pt>
                <c:pt idx="626">
                  <c:v>20.866666666666667</c:v>
                </c:pt>
                <c:pt idx="627">
                  <c:v>20.9</c:v>
                </c:pt>
                <c:pt idx="628">
                  <c:v>20.933333333333334</c:v>
                </c:pt>
                <c:pt idx="629">
                  <c:v>20.966666666666665</c:v>
                </c:pt>
                <c:pt idx="630">
                  <c:v>21</c:v>
                </c:pt>
                <c:pt idx="631">
                  <c:v>21.033333333333335</c:v>
                </c:pt>
                <c:pt idx="632">
                  <c:v>21.066666666666666</c:v>
                </c:pt>
                <c:pt idx="633">
                  <c:v>21.1</c:v>
                </c:pt>
                <c:pt idx="634">
                  <c:v>21.133333333333333</c:v>
                </c:pt>
                <c:pt idx="635">
                  <c:v>21.166666666666668</c:v>
                </c:pt>
                <c:pt idx="636">
                  <c:v>21.2</c:v>
                </c:pt>
                <c:pt idx="637">
                  <c:v>21.233333333333334</c:v>
                </c:pt>
                <c:pt idx="638">
                  <c:v>21.266666666666666</c:v>
                </c:pt>
                <c:pt idx="639">
                  <c:v>21.3</c:v>
                </c:pt>
                <c:pt idx="640">
                  <c:v>21.333333333333332</c:v>
                </c:pt>
                <c:pt idx="641">
                  <c:v>21.366666666666667</c:v>
                </c:pt>
                <c:pt idx="642">
                  <c:v>21.4</c:v>
                </c:pt>
                <c:pt idx="643">
                  <c:v>21.433333333333334</c:v>
                </c:pt>
                <c:pt idx="644">
                  <c:v>21.466666666666665</c:v>
                </c:pt>
                <c:pt idx="645">
                  <c:v>21.5</c:v>
                </c:pt>
                <c:pt idx="646">
                  <c:v>21.533333333333335</c:v>
                </c:pt>
                <c:pt idx="647">
                  <c:v>21.566666666666666</c:v>
                </c:pt>
                <c:pt idx="648">
                  <c:v>21.6</c:v>
                </c:pt>
                <c:pt idx="649">
                  <c:v>21.633333333333333</c:v>
                </c:pt>
                <c:pt idx="650">
                  <c:v>21.666666666666668</c:v>
                </c:pt>
                <c:pt idx="651">
                  <c:v>21.7</c:v>
                </c:pt>
                <c:pt idx="652">
                  <c:v>21.733333333333334</c:v>
                </c:pt>
                <c:pt idx="653">
                  <c:v>21.766666666666666</c:v>
                </c:pt>
                <c:pt idx="654">
                  <c:v>21.8</c:v>
                </c:pt>
                <c:pt idx="655">
                  <c:v>21.833333333333332</c:v>
                </c:pt>
                <c:pt idx="656">
                  <c:v>21.866666666666667</c:v>
                </c:pt>
                <c:pt idx="657">
                  <c:v>21.9</c:v>
                </c:pt>
                <c:pt idx="658">
                  <c:v>21.933333333333334</c:v>
                </c:pt>
                <c:pt idx="659">
                  <c:v>21.966666666666665</c:v>
                </c:pt>
                <c:pt idx="660">
                  <c:v>22</c:v>
                </c:pt>
                <c:pt idx="661">
                  <c:v>22.033333333333335</c:v>
                </c:pt>
                <c:pt idx="662">
                  <c:v>22.066666666666666</c:v>
                </c:pt>
                <c:pt idx="663">
                  <c:v>22.1</c:v>
                </c:pt>
                <c:pt idx="664">
                  <c:v>22.133333333333333</c:v>
                </c:pt>
                <c:pt idx="665">
                  <c:v>22.166666666666668</c:v>
                </c:pt>
                <c:pt idx="666">
                  <c:v>22.2</c:v>
                </c:pt>
                <c:pt idx="667">
                  <c:v>22.233333333333334</c:v>
                </c:pt>
                <c:pt idx="668">
                  <c:v>22.266666666666666</c:v>
                </c:pt>
                <c:pt idx="669">
                  <c:v>22.3</c:v>
                </c:pt>
                <c:pt idx="670">
                  <c:v>22.333333333333332</c:v>
                </c:pt>
                <c:pt idx="671">
                  <c:v>22.366666666666667</c:v>
                </c:pt>
                <c:pt idx="672">
                  <c:v>22.4</c:v>
                </c:pt>
                <c:pt idx="673">
                  <c:v>22.433333333333334</c:v>
                </c:pt>
                <c:pt idx="674">
                  <c:v>22.466666666666665</c:v>
                </c:pt>
                <c:pt idx="675">
                  <c:v>22.5</c:v>
                </c:pt>
                <c:pt idx="676">
                  <c:v>22.533333333333335</c:v>
                </c:pt>
                <c:pt idx="677">
                  <c:v>22.566666666666666</c:v>
                </c:pt>
                <c:pt idx="678">
                  <c:v>22.6</c:v>
                </c:pt>
                <c:pt idx="679">
                  <c:v>22.633333333333333</c:v>
                </c:pt>
                <c:pt idx="680">
                  <c:v>22.666666666666668</c:v>
                </c:pt>
                <c:pt idx="681">
                  <c:v>22.7</c:v>
                </c:pt>
                <c:pt idx="682">
                  <c:v>22.733333333333334</c:v>
                </c:pt>
                <c:pt idx="683">
                  <c:v>22.766666666666666</c:v>
                </c:pt>
                <c:pt idx="684">
                  <c:v>22.8</c:v>
                </c:pt>
                <c:pt idx="685">
                  <c:v>22.833333333333332</c:v>
                </c:pt>
                <c:pt idx="686">
                  <c:v>22.866666666666667</c:v>
                </c:pt>
                <c:pt idx="687">
                  <c:v>22.9</c:v>
                </c:pt>
                <c:pt idx="688">
                  <c:v>22.933333333333334</c:v>
                </c:pt>
                <c:pt idx="689">
                  <c:v>22.966666666666665</c:v>
                </c:pt>
                <c:pt idx="690">
                  <c:v>23</c:v>
                </c:pt>
                <c:pt idx="691">
                  <c:v>23.033333333333335</c:v>
                </c:pt>
                <c:pt idx="692">
                  <c:v>23.066666666666666</c:v>
                </c:pt>
                <c:pt idx="693">
                  <c:v>23.1</c:v>
                </c:pt>
                <c:pt idx="694">
                  <c:v>23.133333333333333</c:v>
                </c:pt>
                <c:pt idx="695">
                  <c:v>23.166666666666668</c:v>
                </c:pt>
                <c:pt idx="696">
                  <c:v>23.2</c:v>
                </c:pt>
                <c:pt idx="697">
                  <c:v>23.233333333333334</c:v>
                </c:pt>
                <c:pt idx="698">
                  <c:v>23.266666666666666</c:v>
                </c:pt>
                <c:pt idx="699">
                  <c:v>23.3</c:v>
                </c:pt>
                <c:pt idx="700">
                  <c:v>23.333333333333332</c:v>
                </c:pt>
                <c:pt idx="701">
                  <c:v>23.366666666666667</c:v>
                </c:pt>
                <c:pt idx="702">
                  <c:v>23.4</c:v>
                </c:pt>
                <c:pt idx="703">
                  <c:v>23.433333333333334</c:v>
                </c:pt>
                <c:pt idx="704">
                  <c:v>23.466666666666665</c:v>
                </c:pt>
                <c:pt idx="705">
                  <c:v>23.5</c:v>
                </c:pt>
                <c:pt idx="706">
                  <c:v>23.533333333333335</c:v>
                </c:pt>
                <c:pt idx="707">
                  <c:v>23.566666666666666</c:v>
                </c:pt>
                <c:pt idx="708">
                  <c:v>23.6</c:v>
                </c:pt>
                <c:pt idx="709">
                  <c:v>23.633333333333333</c:v>
                </c:pt>
                <c:pt idx="710">
                  <c:v>23.666666666666668</c:v>
                </c:pt>
                <c:pt idx="711">
                  <c:v>23.7</c:v>
                </c:pt>
                <c:pt idx="712">
                  <c:v>23.733333333333334</c:v>
                </c:pt>
                <c:pt idx="713">
                  <c:v>23.766666666666666</c:v>
                </c:pt>
                <c:pt idx="714">
                  <c:v>23.8</c:v>
                </c:pt>
                <c:pt idx="715">
                  <c:v>23.833333333333332</c:v>
                </c:pt>
                <c:pt idx="716">
                  <c:v>23.866666666666667</c:v>
                </c:pt>
                <c:pt idx="717">
                  <c:v>23.9</c:v>
                </c:pt>
                <c:pt idx="718">
                  <c:v>23.933333333333334</c:v>
                </c:pt>
                <c:pt idx="719">
                  <c:v>23.966666666666665</c:v>
                </c:pt>
                <c:pt idx="720">
                  <c:v>24</c:v>
                </c:pt>
                <c:pt idx="721">
                  <c:v>24.033333333333335</c:v>
                </c:pt>
                <c:pt idx="722">
                  <c:v>24.066666666666666</c:v>
                </c:pt>
                <c:pt idx="723">
                  <c:v>24.1</c:v>
                </c:pt>
                <c:pt idx="724">
                  <c:v>24.133333333333333</c:v>
                </c:pt>
                <c:pt idx="725">
                  <c:v>24.166666666666668</c:v>
                </c:pt>
                <c:pt idx="726">
                  <c:v>24.2</c:v>
                </c:pt>
                <c:pt idx="727">
                  <c:v>24.233333333333334</c:v>
                </c:pt>
                <c:pt idx="728">
                  <c:v>24.266666666666666</c:v>
                </c:pt>
                <c:pt idx="729">
                  <c:v>24.3</c:v>
                </c:pt>
                <c:pt idx="730">
                  <c:v>24.333333333333332</c:v>
                </c:pt>
                <c:pt idx="731">
                  <c:v>24.366666666666667</c:v>
                </c:pt>
                <c:pt idx="732">
                  <c:v>24.4</c:v>
                </c:pt>
                <c:pt idx="733">
                  <c:v>24.433333333333334</c:v>
                </c:pt>
                <c:pt idx="734">
                  <c:v>24.466666666666665</c:v>
                </c:pt>
                <c:pt idx="735">
                  <c:v>24.5</c:v>
                </c:pt>
                <c:pt idx="736">
                  <c:v>24.533333333333335</c:v>
                </c:pt>
                <c:pt idx="737">
                  <c:v>24.566666666666666</c:v>
                </c:pt>
                <c:pt idx="738">
                  <c:v>24.6</c:v>
                </c:pt>
                <c:pt idx="739">
                  <c:v>24.633333333333333</c:v>
                </c:pt>
                <c:pt idx="740">
                  <c:v>24.666666666666668</c:v>
                </c:pt>
                <c:pt idx="741">
                  <c:v>24.7</c:v>
                </c:pt>
                <c:pt idx="742">
                  <c:v>24.733333333333334</c:v>
                </c:pt>
                <c:pt idx="743">
                  <c:v>24.766666666666666</c:v>
                </c:pt>
                <c:pt idx="744">
                  <c:v>24.8</c:v>
                </c:pt>
                <c:pt idx="745">
                  <c:v>24.833333333333332</c:v>
                </c:pt>
                <c:pt idx="746">
                  <c:v>24.866666666666667</c:v>
                </c:pt>
                <c:pt idx="747">
                  <c:v>24.9</c:v>
                </c:pt>
                <c:pt idx="748">
                  <c:v>24.933333333333334</c:v>
                </c:pt>
                <c:pt idx="749">
                  <c:v>24.966666666666665</c:v>
                </c:pt>
                <c:pt idx="750">
                  <c:v>25</c:v>
                </c:pt>
                <c:pt idx="751">
                  <c:v>25.033333333333335</c:v>
                </c:pt>
                <c:pt idx="752">
                  <c:v>25.066666666666666</c:v>
                </c:pt>
                <c:pt idx="753">
                  <c:v>25.1</c:v>
                </c:pt>
                <c:pt idx="754">
                  <c:v>25.133333333333333</c:v>
                </c:pt>
                <c:pt idx="755">
                  <c:v>25.166666666666668</c:v>
                </c:pt>
                <c:pt idx="756">
                  <c:v>25.2</c:v>
                </c:pt>
                <c:pt idx="757">
                  <c:v>25.233333333333334</c:v>
                </c:pt>
                <c:pt idx="758">
                  <c:v>25.266666666666666</c:v>
                </c:pt>
                <c:pt idx="759">
                  <c:v>25.3</c:v>
                </c:pt>
                <c:pt idx="760">
                  <c:v>25.333333333333332</c:v>
                </c:pt>
                <c:pt idx="761">
                  <c:v>25.366666666666667</c:v>
                </c:pt>
                <c:pt idx="762">
                  <c:v>25.4</c:v>
                </c:pt>
                <c:pt idx="763">
                  <c:v>25.433333333333334</c:v>
                </c:pt>
                <c:pt idx="764">
                  <c:v>25.466666666666665</c:v>
                </c:pt>
                <c:pt idx="765">
                  <c:v>25.5</c:v>
                </c:pt>
                <c:pt idx="766">
                  <c:v>25.533333333333335</c:v>
                </c:pt>
                <c:pt idx="767">
                  <c:v>25.566666666666666</c:v>
                </c:pt>
                <c:pt idx="768">
                  <c:v>25.6</c:v>
                </c:pt>
                <c:pt idx="769">
                  <c:v>25.633333333333333</c:v>
                </c:pt>
                <c:pt idx="770">
                  <c:v>25.666666666666668</c:v>
                </c:pt>
                <c:pt idx="771">
                  <c:v>25.7</c:v>
                </c:pt>
                <c:pt idx="772">
                  <c:v>25.733333333333334</c:v>
                </c:pt>
                <c:pt idx="773">
                  <c:v>25.766666666666666</c:v>
                </c:pt>
                <c:pt idx="774">
                  <c:v>25.8</c:v>
                </c:pt>
                <c:pt idx="775">
                  <c:v>25.833333333333332</c:v>
                </c:pt>
                <c:pt idx="776">
                  <c:v>25.866666666666667</c:v>
                </c:pt>
                <c:pt idx="777">
                  <c:v>25.9</c:v>
                </c:pt>
                <c:pt idx="778">
                  <c:v>25.933333333333334</c:v>
                </c:pt>
                <c:pt idx="779">
                  <c:v>25.966666666666665</c:v>
                </c:pt>
                <c:pt idx="780">
                  <c:v>26</c:v>
                </c:pt>
                <c:pt idx="781">
                  <c:v>26.033333333333335</c:v>
                </c:pt>
                <c:pt idx="782">
                  <c:v>26.066666666666666</c:v>
                </c:pt>
                <c:pt idx="783">
                  <c:v>26.1</c:v>
                </c:pt>
                <c:pt idx="784">
                  <c:v>26.133333333333333</c:v>
                </c:pt>
                <c:pt idx="785">
                  <c:v>26.166666666666668</c:v>
                </c:pt>
                <c:pt idx="786">
                  <c:v>26.2</c:v>
                </c:pt>
                <c:pt idx="787">
                  <c:v>26.233333333333334</c:v>
                </c:pt>
                <c:pt idx="788">
                  <c:v>26.266666666666666</c:v>
                </c:pt>
                <c:pt idx="789">
                  <c:v>26.3</c:v>
                </c:pt>
                <c:pt idx="790">
                  <c:v>26.333333333333332</c:v>
                </c:pt>
                <c:pt idx="791">
                  <c:v>26.366666666666667</c:v>
                </c:pt>
                <c:pt idx="792">
                  <c:v>26.4</c:v>
                </c:pt>
                <c:pt idx="793">
                  <c:v>26.433333333333334</c:v>
                </c:pt>
                <c:pt idx="794">
                  <c:v>26.466666666666665</c:v>
                </c:pt>
                <c:pt idx="795">
                  <c:v>26.5</c:v>
                </c:pt>
                <c:pt idx="796">
                  <c:v>26.533333333333335</c:v>
                </c:pt>
                <c:pt idx="797">
                  <c:v>26.566666666666666</c:v>
                </c:pt>
                <c:pt idx="798">
                  <c:v>26.6</c:v>
                </c:pt>
                <c:pt idx="799">
                  <c:v>26.633333333333333</c:v>
                </c:pt>
                <c:pt idx="800">
                  <c:v>26.666666666666668</c:v>
                </c:pt>
                <c:pt idx="801">
                  <c:v>26.7</c:v>
                </c:pt>
                <c:pt idx="802">
                  <c:v>26.733333333333334</c:v>
                </c:pt>
                <c:pt idx="803">
                  <c:v>26.766666666666666</c:v>
                </c:pt>
                <c:pt idx="804">
                  <c:v>26.8</c:v>
                </c:pt>
                <c:pt idx="805">
                  <c:v>26.833333333333332</c:v>
                </c:pt>
                <c:pt idx="806">
                  <c:v>26.866666666666667</c:v>
                </c:pt>
                <c:pt idx="807">
                  <c:v>26.9</c:v>
                </c:pt>
                <c:pt idx="808">
                  <c:v>26.933333333333334</c:v>
                </c:pt>
                <c:pt idx="809">
                  <c:v>26.966666666666665</c:v>
                </c:pt>
                <c:pt idx="810">
                  <c:v>27</c:v>
                </c:pt>
                <c:pt idx="811">
                  <c:v>27.033333333333335</c:v>
                </c:pt>
                <c:pt idx="812">
                  <c:v>27.066666666666666</c:v>
                </c:pt>
                <c:pt idx="813">
                  <c:v>27.1</c:v>
                </c:pt>
                <c:pt idx="814">
                  <c:v>27.133333333333333</c:v>
                </c:pt>
                <c:pt idx="815">
                  <c:v>27.166666666666668</c:v>
                </c:pt>
                <c:pt idx="816">
                  <c:v>27.2</c:v>
                </c:pt>
                <c:pt idx="817">
                  <c:v>27.233333333333334</c:v>
                </c:pt>
                <c:pt idx="818">
                  <c:v>27.266666666666666</c:v>
                </c:pt>
                <c:pt idx="819">
                  <c:v>27.3</c:v>
                </c:pt>
                <c:pt idx="820">
                  <c:v>27.333333333333332</c:v>
                </c:pt>
                <c:pt idx="821">
                  <c:v>27.366666666666667</c:v>
                </c:pt>
                <c:pt idx="822">
                  <c:v>27.4</c:v>
                </c:pt>
                <c:pt idx="823">
                  <c:v>27.433333333333334</c:v>
                </c:pt>
                <c:pt idx="824">
                  <c:v>27.466666666666665</c:v>
                </c:pt>
                <c:pt idx="825">
                  <c:v>27.5</c:v>
                </c:pt>
                <c:pt idx="826">
                  <c:v>27.533333333333335</c:v>
                </c:pt>
                <c:pt idx="827">
                  <c:v>27.566666666666666</c:v>
                </c:pt>
                <c:pt idx="828">
                  <c:v>27.6</c:v>
                </c:pt>
                <c:pt idx="829">
                  <c:v>27.633333333333333</c:v>
                </c:pt>
                <c:pt idx="830">
                  <c:v>27.666666666666668</c:v>
                </c:pt>
                <c:pt idx="831">
                  <c:v>27.7</c:v>
                </c:pt>
                <c:pt idx="832">
                  <c:v>27.733333333333334</c:v>
                </c:pt>
                <c:pt idx="833">
                  <c:v>27.766666666666666</c:v>
                </c:pt>
                <c:pt idx="834">
                  <c:v>27.8</c:v>
                </c:pt>
                <c:pt idx="835">
                  <c:v>27.833333333333332</c:v>
                </c:pt>
                <c:pt idx="836">
                  <c:v>27.866666666666667</c:v>
                </c:pt>
                <c:pt idx="837">
                  <c:v>27.9</c:v>
                </c:pt>
                <c:pt idx="838">
                  <c:v>27.933333333333334</c:v>
                </c:pt>
                <c:pt idx="839">
                  <c:v>27.966666666666665</c:v>
                </c:pt>
                <c:pt idx="840">
                  <c:v>28</c:v>
                </c:pt>
                <c:pt idx="841">
                  <c:v>28.033333333333335</c:v>
                </c:pt>
                <c:pt idx="842">
                  <c:v>28.066666666666666</c:v>
                </c:pt>
                <c:pt idx="843">
                  <c:v>28.1</c:v>
                </c:pt>
                <c:pt idx="844">
                  <c:v>28.133333333333333</c:v>
                </c:pt>
                <c:pt idx="845">
                  <c:v>28.166666666666668</c:v>
                </c:pt>
                <c:pt idx="846">
                  <c:v>28.2</c:v>
                </c:pt>
                <c:pt idx="847">
                  <c:v>28.233333333333334</c:v>
                </c:pt>
                <c:pt idx="848">
                  <c:v>28.266666666666666</c:v>
                </c:pt>
                <c:pt idx="849">
                  <c:v>28.3</c:v>
                </c:pt>
                <c:pt idx="850">
                  <c:v>28.333333333333332</c:v>
                </c:pt>
                <c:pt idx="851">
                  <c:v>28.366666666666667</c:v>
                </c:pt>
                <c:pt idx="852">
                  <c:v>28.4</c:v>
                </c:pt>
                <c:pt idx="853">
                  <c:v>28.433333333333334</c:v>
                </c:pt>
                <c:pt idx="854">
                  <c:v>28.466666666666665</c:v>
                </c:pt>
                <c:pt idx="855">
                  <c:v>28.5</c:v>
                </c:pt>
                <c:pt idx="856">
                  <c:v>28.533333333333335</c:v>
                </c:pt>
                <c:pt idx="857">
                  <c:v>28.566666666666666</c:v>
                </c:pt>
                <c:pt idx="858">
                  <c:v>28.6</c:v>
                </c:pt>
                <c:pt idx="859">
                  <c:v>28.633333333333333</c:v>
                </c:pt>
                <c:pt idx="860">
                  <c:v>28.666666666666668</c:v>
                </c:pt>
                <c:pt idx="861">
                  <c:v>28.7</c:v>
                </c:pt>
                <c:pt idx="862">
                  <c:v>28.733333333333334</c:v>
                </c:pt>
                <c:pt idx="863">
                  <c:v>28.766666666666666</c:v>
                </c:pt>
                <c:pt idx="864">
                  <c:v>28.8</c:v>
                </c:pt>
                <c:pt idx="865">
                  <c:v>28.833333333333332</c:v>
                </c:pt>
                <c:pt idx="866">
                  <c:v>28.866666666666667</c:v>
                </c:pt>
                <c:pt idx="867">
                  <c:v>28.9</c:v>
                </c:pt>
                <c:pt idx="868">
                  <c:v>28.933333333333334</c:v>
                </c:pt>
                <c:pt idx="869">
                  <c:v>28.966666666666665</c:v>
                </c:pt>
                <c:pt idx="870">
                  <c:v>29</c:v>
                </c:pt>
                <c:pt idx="871">
                  <c:v>29.033333333333335</c:v>
                </c:pt>
                <c:pt idx="872">
                  <c:v>29.066666666666666</c:v>
                </c:pt>
                <c:pt idx="873">
                  <c:v>29.1</c:v>
                </c:pt>
                <c:pt idx="874">
                  <c:v>29.133333333333333</c:v>
                </c:pt>
                <c:pt idx="875">
                  <c:v>29.166666666666668</c:v>
                </c:pt>
                <c:pt idx="876">
                  <c:v>29.2</c:v>
                </c:pt>
                <c:pt idx="877">
                  <c:v>29.233333333333334</c:v>
                </c:pt>
                <c:pt idx="878">
                  <c:v>29.266666666666666</c:v>
                </c:pt>
                <c:pt idx="879">
                  <c:v>29.3</c:v>
                </c:pt>
                <c:pt idx="880">
                  <c:v>29.333333333333332</c:v>
                </c:pt>
                <c:pt idx="881">
                  <c:v>29.366666666666667</c:v>
                </c:pt>
                <c:pt idx="882">
                  <c:v>29.4</c:v>
                </c:pt>
                <c:pt idx="883">
                  <c:v>29.433333333333334</c:v>
                </c:pt>
                <c:pt idx="884">
                  <c:v>29.466666666666665</c:v>
                </c:pt>
                <c:pt idx="885">
                  <c:v>29.5</c:v>
                </c:pt>
                <c:pt idx="886">
                  <c:v>29.533333333333335</c:v>
                </c:pt>
                <c:pt idx="887">
                  <c:v>29.566666666666666</c:v>
                </c:pt>
                <c:pt idx="888">
                  <c:v>29.6</c:v>
                </c:pt>
                <c:pt idx="889">
                  <c:v>29.633333333333333</c:v>
                </c:pt>
                <c:pt idx="890">
                  <c:v>29.666666666666668</c:v>
                </c:pt>
                <c:pt idx="891">
                  <c:v>29.7</c:v>
                </c:pt>
                <c:pt idx="892">
                  <c:v>29.733333333333334</c:v>
                </c:pt>
                <c:pt idx="893">
                  <c:v>29.766666666666666</c:v>
                </c:pt>
                <c:pt idx="894">
                  <c:v>29.8</c:v>
                </c:pt>
                <c:pt idx="895">
                  <c:v>29.833333333333332</c:v>
                </c:pt>
                <c:pt idx="896">
                  <c:v>29.866666666666667</c:v>
                </c:pt>
                <c:pt idx="897">
                  <c:v>29.9</c:v>
                </c:pt>
                <c:pt idx="898">
                  <c:v>29.933333333333334</c:v>
                </c:pt>
                <c:pt idx="899">
                  <c:v>29.966666666666665</c:v>
                </c:pt>
                <c:pt idx="900">
                  <c:v>30</c:v>
                </c:pt>
              </c:numCache>
            </c:numRef>
          </c:xVal>
          <c:yVal>
            <c:numRef>
              <c:f>重心!$G$2:$G$902</c:f>
              <c:numCache>
                <c:formatCode>General</c:formatCode>
                <c:ptCount val="901"/>
                <c:pt idx="0">
                  <c:v>2.0863158485168043</c:v>
                </c:pt>
                <c:pt idx="1">
                  <c:v>2.0870186711499965</c:v>
                </c:pt>
                <c:pt idx="2">
                  <c:v>2.0876829116737845</c:v>
                </c:pt>
                <c:pt idx="3">
                  <c:v>2.0871588777485739</c:v>
                </c:pt>
                <c:pt idx="4">
                  <c:v>2.0879333708206884</c:v>
                </c:pt>
                <c:pt idx="5">
                  <c:v>2.0847792304008146</c:v>
                </c:pt>
                <c:pt idx="6">
                  <c:v>2.0830377754308853</c:v>
                </c:pt>
                <c:pt idx="7">
                  <c:v>2.0816538882077951</c:v>
                </c:pt>
                <c:pt idx="8">
                  <c:v>2.0794139972401031</c:v>
                </c:pt>
                <c:pt idx="9">
                  <c:v>2.0790676977533438</c:v>
                </c:pt>
                <c:pt idx="10">
                  <c:v>2.07736120253624</c:v>
                </c:pt>
                <c:pt idx="11">
                  <c:v>2.0738350337699294</c:v>
                </c:pt>
                <c:pt idx="12">
                  <c:v>2.0765439241859998</c:v>
                </c:pt>
                <c:pt idx="13">
                  <c:v>2.0758143536151903</c:v>
                </c:pt>
                <c:pt idx="14">
                  <c:v>2.0756041397264258</c:v>
                </c:pt>
                <c:pt idx="15">
                  <c:v>2.0769728303509463</c:v>
                </c:pt>
                <c:pt idx="16">
                  <c:v>2.0761014323322975</c:v>
                </c:pt>
                <c:pt idx="17">
                  <c:v>2.0759699890076266</c:v>
                </c:pt>
                <c:pt idx="18">
                  <c:v>2.0769548770661577</c:v>
                </c:pt>
                <c:pt idx="19">
                  <c:v>2.0781362708559037</c:v>
                </c:pt>
                <c:pt idx="20">
                  <c:v>2.0780288805767784</c:v>
                </c:pt>
                <c:pt idx="21">
                  <c:v>2.0787150809273949</c:v>
                </c:pt>
                <c:pt idx="22">
                  <c:v>2.0797508619334359</c:v>
                </c:pt>
                <c:pt idx="23">
                  <c:v>2.081773988509044</c:v>
                </c:pt>
                <c:pt idx="24">
                  <c:v>2.0825468522512036</c:v>
                </c:pt>
                <c:pt idx="25">
                  <c:v>2.0820090587655926</c:v>
                </c:pt>
                <c:pt idx="26">
                  <c:v>2.0821382573575318</c:v>
                </c:pt>
                <c:pt idx="27">
                  <c:v>2.0829125745247565</c:v>
                </c:pt>
                <c:pt idx="28">
                  <c:v>2.0835175699697941</c:v>
                </c:pt>
                <c:pt idx="29">
                  <c:v>2.0805903056745478</c:v>
                </c:pt>
                <c:pt idx="30">
                  <c:v>2.0798256573728926</c:v>
                </c:pt>
                <c:pt idx="31">
                  <c:v>2.0780017948401621</c:v>
                </c:pt>
                <c:pt idx="32">
                  <c:v>2.0756409364981461</c:v>
                </c:pt>
                <c:pt idx="33">
                  <c:v>2.076353667683239</c:v>
                </c:pt>
                <c:pt idx="34">
                  <c:v>2.0756830711638816</c:v>
                </c:pt>
                <c:pt idx="35">
                  <c:v>2.0757840705403163</c:v>
                </c:pt>
                <c:pt idx="36">
                  <c:v>2.0754845246740725</c:v>
                </c:pt>
                <c:pt idx="37">
                  <c:v>2.073111773629571</c:v>
                </c:pt>
                <c:pt idx="38">
                  <c:v>2.0718054537620532</c:v>
                </c:pt>
                <c:pt idx="39">
                  <c:v>2.0718838378732545</c:v>
                </c:pt>
                <c:pt idx="40">
                  <c:v>2.0710979923783803</c:v>
                </c:pt>
                <c:pt idx="41">
                  <c:v>2.0707048174733504</c:v>
                </c:pt>
                <c:pt idx="42">
                  <c:v>2.0713221311762537</c:v>
                </c:pt>
                <c:pt idx="43">
                  <c:v>2.0729142041663189</c:v>
                </c:pt>
                <c:pt idx="44">
                  <c:v>2.0722657034571101</c:v>
                </c:pt>
                <c:pt idx="45">
                  <c:v>2.0737334961681291</c:v>
                </c:pt>
                <c:pt idx="46">
                  <c:v>2.0728950299795166</c:v>
                </c:pt>
                <c:pt idx="47">
                  <c:v>2.0750853547690928</c:v>
                </c:pt>
                <c:pt idx="48">
                  <c:v>2.075609916745548</c:v>
                </c:pt>
                <c:pt idx="49">
                  <c:v>2.0754268485786613</c:v>
                </c:pt>
                <c:pt idx="50">
                  <c:v>2.0759446279869209</c:v>
                </c:pt>
                <c:pt idx="51">
                  <c:v>2.0761325246199256</c:v>
                </c:pt>
                <c:pt idx="52">
                  <c:v>2.0755407735628166</c:v>
                </c:pt>
                <c:pt idx="53">
                  <c:v>2.0749136932665775</c:v>
                </c:pt>
                <c:pt idx="54">
                  <c:v>2.0741526504071652</c:v>
                </c:pt>
                <c:pt idx="55">
                  <c:v>2.0738460742375766</c:v>
                </c:pt>
                <c:pt idx="56">
                  <c:v>2.074502184419202</c:v>
                </c:pt>
                <c:pt idx="57">
                  <c:v>2.0731350080490922</c:v>
                </c:pt>
                <c:pt idx="58">
                  <c:v>2.0714148646612678</c:v>
                </c:pt>
                <c:pt idx="59">
                  <c:v>2.0695328011281937</c:v>
                </c:pt>
                <c:pt idx="60">
                  <c:v>2.0696182281737139</c:v>
                </c:pt>
                <c:pt idx="61">
                  <c:v>2.0668167663797292</c:v>
                </c:pt>
                <c:pt idx="62">
                  <c:v>2.0662582295992111</c:v>
                </c:pt>
                <c:pt idx="63">
                  <c:v>2.0645177612182004</c:v>
                </c:pt>
                <c:pt idx="64">
                  <c:v>2.0645646543360456</c:v>
                </c:pt>
                <c:pt idx="65">
                  <c:v>2.0653629185953557</c:v>
                </c:pt>
                <c:pt idx="66">
                  <c:v>2.0649018022897541</c:v>
                </c:pt>
                <c:pt idx="67">
                  <c:v>2.0637919540894911</c:v>
                </c:pt>
                <c:pt idx="68">
                  <c:v>2.0629729027350416</c:v>
                </c:pt>
                <c:pt idx="69">
                  <c:v>2.0622808800622026</c:v>
                </c:pt>
                <c:pt idx="70">
                  <c:v>2.0645299130767332</c:v>
                </c:pt>
                <c:pt idx="71">
                  <c:v>2.0648517698995121</c:v>
                </c:pt>
                <c:pt idx="72">
                  <c:v>2.0649848377341389</c:v>
                </c:pt>
                <c:pt idx="73">
                  <c:v>2.0657941013352303</c:v>
                </c:pt>
                <c:pt idx="74">
                  <c:v>2.0662828063906025</c:v>
                </c:pt>
                <c:pt idx="75">
                  <c:v>2.0674992759247286</c:v>
                </c:pt>
                <c:pt idx="76">
                  <c:v>2.0688328337910926</c:v>
                </c:pt>
                <c:pt idx="77">
                  <c:v>2.0699470821822969</c:v>
                </c:pt>
                <c:pt idx="78">
                  <c:v>2.0689535197580411</c:v>
                </c:pt>
                <c:pt idx="79">
                  <c:v>2.0686299734820635</c:v>
                </c:pt>
                <c:pt idx="80">
                  <c:v>2.0699559412313029</c:v>
                </c:pt>
                <c:pt idx="81">
                  <c:v>2.0698079976512553</c:v>
                </c:pt>
                <c:pt idx="82">
                  <c:v>2.0696192214556062</c:v>
                </c:pt>
                <c:pt idx="83">
                  <c:v>2.0675706267858014</c:v>
                </c:pt>
                <c:pt idx="84">
                  <c:v>2.0684548169887074</c:v>
                </c:pt>
                <c:pt idx="85">
                  <c:v>2.0668608328953852</c:v>
                </c:pt>
                <c:pt idx="86">
                  <c:v>2.0622733290094444</c:v>
                </c:pt>
                <c:pt idx="87">
                  <c:v>2.0626670010977102</c:v>
                </c:pt>
                <c:pt idx="88">
                  <c:v>2.0616344349382985</c:v>
                </c:pt>
                <c:pt idx="89">
                  <c:v>2.0615296368953069</c:v>
                </c:pt>
                <c:pt idx="90">
                  <c:v>2.0595208392168098</c:v>
                </c:pt>
                <c:pt idx="91">
                  <c:v>2.0591030553546092</c:v>
                </c:pt>
                <c:pt idx="92">
                  <c:v>2.0595247940908052</c:v>
                </c:pt>
                <c:pt idx="93">
                  <c:v>2.0610074254444957</c:v>
                </c:pt>
                <c:pt idx="94">
                  <c:v>2.0616555884861332</c:v>
                </c:pt>
                <c:pt idx="95">
                  <c:v>2.0626531917663296</c:v>
                </c:pt>
                <c:pt idx="96">
                  <c:v>2.0637580276297478</c:v>
                </c:pt>
                <c:pt idx="97">
                  <c:v>2.0628766505312921</c:v>
                </c:pt>
                <c:pt idx="98">
                  <c:v>2.0631215180171152</c:v>
                </c:pt>
                <c:pt idx="99">
                  <c:v>2.0626289650222964</c:v>
                </c:pt>
                <c:pt idx="100">
                  <c:v>2.0641623463957188</c:v>
                </c:pt>
                <c:pt idx="101">
                  <c:v>2.0622448538152862</c:v>
                </c:pt>
                <c:pt idx="102">
                  <c:v>2.0623147368471901</c:v>
                </c:pt>
                <c:pt idx="103">
                  <c:v>2.0614283129364233</c:v>
                </c:pt>
                <c:pt idx="104">
                  <c:v>2.0642959565943366</c:v>
                </c:pt>
                <c:pt idx="105">
                  <c:v>2.065272356539646</c:v>
                </c:pt>
                <c:pt idx="106">
                  <c:v>2.0649540719930983</c:v>
                </c:pt>
                <c:pt idx="107">
                  <c:v>2.0664739749901102</c:v>
                </c:pt>
                <c:pt idx="108">
                  <c:v>2.0675366345147519</c:v>
                </c:pt>
                <c:pt idx="109">
                  <c:v>2.0677756047401985</c:v>
                </c:pt>
                <c:pt idx="110">
                  <c:v>2.0684829003500038</c:v>
                </c:pt>
                <c:pt idx="111">
                  <c:v>2.0668710117875224</c:v>
                </c:pt>
                <c:pt idx="112">
                  <c:v>2.0663997121583582</c:v>
                </c:pt>
                <c:pt idx="113">
                  <c:v>2.0637062829673436</c:v>
                </c:pt>
                <c:pt idx="114">
                  <c:v>2.0631712916982847</c:v>
                </c:pt>
                <c:pt idx="115">
                  <c:v>2.0630028440319106</c:v>
                </c:pt>
                <c:pt idx="116">
                  <c:v>2.0645193923310798</c:v>
                </c:pt>
                <c:pt idx="117">
                  <c:v>2.0647224260904733</c:v>
                </c:pt>
                <c:pt idx="118">
                  <c:v>2.0662669571418055</c:v>
                </c:pt>
                <c:pt idx="119">
                  <c:v>2.066934251314644</c:v>
                </c:pt>
                <c:pt idx="120">
                  <c:v>2.0684316898153527</c:v>
                </c:pt>
                <c:pt idx="121">
                  <c:v>2.0694836705828878</c:v>
                </c:pt>
                <c:pt idx="122">
                  <c:v>2.072139071544806</c:v>
                </c:pt>
                <c:pt idx="123">
                  <c:v>2.0744957369193111</c:v>
                </c:pt>
                <c:pt idx="124">
                  <c:v>2.0776646198008564</c:v>
                </c:pt>
                <c:pt idx="125">
                  <c:v>2.0786755351662243</c:v>
                </c:pt>
                <c:pt idx="126">
                  <c:v>2.0793857223600836</c:v>
                </c:pt>
                <c:pt idx="127">
                  <c:v>2.0800287091400578</c:v>
                </c:pt>
                <c:pt idx="128">
                  <c:v>2.0811105037337687</c:v>
                </c:pt>
                <c:pt idx="129">
                  <c:v>2.0806737346536432</c:v>
                </c:pt>
                <c:pt idx="130">
                  <c:v>2.0807590360638608</c:v>
                </c:pt>
                <c:pt idx="131">
                  <c:v>2.0816308943058499</c:v>
                </c:pt>
                <c:pt idx="132">
                  <c:v>2.0816710109676873</c:v>
                </c:pt>
                <c:pt idx="133">
                  <c:v>2.0810397985828799</c:v>
                </c:pt>
                <c:pt idx="134">
                  <c:v>2.0816885576861841</c:v>
                </c:pt>
                <c:pt idx="135">
                  <c:v>2.0781491887894643</c:v>
                </c:pt>
                <c:pt idx="136">
                  <c:v>2.0780928474055131</c:v>
                </c:pt>
                <c:pt idx="137">
                  <c:v>2.0766964254422269</c:v>
                </c:pt>
                <c:pt idx="138">
                  <c:v>2.0744337857658879</c:v>
                </c:pt>
                <c:pt idx="139">
                  <c:v>2.0734743581279655</c:v>
                </c:pt>
                <c:pt idx="140">
                  <c:v>2.0729399726950146</c:v>
                </c:pt>
                <c:pt idx="141">
                  <c:v>2.0796183543374545</c:v>
                </c:pt>
                <c:pt idx="142">
                  <c:v>2.0790166677072901</c:v>
                </c:pt>
                <c:pt idx="143">
                  <c:v>2.0782132509769555</c:v>
                </c:pt>
                <c:pt idx="144">
                  <c:v>2.079218695030395</c:v>
                </c:pt>
                <c:pt idx="145">
                  <c:v>2.0801559118513739</c:v>
                </c:pt>
                <c:pt idx="146">
                  <c:v>2.0815622104871423</c:v>
                </c:pt>
                <c:pt idx="147">
                  <c:v>2.0821306055996871</c:v>
                </c:pt>
                <c:pt idx="148">
                  <c:v>2.0842874162899312</c:v>
                </c:pt>
                <c:pt idx="149">
                  <c:v>2.0870449535795541</c:v>
                </c:pt>
                <c:pt idx="150">
                  <c:v>2.0905863306139034</c:v>
                </c:pt>
                <c:pt idx="151">
                  <c:v>2.0894163585012939</c:v>
                </c:pt>
                <c:pt idx="152">
                  <c:v>2.0895603802752913</c:v>
                </c:pt>
                <c:pt idx="153">
                  <c:v>2.091428199653278</c:v>
                </c:pt>
                <c:pt idx="154">
                  <c:v>2.0929230000785548</c:v>
                </c:pt>
                <c:pt idx="155">
                  <c:v>2.0948238759910662</c:v>
                </c:pt>
                <c:pt idx="156">
                  <c:v>2.0962176602039433</c:v>
                </c:pt>
                <c:pt idx="157">
                  <c:v>2.0952332704511614</c:v>
                </c:pt>
                <c:pt idx="158">
                  <c:v>2.0944317537099066</c:v>
                </c:pt>
                <c:pt idx="159">
                  <c:v>2.0947649204588585</c:v>
                </c:pt>
                <c:pt idx="160">
                  <c:v>2.0923167379722907</c:v>
                </c:pt>
                <c:pt idx="161">
                  <c:v>2.091264709797295</c:v>
                </c:pt>
                <c:pt idx="162">
                  <c:v>2.0909462446510547</c:v>
                </c:pt>
                <c:pt idx="163">
                  <c:v>2.0904776858194194</c:v>
                </c:pt>
                <c:pt idx="164">
                  <c:v>2.0898371414328407</c:v>
                </c:pt>
                <c:pt idx="165">
                  <c:v>2.0909104026869478</c:v>
                </c:pt>
                <c:pt idx="166">
                  <c:v>2.0914331577716752</c:v>
                </c:pt>
                <c:pt idx="167">
                  <c:v>2.09332526267201</c:v>
                </c:pt>
                <c:pt idx="168">
                  <c:v>2.0947983181974901</c:v>
                </c:pt>
                <c:pt idx="169">
                  <c:v>2.0942336858841375</c:v>
                </c:pt>
                <c:pt idx="170">
                  <c:v>2.0946907476048393</c:v>
                </c:pt>
                <c:pt idx="171">
                  <c:v>2.0943332420573135</c:v>
                </c:pt>
                <c:pt idx="172">
                  <c:v>2.0979106968740853</c:v>
                </c:pt>
                <c:pt idx="173">
                  <c:v>2.0986619931693014</c:v>
                </c:pt>
                <c:pt idx="174">
                  <c:v>2.1006064359741039</c:v>
                </c:pt>
                <c:pt idx="175">
                  <c:v>2.1041270037405528</c:v>
                </c:pt>
                <c:pt idx="176">
                  <c:v>2.106364368351465</c:v>
                </c:pt>
                <c:pt idx="177">
                  <c:v>2.1060707096151479</c:v>
                </c:pt>
                <c:pt idx="178">
                  <c:v>2.1072272417947011</c:v>
                </c:pt>
                <c:pt idx="179">
                  <c:v>2.1088728288079697</c:v>
                </c:pt>
                <c:pt idx="180">
                  <c:v>2.1092719468708019</c:v>
                </c:pt>
                <c:pt idx="181">
                  <c:v>2.1102552860002319</c:v>
                </c:pt>
                <c:pt idx="182">
                  <c:v>2.1115110997179474</c:v>
                </c:pt>
                <c:pt idx="183">
                  <c:v>2.1120951809904374</c:v>
                </c:pt>
                <c:pt idx="184">
                  <c:v>2.113877051132083</c:v>
                </c:pt>
                <c:pt idx="185">
                  <c:v>2.1120230519612915</c:v>
                </c:pt>
                <c:pt idx="186">
                  <c:v>2.1151308973638492</c:v>
                </c:pt>
                <c:pt idx="187">
                  <c:v>2.1159497151988709</c:v>
                </c:pt>
                <c:pt idx="188">
                  <c:v>2.1142857676664315</c:v>
                </c:pt>
                <c:pt idx="189">
                  <c:v>2.1152168584718147</c:v>
                </c:pt>
                <c:pt idx="190">
                  <c:v>2.1145662126694762</c:v>
                </c:pt>
                <c:pt idx="191">
                  <c:v>2.1141212987712721</c:v>
                </c:pt>
                <c:pt idx="192">
                  <c:v>2.1131922103083114</c:v>
                </c:pt>
                <c:pt idx="193">
                  <c:v>2.1135412226022141</c:v>
                </c:pt>
                <c:pt idx="194">
                  <c:v>2.1131075959136787</c:v>
                </c:pt>
                <c:pt idx="195">
                  <c:v>2.1129449246778931</c:v>
                </c:pt>
                <c:pt idx="196">
                  <c:v>2.1141621872882381</c:v>
                </c:pt>
                <c:pt idx="197">
                  <c:v>2.1149021418973017</c:v>
                </c:pt>
                <c:pt idx="198">
                  <c:v>2.1171283071272526</c:v>
                </c:pt>
                <c:pt idx="199">
                  <c:v>2.1162122734931521</c:v>
                </c:pt>
                <c:pt idx="200">
                  <c:v>2.1184304064291584</c:v>
                </c:pt>
                <c:pt idx="201">
                  <c:v>2.1218323486930535</c:v>
                </c:pt>
                <c:pt idx="202">
                  <c:v>2.1243892036052756</c:v>
                </c:pt>
                <c:pt idx="203">
                  <c:v>2.1258516851849962</c:v>
                </c:pt>
                <c:pt idx="204">
                  <c:v>2.1263195038201999</c:v>
                </c:pt>
                <c:pt idx="205">
                  <c:v>2.1282865611736712</c:v>
                </c:pt>
                <c:pt idx="206">
                  <c:v>2.1310273580708601</c:v>
                </c:pt>
                <c:pt idx="207">
                  <c:v>2.1308754826455294</c:v>
                </c:pt>
                <c:pt idx="208">
                  <c:v>2.1322526870216243</c:v>
                </c:pt>
                <c:pt idx="209">
                  <c:v>2.1328155376937832</c:v>
                </c:pt>
                <c:pt idx="210">
                  <c:v>2.1331230191896235</c:v>
                </c:pt>
                <c:pt idx="211">
                  <c:v>2.1315840330103186</c:v>
                </c:pt>
                <c:pt idx="212">
                  <c:v>2.1308732047051646</c:v>
                </c:pt>
                <c:pt idx="213">
                  <c:v>2.1274678505027054</c:v>
                </c:pt>
                <c:pt idx="214">
                  <c:v>2.1275956842013604</c:v>
                </c:pt>
                <c:pt idx="215">
                  <c:v>2.1278768644838491</c:v>
                </c:pt>
                <c:pt idx="216">
                  <c:v>2.1297922009158392</c:v>
                </c:pt>
                <c:pt idx="217">
                  <c:v>2.1317464097722847</c:v>
                </c:pt>
                <c:pt idx="218">
                  <c:v>2.1326883091277264</c:v>
                </c:pt>
                <c:pt idx="219">
                  <c:v>2.1358516935227985</c:v>
                </c:pt>
                <c:pt idx="220">
                  <c:v>2.1378103266835216</c:v>
                </c:pt>
                <c:pt idx="221">
                  <c:v>2.138241449824295</c:v>
                </c:pt>
                <c:pt idx="222">
                  <c:v>2.1404152570928869</c:v>
                </c:pt>
                <c:pt idx="223">
                  <c:v>2.1413043054056264</c:v>
                </c:pt>
                <c:pt idx="224">
                  <c:v>2.140331876019558</c:v>
                </c:pt>
                <c:pt idx="225">
                  <c:v>2.1415838689836537</c:v>
                </c:pt>
                <c:pt idx="226">
                  <c:v>2.1437021385683654</c:v>
                </c:pt>
                <c:pt idx="227">
                  <c:v>2.1463854226272252</c:v>
                </c:pt>
                <c:pt idx="228">
                  <c:v>2.1483688115946631</c:v>
                </c:pt>
                <c:pt idx="229">
                  <c:v>2.1492648898454942</c:v>
                </c:pt>
                <c:pt idx="230">
                  <c:v>2.152697189011719</c:v>
                </c:pt>
                <c:pt idx="231">
                  <c:v>2.1546299129505195</c:v>
                </c:pt>
                <c:pt idx="232">
                  <c:v>2.1573703898839636</c:v>
                </c:pt>
                <c:pt idx="233">
                  <c:v>2.1550892560886923</c:v>
                </c:pt>
                <c:pt idx="234">
                  <c:v>2.156314070368003</c:v>
                </c:pt>
                <c:pt idx="235">
                  <c:v>2.1548325005775384</c:v>
                </c:pt>
                <c:pt idx="236">
                  <c:v>2.1558482397774621</c:v>
                </c:pt>
                <c:pt idx="237">
                  <c:v>2.1560323068100176</c:v>
                </c:pt>
                <c:pt idx="238">
                  <c:v>2.1567189907616484</c:v>
                </c:pt>
                <c:pt idx="239">
                  <c:v>2.1563845707940246</c:v>
                </c:pt>
                <c:pt idx="240">
                  <c:v>2.1574515546890005</c:v>
                </c:pt>
                <c:pt idx="241">
                  <c:v>2.1567505444550901</c:v>
                </c:pt>
                <c:pt idx="242">
                  <c:v>2.1571531401184503</c:v>
                </c:pt>
                <c:pt idx="243">
                  <c:v>2.1586390887667273</c:v>
                </c:pt>
                <c:pt idx="244">
                  <c:v>2.1596057259419195</c:v>
                </c:pt>
                <c:pt idx="245">
                  <c:v>2.1590966791656609</c:v>
                </c:pt>
                <c:pt idx="246">
                  <c:v>2.1607948936513122</c:v>
                </c:pt>
                <c:pt idx="247">
                  <c:v>2.1595469360625237</c:v>
                </c:pt>
                <c:pt idx="248">
                  <c:v>2.160497852544657</c:v>
                </c:pt>
                <c:pt idx="249">
                  <c:v>2.1609408877707694</c:v>
                </c:pt>
                <c:pt idx="250">
                  <c:v>2.1620589312369964</c:v>
                </c:pt>
                <c:pt idx="251">
                  <c:v>2.1638283727749701</c:v>
                </c:pt>
                <c:pt idx="252">
                  <c:v>2.1629439005697031</c:v>
                </c:pt>
                <c:pt idx="253">
                  <c:v>2.1659965920510467</c:v>
                </c:pt>
                <c:pt idx="254">
                  <c:v>2.1697677090062046</c:v>
                </c:pt>
                <c:pt idx="255">
                  <c:v>2.1761173799118398</c:v>
                </c:pt>
                <c:pt idx="256">
                  <c:v>2.1768006684315266</c:v>
                </c:pt>
                <c:pt idx="257">
                  <c:v>2.179699157999897</c:v>
                </c:pt>
                <c:pt idx="258">
                  <c:v>2.180576331061491</c:v>
                </c:pt>
                <c:pt idx="259">
                  <c:v>2.1812335989931881</c:v>
                </c:pt>
                <c:pt idx="260">
                  <c:v>2.1813530611530276</c:v>
                </c:pt>
                <c:pt idx="261">
                  <c:v>2.1819500349939025</c:v>
                </c:pt>
                <c:pt idx="262">
                  <c:v>2.1829857949620117</c:v>
                </c:pt>
                <c:pt idx="263">
                  <c:v>2.1831011436927446</c:v>
                </c:pt>
                <c:pt idx="264">
                  <c:v>2.1834734757173315</c:v>
                </c:pt>
                <c:pt idx="265">
                  <c:v>2.1831928663327251</c:v>
                </c:pt>
                <c:pt idx="266">
                  <c:v>2.1849145682885629</c:v>
                </c:pt>
                <c:pt idx="267">
                  <c:v>2.1860553590749503</c:v>
                </c:pt>
                <c:pt idx="268">
                  <c:v>2.1853718398015194</c:v>
                </c:pt>
                <c:pt idx="269">
                  <c:v>2.1867591190131956</c:v>
                </c:pt>
                <c:pt idx="270">
                  <c:v>2.1868061423918426</c:v>
                </c:pt>
                <c:pt idx="271">
                  <c:v>2.1859962743608174</c:v>
                </c:pt>
                <c:pt idx="272">
                  <c:v>2.1848120042138564</c:v>
                </c:pt>
                <c:pt idx="273">
                  <c:v>2.1859076234532835</c:v>
                </c:pt>
                <c:pt idx="274">
                  <c:v>2.1872067386754388</c:v>
                </c:pt>
                <c:pt idx="275">
                  <c:v>2.1875363964420966</c:v>
                </c:pt>
                <c:pt idx="276">
                  <c:v>2.1913167805017824</c:v>
                </c:pt>
                <c:pt idx="277">
                  <c:v>2.1933141999254921</c:v>
                </c:pt>
                <c:pt idx="278">
                  <c:v>2.196104166987261</c:v>
                </c:pt>
                <c:pt idx="279">
                  <c:v>2.1966584746682649</c:v>
                </c:pt>
                <c:pt idx="280">
                  <c:v>2.1996887700192422</c:v>
                </c:pt>
                <c:pt idx="281">
                  <c:v>2.2039887304324219</c:v>
                </c:pt>
                <c:pt idx="282">
                  <c:v>2.2071942804421831</c:v>
                </c:pt>
                <c:pt idx="283">
                  <c:v>2.207007300687911</c:v>
                </c:pt>
                <c:pt idx="284">
                  <c:v>2.2078310015729787</c:v>
                </c:pt>
                <c:pt idx="285">
                  <c:v>2.2095955940211938</c:v>
                </c:pt>
                <c:pt idx="286">
                  <c:v>2.2073162269782292</c:v>
                </c:pt>
                <c:pt idx="287">
                  <c:v>2.2061131427417959</c:v>
                </c:pt>
                <c:pt idx="288">
                  <c:v>2.207568943141673</c:v>
                </c:pt>
                <c:pt idx="289">
                  <c:v>2.2072900610345196</c:v>
                </c:pt>
                <c:pt idx="290">
                  <c:v>2.208144680051928</c:v>
                </c:pt>
                <c:pt idx="291">
                  <c:v>2.212520589050027</c:v>
                </c:pt>
                <c:pt idx="292">
                  <c:v>2.2138240333938097</c:v>
                </c:pt>
                <c:pt idx="293">
                  <c:v>2.2150766857348407</c:v>
                </c:pt>
                <c:pt idx="294">
                  <c:v>2.216414609666232</c:v>
                </c:pt>
                <c:pt idx="295">
                  <c:v>2.2136398776761514</c:v>
                </c:pt>
                <c:pt idx="296">
                  <c:v>2.2127614365654162</c:v>
                </c:pt>
                <c:pt idx="297">
                  <c:v>2.2131754966998431</c:v>
                </c:pt>
                <c:pt idx="298">
                  <c:v>2.2165843375453145</c:v>
                </c:pt>
                <c:pt idx="299">
                  <c:v>2.2187800162397675</c:v>
                </c:pt>
                <c:pt idx="300">
                  <c:v>2.2211310075875401</c:v>
                </c:pt>
                <c:pt idx="301">
                  <c:v>2.2230630262280133</c:v>
                </c:pt>
                <c:pt idx="302">
                  <c:v>2.2257921239832057</c:v>
                </c:pt>
                <c:pt idx="303">
                  <c:v>2.2263199249595735</c:v>
                </c:pt>
                <c:pt idx="304">
                  <c:v>2.2278242395674308</c:v>
                </c:pt>
                <c:pt idx="305">
                  <c:v>2.2294135940010755</c:v>
                </c:pt>
                <c:pt idx="306">
                  <c:v>2.2313710713742005</c:v>
                </c:pt>
                <c:pt idx="307">
                  <c:v>2.2318283860252639</c:v>
                </c:pt>
                <c:pt idx="308">
                  <c:v>2.2340791453232884</c:v>
                </c:pt>
                <c:pt idx="309">
                  <c:v>2.2360697676644365</c:v>
                </c:pt>
                <c:pt idx="310">
                  <c:v>2.2351987649347076</c:v>
                </c:pt>
                <c:pt idx="311">
                  <c:v>2.2370035051570882</c:v>
                </c:pt>
                <c:pt idx="312">
                  <c:v>2.2368506568608457</c:v>
                </c:pt>
                <c:pt idx="313">
                  <c:v>2.2384080674205511</c:v>
                </c:pt>
                <c:pt idx="314">
                  <c:v>2.2403186269989774</c:v>
                </c:pt>
                <c:pt idx="315">
                  <c:v>2.2426896520425332</c:v>
                </c:pt>
                <c:pt idx="316">
                  <c:v>2.240243410692309</c:v>
                </c:pt>
                <c:pt idx="317">
                  <c:v>2.2413005438577764</c:v>
                </c:pt>
                <c:pt idx="318">
                  <c:v>2.2413538820088839</c:v>
                </c:pt>
                <c:pt idx="319">
                  <c:v>2.2432054526739225</c:v>
                </c:pt>
                <c:pt idx="320">
                  <c:v>2.2441288524145868</c:v>
                </c:pt>
                <c:pt idx="321">
                  <c:v>2.2458600668858963</c:v>
                </c:pt>
                <c:pt idx="322">
                  <c:v>2.2481301941738705</c:v>
                </c:pt>
                <c:pt idx="323">
                  <c:v>2.2463690864021091</c:v>
                </c:pt>
                <c:pt idx="324">
                  <c:v>2.2449385455529622</c:v>
                </c:pt>
                <c:pt idx="325">
                  <c:v>2.2466550462342165</c:v>
                </c:pt>
                <c:pt idx="326">
                  <c:v>2.2476059389856649</c:v>
                </c:pt>
                <c:pt idx="327">
                  <c:v>2.2476807052406174</c:v>
                </c:pt>
                <c:pt idx="328">
                  <c:v>2.2516329892906404</c:v>
                </c:pt>
                <c:pt idx="329">
                  <c:v>2.2525807119448129</c:v>
                </c:pt>
                <c:pt idx="330">
                  <c:v>2.254634785075337</c:v>
                </c:pt>
                <c:pt idx="331">
                  <c:v>2.2578142988871441</c:v>
                </c:pt>
                <c:pt idx="332">
                  <c:v>2.26257725624904</c:v>
                </c:pt>
                <c:pt idx="333">
                  <c:v>2.2647358233478276</c:v>
                </c:pt>
                <c:pt idx="334">
                  <c:v>2.2624538481124739</c:v>
                </c:pt>
                <c:pt idx="335">
                  <c:v>2.2614598909419583</c:v>
                </c:pt>
                <c:pt idx="336">
                  <c:v>2.2631999994537284</c:v>
                </c:pt>
                <c:pt idx="337">
                  <c:v>2.2640904132267847</c:v>
                </c:pt>
                <c:pt idx="338">
                  <c:v>2.2651879881966535</c:v>
                </c:pt>
                <c:pt idx="339">
                  <c:v>2.266080445876042</c:v>
                </c:pt>
                <c:pt idx="340">
                  <c:v>2.268953963962427</c:v>
                </c:pt>
                <c:pt idx="341">
                  <c:v>2.2695736835858553</c:v>
                </c:pt>
                <c:pt idx="342">
                  <c:v>2.2706097400150624</c:v>
                </c:pt>
                <c:pt idx="343">
                  <c:v>2.2698785141264017</c:v>
                </c:pt>
                <c:pt idx="344">
                  <c:v>2.271172509555262</c:v>
                </c:pt>
                <c:pt idx="345">
                  <c:v>2.2720118524571387</c:v>
                </c:pt>
                <c:pt idx="346">
                  <c:v>2.2767310314633535</c:v>
                </c:pt>
                <c:pt idx="347">
                  <c:v>2.2777865449460966</c:v>
                </c:pt>
                <c:pt idx="348">
                  <c:v>2.2790500070837014</c:v>
                </c:pt>
                <c:pt idx="349">
                  <c:v>2.2810128638963776</c:v>
                </c:pt>
                <c:pt idx="350">
                  <c:v>2.2819023557550517</c:v>
                </c:pt>
                <c:pt idx="351">
                  <c:v>2.2842397434788073</c:v>
                </c:pt>
                <c:pt idx="352">
                  <c:v>2.2913806125130116</c:v>
                </c:pt>
                <c:pt idx="353">
                  <c:v>2.2924124404425932</c:v>
                </c:pt>
                <c:pt idx="354">
                  <c:v>2.2941185135325415</c:v>
                </c:pt>
                <c:pt idx="355">
                  <c:v>2.2967108320968341</c:v>
                </c:pt>
                <c:pt idx="356">
                  <c:v>2.2970320351173319</c:v>
                </c:pt>
                <c:pt idx="357">
                  <c:v>2.2952784461588962</c:v>
                </c:pt>
                <c:pt idx="358">
                  <c:v>2.2941300769072308</c:v>
                </c:pt>
                <c:pt idx="359">
                  <c:v>2.2932622473280575</c:v>
                </c:pt>
                <c:pt idx="360">
                  <c:v>2.294928410324772</c:v>
                </c:pt>
                <c:pt idx="361">
                  <c:v>2.2973488032796809</c:v>
                </c:pt>
                <c:pt idx="362">
                  <c:v>2.298749454691889</c:v>
                </c:pt>
                <c:pt idx="363">
                  <c:v>2.2993939583642256</c:v>
                </c:pt>
                <c:pt idx="364">
                  <c:v>2.3026224656241792</c:v>
                </c:pt>
                <c:pt idx="365">
                  <c:v>2.301396922540174</c:v>
                </c:pt>
                <c:pt idx="366">
                  <c:v>2.3036328184996711</c:v>
                </c:pt>
                <c:pt idx="367">
                  <c:v>2.3049855183414407</c:v>
                </c:pt>
                <c:pt idx="368">
                  <c:v>2.3060842973554232</c:v>
                </c:pt>
                <c:pt idx="369">
                  <c:v>2.3063720334204074</c:v>
                </c:pt>
                <c:pt idx="370">
                  <c:v>2.3065654295920148</c:v>
                </c:pt>
                <c:pt idx="371">
                  <c:v>2.3095278417360925</c:v>
                </c:pt>
                <c:pt idx="372">
                  <c:v>2.3103617542590564</c:v>
                </c:pt>
                <c:pt idx="373">
                  <c:v>2.3109126535544702</c:v>
                </c:pt>
                <c:pt idx="374">
                  <c:v>2.3108614344238774</c:v>
                </c:pt>
                <c:pt idx="375">
                  <c:v>2.3121236111248278</c:v>
                </c:pt>
                <c:pt idx="376">
                  <c:v>2.3140006810571165</c:v>
                </c:pt>
                <c:pt idx="377">
                  <c:v>2.3145056500282837</c:v>
                </c:pt>
                <c:pt idx="378">
                  <c:v>2.317410367067779</c:v>
                </c:pt>
                <c:pt idx="379">
                  <c:v>2.3194280394704734</c:v>
                </c:pt>
                <c:pt idx="380">
                  <c:v>2.3197700344102512</c:v>
                </c:pt>
                <c:pt idx="381">
                  <c:v>2.3224178239451372</c:v>
                </c:pt>
                <c:pt idx="382">
                  <c:v>2.3255303927233033</c:v>
                </c:pt>
                <c:pt idx="383">
                  <c:v>2.3278957245234735</c:v>
                </c:pt>
                <c:pt idx="384">
                  <c:v>2.3308949321004717</c:v>
                </c:pt>
                <c:pt idx="385">
                  <c:v>2.3313547442019966</c:v>
                </c:pt>
                <c:pt idx="386">
                  <c:v>2.3302821508125646</c:v>
                </c:pt>
                <c:pt idx="387">
                  <c:v>2.3330846876882725</c:v>
                </c:pt>
                <c:pt idx="388">
                  <c:v>2.3334931168676309</c:v>
                </c:pt>
                <c:pt idx="389">
                  <c:v>2.3336972954879229</c:v>
                </c:pt>
                <c:pt idx="390">
                  <c:v>2.3344689848721369</c:v>
                </c:pt>
                <c:pt idx="391">
                  <c:v>2.3366911748491326</c:v>
                </c:pt>
                <c:pt idx="392">
                  <c:v>2.3382497670185898</c:v>
                </c:pt>
                <c:pt idx="393">
                  <c:v>2.3370112782109587</c:v>
                </c:pt>
                <c:pt idx="394">
                  <c:v>2.3377581737571682</c:v>
                </c:pt>
                <c:pt idx="395">
                  <c:v>2.3402263280320175</c:v>
                </c:pt>
                <c:pt idx="396">
                  <c:v>2.3438918316818187</c:v>
                </c:pt>
                <c:pt idx="397">
                  <c:v>2.3430434672549523</c:v>
                </c:pt>
                <c:pt idx="398">
                  <c:v>2.3430322365563887</c:v>
                </c:pt>
                <c:pt idx="399">
                  <c:v>2.3440364536243461</c:v>
                </c:pt>
                <c:pt idx="400">
                  <c:v>2.3453230519504342</c:v>
                </c:pt>
                <c:pt idx="401">
                  <c:v>2.3450128745385128</c:v>
                </c:pt>
                <c:pt idx="402">
                  <c:v>2.3484386903123298</c:v>
                </c:pt>
                <c:pt idx="403">
                  <c:v>2.3494541404443035</c:v>
                </c:pt>
                <c:pt idx="404">
                  <c:v>2.3523144115489294</c:v>
                </c:pt>
                <c:pt idx="405">
                  <c:v>2.3550039962627314</c:v>
                </c:pt>
                <c:pt idx="406">
                  <c:v>2.3569160006667085</c:v>
                </c:pt>
                <c:pt idx="407">
                  <c:v>2.3577472963343986</c:v>
                </c:pt>
                <c:pt idx="408">
                  <c:v>2.3586407178398936</c:v>
                </c:pt>
                <c:pt idx="409">
                  <c:v>2.3592592396240075</c:v>
                </c:pt>
                <c:pt idx="410">
                  <c:v>2.3603615224292294</c:v>
                </c:pt>
                <c:pt idx="411">
                  <c:v>2.3653950396658718</c:v>
                </c:pt>
                <c:pt idx="412">
                  <c:v>2.3659959876416581</c:v>
                </c:pt>
                <c:pt idx="413">
                  <c:v>2.3695265546165309</c:v>
                </c:pt>
                <c:pt idx="414">
                  <c:v>2.3706797498746828</c:v>
                </c:pt>
                <c:pt idx="415">
                  <c:v>2.3723781288897019</c:v>
                </c:pt>
                <c:pt idx="416">
                  <c:v>2.3738166916519363</c:v>
                </c:pt>
                <c:pt idx="417">
                  <c:v>2.3749434112259338</c:v>
                </c:pt>
                <c:pt idx="418">
                  <c:v>2.3738089448495736</c:v>
                </c:pt>
                <c:pt idx="419">
                  <c:v>2.3744949406230416</c:v>
                </c:pt>
                <c:pt idx="420">
                  <c:v>2.3751604939592594</c:v>
                </c:pt>
                <c:pt idx="421">
                  <c:v>2.3755731081021914</c:v>
                </c:pt>
                <c:pt idx="422">
                  <c:v>2.37730582427554</c:v>
                </c:pt>
                <c:pt idx="423">
                  <c:v>2.3800179251285192</c:v>
                </c:pt>
                <c:pt idx="424">
                  <c:v>2.3817486387453566</c:v>
                </c:pt>
                <c:pt idx="425">
                  <c:v>2.3818424633536694</c:v>
                </c:pt>
                <c:pt idx="426">
                  <c:v>2.3827692794105646</c:v>
                </c:pt>
                <c:pt idx="427">
                  <c:v>2.3839339623596811</c:v>
                </c:pt>
                <c:pt idx="428">
                  <c:v>2.3872861178223372</c:v>
                </c:pt>
                <c:pt idx="429">
                  <c:v>2.3870457160246983</c:v>
                </c:pt>
                <c:pt idx="430">
                  <c:v>2.38664770269712</c:v>
                </c:pt>
                <c:pt idx="431">
                  <c:v>2.3877358528342185</c:v>
                </c:pt>
                <c:pt idx="432">
                  <c:v>2.3896647910089523</c:v>
                </c:pt>
                <c:pt idx="433">
                  <c:v>2.3908933765197422</c:v>
                </c:pt>
                <c:pt idx="434">
                  <c:v>2.3920202854509718</c:v>
                </c:pt>
                <c:pt idx="435">
                  <c:v>2.3925125932358515</c:v>
                </c:pt>
                <c:pt idx="436">
                  <c:v>2.3972141116939065</c:v>
                </c:pt>
                <c:pt idx="437">
                  <c:v>2.3998999208042227</c:v>
                </c:pt>
                <c:pt idx="438">
                  <c:v>2.4043035240971005</c:v>
                </c:pt>
                <c:pt idx="439">
                  <c:v>2.4078136115377249</c:v>
                </c:pt>
                <c:pt idx="440">
                  <c:v>2.4111427372057803</c:v>
                </c:pt>
                <c:pt idx="441">
                  <c:v>2.410528232274443</c:v>
                </c:pt>
                <c:pt idx="442">
                  <c:v>2.4114750875018296</c:v>
                </c:pt>
                <c:pt idx="443">
                  <c:v>2.4109314497539875</c:v>
                </c:pt>
                <c:pt idx="444">
                  <c:v>2.4141368281182141</c:v>
                </c:pt>
                <c:pt idx="445">
                  <c:v>2.4162991780818666</c:v>
                </c:pt>
                <c:pt idx="446">
                  <c:v>2.4158272960553999</c:v>
                </c:pt>
                <c:pt idx="447">
                  <c:v>2.4168725476067023</c:v>
                </c:pt>
                <c:pt idx="448">
                  <c:v>2.4149368883832509</c:v>
                </c:pt>
                <c:pt idx="449">
                  <c:v>2.4170891699843429</c:v>
                </c:pt>
                <c:pt idx="450">
                  <c:v>2.4198728112666106</c:v>
                </c:pt>
                <c:pt idx="451">
                  <c:v>2.4206250458095524</c:v>
                </c:pt>
                <c:pt idx="452">
                  <c:v>2.4194942641851593</c:v>
                </c:pt>
                <c:pt idx="453">
                  <c:v>2.4200223325240158</c:v>
                </c:pt>
                <c:pt idx="454">
                  <c:v>2.4207844272244876</c:v>
                </c:pt>
                <c:pt idx="455">
                  <c:v>2.4247233649157294</c:v>
                </c:pt>
                <c:pt idx="456">
                  <c:v>2.4269323451625864</c:v>
                </c:pt>
                <c:pt idx="457">
                  <c:v>2.4296594311209172</c:v>
                </c:pt>
                <c:pt idx="458">
                  <c:v>2.43105340901886</c:v>
                </c:pt>
                <c:pt idx="459">
                  <c:v>2.4350844831849807</c:v>
                </c:pt>
                <c:pt idx="460">
                  <c:v>2.4348893871495942</c:v>
                </c:pt>
                <c:pt idx="461">
                  <c:v>2.4373200331557046</c:v>
                </c:pt>
                <c:pt idx="462">
                  <c:v>2.4378240699666143</c:v>
                </c:pt>
                <c:pt idx="463">
                  <c:v>2.438088464736262</c:v>
                </c:pt>
                <c:pt idx="464">
                  <c:v>2.4414759347478823</c:v>
                </c:pt>
                <c:pt idx="465">
                  <c:v>2.4455213616384475</c:v>
                </c:pt>
                <c:pt idx="466">
                  <c:v>2.4458031560842253</c:v>
                </c:pt>
                <c:pt idx="467">
                  <c:v>2.4460073197051138</c:v>
                </c:pt>
                <c:pt idx="468">
                  <c:v>2.4468716525215011</c:v>
                </c:pt>
                <c:pt idx="469">
                  <c:v>2.4475771084951963</c:v>
                </c:pt>
                <c:pt idx="470">
                  <c:v>2.4456521414661458</c:v>
                </c:pt>
                <c:pt idx="471">
                  <c:v>2.4450329310610615</c:v>
                </c:pt>
                <c:pt idx="472">
                  <c:v>2.4455172058358445</c:v>
                </c:pt>
                <c:pt idx="473">
                  <c:v>2.4496718228802021</c:v>
                </c:pt>
                <c:pt idx="474">
                  <c:v>2.4504708070901264</c:v>
                </c:pt>
                <c:pt idx="475">
                  <c:v>2.4524183222823464</c:v>
                </c:pt>
                <c:pt idx="476">
                  <c:v>2.4539088751265372</c:v>
                </c:pt>
                <c:pt idx="477">
                  <c:v>2.4578351661151396</c:v>
                </c:pt>
                <c:pt idx="478">
                  <c:v>2.4576878670272788</c:v>
                </c:pt>
                <c:pt idx="479">
                  <c:v>2.4594752211282658</c:v>
                </c:pt>
                <c:pt idx="480">
                  <c:v>2.4608953638244593</c:v>
                </c:pt>
                <c:pt idx="481">
                  <c:v>2.4613739683202729</c:v>
                </c:pt>
                <c:pt idx="482">
                  <c:v>2.4597770786829614</c:v>
                </c:pt>
                <c:pt idx="483">
                  <c:v>2.4623761076706625</c:v>
                </c:pt>
                <c:pt idx="484">
                  <c:v>2.4658133682455952</c:v>
                </c:pt>
                <c:pt idx="485">
                  <c:v>2.4678822626618073</c:v>
                </c:pt>
                <c:pt idx="486">
                  <c:v>2.4698414977430163</c:v>
                </c:pt>
                <c:pt idx="487">
                  <c:v>2.4705114147799998</c:v>
                </c:pt>
                <c:pt idx="488">
                  <c:v>2.4696814276968317</c:v>
                </c:pt>
                <c:pt idx="489">
                  <c:v>2.4723848360744682</c:v>
                </c:pt>
                <c:pt idx="490">
                  <c:v>2.4734417549648264</c:v>
                </c:pt>
                <c:pt idx="491">
                  <c:v>2.4746635151870597</c:v>
                </c:pt>
                <c:pt idx="492">
                  <c:v>2.4773832955139392</c:v>
                </c:pt>
                <c:pt idx="493">
                  <c:v>2.4821822841740468</c:v>
                </c:pt>
                <c:pt idx="494">
                  <c:v>2.4818053012364296</c:v>
                </c:pt>
                <c:pt idx="495">
                  <c:v>2.4826031733328535</c:v>
                </c:pt>
                <c:pt idx="496">
                  <c:v>2.4830877533128271</c:v>
                </c:pt>
                <c:pt idx="497">
                  <c:v>2.4887181899305704</c:v>
                </c:pt>
                <c:pt idx="498">
                  <c:v>2.4882574691965518</c:v>
                </c:pt>
                <c:pt idx="499">
                  <c:v>2.4900745306972798</c:v>
                </c:pt>
                <c:pt idx="500">
                  <c:v>2.4922842792584259</c:v>
                </c:pt>
                <c:pt idx="501">
                  <c:v>2.4928773753916933</c:v>
                </c:pt>
                <c:pt idx="502">
                  <c:v>2.491571197321286</c:v>
                </c:pt>
                <c:pt idx="503">
                  <c:v>2.4930656882361881</c:v>
                </c:pt>
                <c:pt idx="504">
                  <c:v>2.4939875834583001</c:v>
                </c:pt>
                <c:pt idx="505">
                  <c:v>2.5001311223999041</c:v>
                </c:pt>
                <c:pt idx="506">
                  <c:v>2.5023116807407337</c:v>
                </c:pt>
                <c:pt idx="507">
                  <c:v>2.5055222941057109</c:v>
                </c:pt>
                <c:pt idx="508">
                  <c:v>2.5085075958055052</c:v>
                </c:pt>
                <c:pt idx="509">
                  <c:v>2.5099860436882069</c:v>
                </c:pt>
                <c:pt idx="510">
                  <c:v>2.5081413223464644</c:v>
                </c:pt>
                <c:pt idx="511">
                  <c:v>2.5105007215962347</c:v>
                </c:pt>
                <c:pt idx="512">
                  <c:v>2.5090822040127407</c:v>
                </c:pt>
                <c:pt idx="513">
                  <c:v>2.5121905835169125</c:v>
                </c:pt>
                <c:pt idx="514">
                  <c:v>2.5151422234025476</c:v>
                </c:pt>
                <c:pt idx="515">
                  <c:v>2.5171367039084691</c:v>
                </c:pt>
                <c:pt idx="516">
                  <c:v>2.5215339410571</c:v>
                </c:pt>
                <c:pt idx="517">
                  <c:v>2.524833147517576</c:v>
                </c:pt>
                <c:pt idx="518">
                  <c:v>2.5233926526058958</c:v>
                </c:pt>
                <c:pt idx="519">
                  <c:v>2.525685193581213</c:v>
                </c:pt>
                <c:pt idx="520">
                  <c:v>2.525650161038544</c:v>
                </c:pt>
                <c:pt idx="521">
                  <c:v>2.5262830127556031</c:v>
                </c:pt>
                <c:pt idx="522">
                  <c:v>2.5287307861062036</c:v>
                </c:pt>
                <c:pt idx="523">
                  <c:v>2.5296749836450938</c:v>
                </c:pt>
                <c:pt idx="524">
                  <c:v>2.5303107553135105</c:v>
                </c:pt>
                <c:pt idx="525">
                  <c:v>2.5317848592857084</c:v>
                </c:pt>
                <c:pt idx="526">
                  <c:v>2.5331503884235254</c:v>
                </c:pt>
                <c:pt idx="527">
                  <c:v>2.5368343728062079</c:v>
                </c:pt>
                <c:pt idx="528">
                  <c:v>2.5358213610773177</c:v>
                </c:pt>
                <c:pt idx="529">
                  <c:v>2.5348175584705199</c:v>
                </c:pt>
                <c:pt idx="530">
                  <c:v>2.5321748045511487</c:v>
                </c:pt>
                <c:pt idx="531">
                  <c:v>2.5366320148274051</c:v>
                </c:pt>
                <c:pt idx="532">
                  <c:v>2.5354773926020995</c:v>
                </c:pt>
                <c:pt idx="533">
                  <c:v>2.5369314418517583</c:v>
                </c:pt>
                <c:pt idx="534">
                  <c:v>2.5395762927221077</c:v>
                </c:pt>
                <c:pt idx="535">
                  <c:v>2.5447108819911346</c:v>
                </c:pt>
                <c:pt idx="536">
                  <c:v>2.5500262113604766</c:v>
                </c:pt>
                <c:pt idx="537">
                  <c:v>2.5533614731993763</c:v>
                </c:pt>
                <c:pt idx="538">
                  <c:v>2.5545361002299511</c:v>
                </c:pt>
                <c:pt idx="539">
                  <c:v>2.5587273912978179</c:v>
                </c:pt>
                <c:pt idx="540">
                  <c:v>2.5547311297828266</c:v>
                </c:pt>
                <c:pt idx="541">
                  <c:v>2.5554091803401873</c:v>
                </c:pt>
                <c:pt idx="542">
                  <c:v>2.5546843519869036</c:v>
                </c:pt>
                <c:pt idx="543">
                  <c:v>2.5576980598639603</c:v>
                </c:pt>
                <c:pt idx="544">
                  <c:v>2.558740099892145</c:v>
                </c:pt>
                <c:pt idx="545">
                  <c:v>2.559673335791393</c:v>
                </c:pt>
                <c:pt idx="546">
                  <c:v>2.5609990057623597</c:v>
                </c:pt>
                <c:pt idx="547">
                  <c:v>2.563448425101845</c:v>
                </c:pt>
                <c:pt idx="548">
                  <c:v>2.5621265037517813</c:v>
                </c:pt>
                <c:pt idx="549">
                  <c:v>2.5613964840426395</c:v>
                </c:pt>
                <c:pt idx="550">
                  <c:v>2.5614539055496581</c:v>
                </c:pt>
                <c:pt idx="551">
                  <c:v>2.5611595762671269</c:v>
                </c:pt>
                <c:pt idx="552">
                  <c:v>2.5628430391997021</c:v>
                </c:pt>
                <c:pt idx="553">
                  <c:v>2.5633137869867171</c:v>
                </c:pt>
                <c:pt idx="554">
                  <c:v>2.5663604475341177</c:v>
                </c:pt>
                <c:pt idx="555">
                  <c:v>2.5707686582240394</c:v>
                </c:pt>
                <c:pt idx="556">
                  <c:v>2.5707463153393495</c:v>
                </c:pt>
                <c:pt idx="557">
                  <c:v>2.5742423350331065</c:v>
                </c:pt>
                <c:pt idx="558">
                  <c:v>2.5747305904921287</c:v>
                </c:pt>
                <c:pt idx="559">
                  <c:v>2.5762910417980298</c:v>
                </c:pt>
                <c:pt idx="560">
                  <c:v>2.580900224061847</c:v>
                </c:pt>
                <c:pt idx="561">
                  <c:v>2.5830079148314264</c:v>
                </c:pt>
                <c:pt idx="562">
                  <c:v>2.5826848234973756</c:v>
                </c:pt>
                <c:pt idx="563">
                  <c:v>2.5854668916731511</c:v>
                </c:pt>
                <c:pt idx="564">
                  <c:v>2.5845275662532936</c:v>
                </c:pt>
                <c:pt idx="565">
                  <c:v>2.5879130384482507</c:v>
                </c:pt>
                <c:pt idx="566">
                  <c:v>2.5894746974077711</c:v>
                </c:pt>
                <c:pt idx="567">
                  <c:v>2.5932058941469185</c:v>
                </c:pt>
                <c:pt idx="568">
                  <c:v>2.5962931463161043</c:v>
                </c:pt>
                <c:pt idx="569">
                  <c:v>2.5983835199515264</c:v>
                </c:pt>
                <c:pt idx="570">
                  <c:v>2.5980290252067197</c:v>
                </c:pt>
                <c:pt idx="571">
                  <c:v>2.598971486640191</c:v>
                </c:pt>
                <c:pt idx="572">
                  <c:v>2.5996568034972984</c:v>
                </c:pt>
                <c:pt idx="573">
                  <c:v>2.6002319901281141</c:v>
                </c:pt>
                <c:pt idx="574">
                  <c:v>2.6017464733373989</c:v>
                </c:pt>
                <c:pt idx="575">
                  <c:v>2.6045054776670256</c:v>
                </c:pt>
                <c:pt idx="576">
                  <c:v>2.605840711916255</c:v>
                </c:pt>
                <c:pt idx="577">
                  <c:v>2.6102596444682207</c:v>
                </c:pt>
                <c:pt idx="578">
                  <c:v>2.6118449511885991</c:v>
                </c:pt>
                <c:pt idx="579">
                  <c:v>2.6080470999757979</c:v>
                </c:pt>
                <c:pt idx="580">
                  <c:v>2.60575024569152</c:v>
                </c:pt>
                <c:pt idx="581">
                  <c:v>2.6083194096252194</c:v>
                </c:pt>
                <c:pt idx="582">
                  <c:v>2.6101557311885091</c:v>
                </c:pt>
                <c:pt idx="583">
                  <c:v>2.6137814413625495</c:v>
                </c:pt>
                <c:pt idx="584">
                  <c:v>2.6213209545583278</c:v>
                </c:pt>
                <c:pt idx="585">
                  <c:v>2.6252951733134555</c:v>
                </c:pt>
                <c:pt idx="586">
                  <c:v>2.6227590889554757</c:v>
                </c:pt>
                <c:pt idx="587">
                  <c:v>2.6236383352183474</c:v>
                </c:pt>
                <c:pt idx="588">
                  <c:v>2.623993882335562</c:v>
                </c:pt>
                <c:pt idx="589">
                  <c:v>2.6237244355390632</c:v>
                </c:pt>
                <c:pt idx="590">
                  <c:v>2.628115078559639</c:v>
                </c:pt>
                <c:pt idx="591">
                  <c:v>2.6303179445692693</c:v>
                </c:pt>
                <c:pt idx="592">
                  <c:v>2.6323849609569598</c:v>
                </c:pt>
                <c:pt idx="593">
                  <c:v>2.6342374416377257</c:v>
                </c:pt>
                <c:pt idx="594">
                  <c:v>2.6303904209694595</c:v>
                </c:pt>
                <c:pt idx="595">
                  <c:v>2.6355617689371154</c:v>
                </c:pt>
                <c:pt idx="596">
                  <c:v>2.6400894818680252</c:v>
                </c:pt>
                <c:pt idx="597">
                  <c:v>2.6452272691674543</c:v>
                </c:pt>
                <c:pt idx="598">
                  <c:v>2.645528040362966</c:v>
                </c:pt>
                <c:pt idx="599">
                  <c:v>2.6483059454449038</c:v>
                </c:pt>
                <c:pt idx="600">
                  <c:v>2.6426651431908228</c:v>
                </c:pt>
                <c:pt idx="601">
                  <c:v>2.6423776817382261</c:v>
                </c:pt>
                <c:pt idx="602">
                  <c:v>2.6438174917579369</c:v>
                </c:pt>
                <c:pt idx="603">
                  <c:v>2.648803625765404</c:v>
                </c:pt>
                <c:pt idx="604">
                  <c:v>2.6522316788012827</c:v>
                </c:pt>
                <c:pt idx="605">
                  <c:v>2.6551426472949617</c:v>
                </c:pt>
                <c:pt idx="606">
                  <c:v>2.649677111026191</c:v>
                </c:pt>
                <c:pt idx="607">
                  <c:v>2.6522265824389764</c:v>
                </c:pt>
                <c:pt idx="608">
                  <c:v>2.655100000127872</c:v>
                </c:pt>
                <c:pt idx="609">
                  <c:v>2.6576484591904799</c:v>
                </c:pt>
                <c:pt idx="610">
                  <c:v>2.6614044632614888</c:v>
                </c:pt>
                <c:pt idx="611">
                  <c:v>2.6624338965195147</c:v>
                </c:pt>
                <c:pt idx="612">
                  <c:v>2.6625057511189332</c:v>
                </c:pt>
                <c:pt idx="613">
                  <c:v>2.6659796015237021</c:v>
                </c:pt>
                <c:pt idx="614">
                  <c:v>2.6687467489648147</c:v>
                </c:pt>
                <c:pt idx="615">
                  <c:v>2.6723399109831618</c:v>
                </c:pt>
                <c:pt idx="616">
                  <c:v>2.6683866033895201</c:v>
                </c:pt>
                <c:pt idx="617">
                  <c:v>2.6741906671408735</c:v>
                </c:pt>
                <c:pt idx="618">
                  <c:v>2.6754461152446627</c:v>
                </c:pt>
                <c:pt idx="619">
                  <c:v>2.680298958723323</c:v>
                </c:pt>
                <c:pt idx="620">
                  <c:v>2.6830878097598627</c:v>
                </c:pt>
                <c:pt idx="621">
                  <c:v>2.6860833637749053</c:v>
                </c:pt>
                <c:pt idx="622">
                  <c:v>2.6867960737138814</c:v>
                </c:pt>
                <c:pt idx="623">
                  <c:v>2.6887027711682276</c:v>
                </c:pt>
                <c:pt idx="624">
                  <c:v>2.6835695382584599</c:v>
                </c:pt>
                <c:pt idx="625">
                  <c:v>2.6835562684849061</c:v>
                </c:pt>
                <c:pt idx="626">
                  <c:v>2.6858791267247328</c:v>
                </c:pt>
                <c:pt idx="627">
                  <c:v>2.6834197729456672</c:v>
                </c:pt>
                <c:pt idx="628">
                  <c:v>2.684589304372047</c:v>
                </c:pt>
                <c:pt idx="629">
                  <c:v>2.6855632167349168</c:v>
                </c:pt>
                <c:pt idx="630">
                  <c:v>2.6894490251636274</c:v>
                </c:pt>
                <c:pt idx="631">
                  <c:v>2.6875480073640943</c:v>
                </c:pt>
                <c:pt idx="632">
                  <c:v>2.6920740329995674</c:v>
                </c:pt>
                <c:pt idx="633">
                  <c:v>2.6960240482910027</c:v>
                </c:pt>
                <c:pt idx="634">
                  <c:v>2.6937489460203023</c:v>
                </c:pt>
                <c:pt idx="635">
                  <c:v>2.6984345443030131</c:v>
                </c:pt>
                <c:pt idx="636">
                  <c:v>2.700415224924154</c:v>
                </c:pt>
                <c:pt idx="637">
                  <c:v>2.7031536733117734</c:v>
                </c:pt>
                <c:pt idx="638">
                  <c:v>2.7057517445005526</c:v>
                </c:pt>
                <c:pt idx="639">
                  <c:v>2.7097762528656348</c:v>
                </c:pt>
                <c:pt idx="640">
                  <c:v>2.7108226909584903</c:v>
                </c:pt>
                <c:pt idx="641">
                  <c:v>2.7119897667704427</c:v>
                </c:pt>
                <c:pt idx="642">
                  <c:v>2.7140545502198301</c:v>
                </c:pt>
                <c:pt idx="643">
                  <c:v>2.7171909110550612</c:v>
                </c:pt>
                <c:pt idx="644">
                  <c:v>2.7201419254441981</c:v>
                </c:pt>
                <c:pt idx="645">
                  <c:v>2.7206785728462037</c:v>
                </c:pt>
                <c:pt idx="646">
                  <c:v>2.7215532301670589</c:v>
                </c:pt>
                <c:pt idx="647">
                  <c:v>2.7226244525051277</c:v>
                </c:pt>
                <c:pt idx="648">
                  <c:v>2.723847421398804</c:v>
                </c:pt>
                <c:pt idx="649">
                  <c:v>2.7250437313189759</c:v>
                </c:pt>
                <c:pt idx="650">
                  <c:v>2.7267109351088159</c:v>
                </c:pt>
                <c:pt idx="651">
                  <c:v>2.7271555521514563</c:v>
                </c:pt>
                <c:pt idx="652">
                  <c:v>2.7289906851264085</c:v>
                </c:pt>
                <c:pt idx="653">
                  <c:v>2.7292958211280776</c:v>
                </c:pt>
                <c:pt idx="654">
                  <c:v>2.731064761404876</c:v>
                </c:pt>
                <c:pt idx="655">
                  <c:v>2.7300941217952546</c:v>
                </c:pt>
                <c:pt idx="656">
                  <c:v>2.7323339963660893</c:v>
                </c:pt>
                <c:pt idx="657">
                  <c:v>2.734585522185677</c:v>
                </c:pt>
                <c:pt idx="658">
                  <c:v>2.7371351491878984</c:v>
                </c:pt>
                <c:pt idx="659">
                  <c:v>2.7416797566215299</c:v>
                </c:pt>
                <c:pt idx="660">
                  <c:v>2.7428811100617443</c:v>
                </c:pt>
                <c:pt idx="661">
                  <c:v>2.7442590184177331</c:v>
                </c:pt>
                <c:pt idx="662">
                  <c:v>2.7456464714562654</c:v>
                </c:pt>
                <c:pt idx="663">
                  <c:v>2.748167213542648</c:v>
                </c:pt>
                <c:pt idx="664">
                  <c:v>2.7507499263686901</c:v>
                </c:pt>
                <c:pt idx="665">
                  <c:v>2.7536106643816187</c:v>
                </c:pt>
                <c:pt idx="666">
                  <c:v>2.7537395246327709</c:v>
                </c:pt>
                <c:pt idx="667">
                  <c:v>2.7562881096070733</c:v>
                </c:pt>
                <c:pt idx="668">
                  <c:v>2.7593286579300993</c:v>
                </c:pt>
                <c:pt idx="669">
                  <c:v>2.761300320480613</c:v>
                </c:pt>
                <c:pt idx="670">
                  <c:v>2.7638002510968969</c:v>
                </c:pt>
                <c:pt idx="671">
                  <c:v>2.76570317695144</c:v>
                </c:pt>
                <c:pt idx="672">
                  <c:v>2.7667426477233694</c:v>
                </c:pt>
                <c:pt idx="673">
                  <c:v>2.7680115389069124</c:v>
                </c:pt>
                <c:pt idx="674">
                  <c:v>2.7658459530069535</c:v>
                </c:pt>
                <c:pt idx="675">
                  <c:v>2.76642203848998</c:v>
                </c:pt>
                <c:pt idx="676">
                  <c:v>2.7683729265659602</c:v>
                </c:pt>
                <c:pt idx="677">
                  <c:v>2.7690742180872978</c:v>
                </c:pt>
                <c:pt idx="678">
                  <c:v>2.7690882905749334</c:v>
                </c:pt>
                <c:pt idx="679">
                  <c:v>2.7701682778566759</c:v>
                </c:pt>
                <c:pt idx="680">
                  <c:v>2.7719151600820551</c:v>
                </c:pt>
                <c:pt idx="681">
                  <c:v>2.7745969089253215</c:v>
                </c:pt>
                <c:pt idx="682">
                  <c:v>2.7740733730514107</c:v>
                </c:pt>
                <c:pt idx="683">
                  <c:v>2.774814385901927</c:v>
                </c:pt>
                <c:pt idx="684">
                  <c:v>2.7776426652140018</c:v>
                </c:pt>
                <c:pt idx="685">
                  <c:v>2.777661811029466</c:v>
                </c:pt>
                <c:pt idx="686">
                  <c:v>2.7803139584688328</c:v>
                </c:pt>
                <c:pt idx="687">
                  <c:v>2.7822117229125132</c:v>
                </c:pt>
                <c:pt idx="688">
                  <c:v>2.7858135064237453</c:v>
                </c:pt>
                <c:pt idx="689">
                  <c:v>2.7877193598963079</c:v>
                </c:pt>
                <c:pt idx="690">
                  <c:v>2.7898119481443882</c:v>
                </c:pt>
                <c:pt idx="691">
                  <c:v>2.7922091931586088</c:v>
                </c:pt>
                <c:pt idx="692">
                  <c:v>2.7941862393206924</c:v>
                </c:pt>
                <c:pt idx="693">
                  <c:v>2.7948551376107971</c:v>
                </c:pt>
                <c:pt idx="694">
                  <c:v>2.7956653216918985</c:v>
                </c:pt>
                <c:pt idx="695">
                  <c:v>2.7979965114539658</c:v>
                </c:pt>
                <c:pt idx="696">
                  <c:v>2.7995432074878348</c:v>
                </c:pt>
                <c:pt idx="697">
                  <c:v>2.7997829676215478</c:v>
                </c:pt>
                <c:pt idx="698">
                  <c:v>2.8003992378753768</c:v>
                </c:pt>
                <c:pt idx="699">
                  <c:v>2.8006358835985936</c:v>
                </c:pt>
                <c:pt idx="700">
                  <c:v>2.80172416040973</c:v>
                </c:pt>
                <c:pt idx="701">
                  <c:v>2.8039514735538353</c:v>
                </c:pt>
                <c:pt idx="702">
                  <c:v>2.8046077871997004</c:v>
                </c:pt>
                <c:pt idx="703">
                  <c:v>2.8061720724196246</c:v>
                </c:pt>
                <c:pt idx="704">
                  <c:v>2.8067787045229342</c:v>
                </c:pt>
                <c:pt idx="705">
                  <c:v>2.8071251636627235</c:v>
                </c:pt>
                <c:pt idx="706">
                  <c:v>2.8074690246259375</c:v>
                </c:pt>
                <c:pt idx="707">
                  <c:v>2.8087029306404716</c:v>
                </c:pt>
                <c:pt idx="708">
                  <c:v>2.8110542256749937</c:v>
                </c:pt>
                <c:pt idx="709">
                  <c:v>2.8132650614667427</c:v>
                </c:pt>
                <c:pt idx="710">
                  <c:v>2.8125741318880224</c:v>
                </c:pt>
                <c:pt idx="711">
                  <c:v>2.8158717028063962</c:v>
                </c:pt>
                <c:pt idx="712">
                  <c:v>2.8176633061981606</c:v>
                </c:pt>
                <c:pt idx="713">
                  <c:v>2.8188110890442304</c:v>
                </c:pt>
                <c:pt idx="714">
                  <c:v>2.8204374254904856</c:v>
                </c:pt>
                <c:pt idx="715">
                  <c:v>2.8232758135699179</c:v>
                </c:pt>
                <c:pt idx="716">
                  <c:v>2.8265102167118434</c:v>
                </c:pt>
                <c:pt idx="717">
                  <c:v>2.8287453548205321</c:v>
                </c:pt>
                <c:pt idx="718">
                  <c:v>2.8314526870456307</c:v>
                </c:pt>
                <c:pt idx="719">
                  <c:v>2.8372972343931977</c:v>
                </c:pt>
                <c:pt idx="720">
                  <c:v>2.8369413464448816</c:v>
                </c:pt>
                <c:pt idx="721">
                  <c:v>2.8377883591764514</c:v>
                </c:pt>
                <c:pt idx="722">
                  <c:v>2.840482646063208</c:v>
                </c:pt>
                <c:pt idx="723">
                  <c:v>2.8394109913943173</c:v>
                </c:pt>
                <c:pt idx="724">
                  <c:v>2.8399197575617943</c:v>
                </c:pt>
                <c:pt idx="725">
                  <c:v>2.840737902288943</c:v>
                </c:pt>
                <c:pt idx="726">
                  <c:v>2.8399588938023839</c:v>
                </c:pt>
                <c:pt idx="727">
                  <c:v>2.8419489346340594</c:v>
                </c:pt>
                <c:pt idx="728">
                  <c:v>2.8439575780424033</c:v>
                </c:pt>
                <c:pt idx="729">
                  <c:v>2.8443073063284872</c:v>
                </c:pt>
                <c:pt idx="730">
                  <c:v>2.8465326982046246</c:v>
                </c:pt>
                <c:pt idx="731">
                  <c:v>2.8498206755327669</c:v>
                </c:pt>
                <c:pt idx="732">
                  <c:v>2.8507398521889433</c:v>
                </c:pt>
                <c:pt idx="733">
                  <c:v>2.8530330726970337</c:v>
                </c:pt>
                <c:pt idx="734">
                  <c:v>2.8534832732816096</c:v>
                </c:pt>
                <c:pt idx="735">
                  <c:v>2.8565735638998513</c:v>
                </c:pt>
                <c:pt idx="736">
                  <c:v>2.860102783948824</c:v>
                </c:pt>
                <c:pt idx="737">
                  <c:v>2.8639957419285342</c:v>
                </c:pt>
                <c:pt idx="738">
                  <c:v>2.8682676209889473</c:v>
                </c:pt>
                <c:pt idx="739">
                  <c:v>2.8718934354819989</c:v>
                </c:pt>
                <c:pt idx="740">
                  <c:v>2.8727799561901399</c:v>
                </c:pt>
                <c:pt idx="741">
                  <c:v>2.8723118382550261</c:v>
                </c:pt>
                <c:pt idx="742">
                  <c:v>2.8750927454488768</c:v>
                </c:pt>
                <c:pt idx="743">
                  <c:v>2.8777954135891779</c:v>
                </c:pt>
                <c:pt idx="744">
                  <c:v>2.8799422043810257</c:v>
                </c:pt>
                <c:pt idx="745">
                  <c:v>2.8834286322269849</c:v>
                </c:pt>
                <c:pt idx="746">
                  <c:v>2.8853654058879261</c:v>
                </c:pt>
                <c:pt idx="747">
                  <c:v>2.8856625062313266</c:v>
                </c:pt>
                <c:pt idx="748">
                  <c:v>2.8858996847774745</c:v>
                </c:pt>
                <c:pt idx="749">
                  <c:v>2.886689332460167</c:v>
                </c:pt>
                <c:pt idx="750">
                  <c:v>2.889250503308213</c:v>
                </c:pt>
                <c:pt idx="751">
                  <c:v>2.8897873506445753</c:v>
                </c:pt>
                <c:pt idx="752">
                  <c:v>2.8922375411704042</c:v>
                </c:pt>
                <c:pt idx="753">
                  <c:v>2.8942831540009042</c:v>
                </c:pt>
                <c:pt idx="754">
                  <c:v>2.8978638420479963</c:v>
                </c:pt>
                <c:pt idx="755">
                  <c:v>2.8978283579237827</c:v>
                </c:pt>
                <c:pt idx="756">
                  <c:v>2.8990443533242618</c:v>
                </c:pt>
                <c:pt idx="757">
                  <c:v>2.8988182667040112</c:v>
                </c:pt>
                <c:pt idx="758">
                  <c:v>2.9004943701678303</c:v>
                </c:pt>
                <c:pt idx="759">
                  <c:v>2.9022925292284043</c:v>
                </c:pt>
                <c:pt idx="760">
                  <c:v>2.9038679627692594</c:v>
                </c:pt>
                <c:pt idx="761">
                  <c:v>2.9048146542620978</c:v>
                </c:pt>
                <c:pt idx="762">
                  <c:v>2.9068001337655289</c:v>
                </c:pt>
                <c:pt idx="763">
                  <c:v>2.908775990913175</c:v>
                </c:pt>
                <c:pt idx="764">
                  <c:v>2.9121012719770336</c:v>
                </c:pt>
                <c:pt idx="765">
                  <c:v>2.9133668334708083</c:v>
                </c:pt>
                <c:pt idx="766">
                  <c:v>2.9159092149646133</c:v>
                </c:pt>
                <c:pt idx="767">
                  <c:v>2.919083906536176</c:v>
                </c:pt>
                <c:pt idx="768">
                  <c:v>2.9213154625914348</c:v>
                </c:pt>
                <c:pt idx="769">
                  <c:v>2.9218313803574683</c:v>
                </c:pt>
                <c:pt idx="770">
                  <c:v>2.9254803806532541</c:v>
                </c:pt>
                <c:pt idx="771">
                  <c:v>2.9275003400932809</c:v>
                </c:pt>
                <c:pt idx="772">
                  <c:v>2.9303998755578866</c:v>
                </c:pt>
                <c:pt idx="773">
                  <c:v>2.9325383455898253</c:v>
                </c:pt>
                <c:pt idx="774">
                  <c:v>2.9332163433097183</c:v>
                </c:pt>
                <c:pt idx="775">
                  <c:v>2.9353405117116513</c:v>
                </c:pt>
                <c:pt idx="776">
                  <c:v>2.9354646325577467</c:v>
                </c:pt>
                <c:pt idx="777">
                  <c:v>2.9361584551715443</c:v>
                </c:pt>
                <c:pt idx="778">
                  <c:v>2.9361996024138137</c:v>
                </c:pt>
                <c:pt idx="779">
                  <c:v>2.9369526592938264</c:v>
                </c:pt>
                <c:pt idx="780">
                  <c:v>2.9393799960849782</c:v>
                </c:pt>
                <c:pt idx="781">
                  <c:v>2.942738730584713</c:v>
                </c:pt>
                <c:pt idx="782">
                  <c:v>2.9442471533350911</c:v>
                </c:pt>
                <c:pt idx="783">
                  <c:v>2.9456394415387499</c:v>
                </c:pt>
                <c:pt idx="784">
                  <c:v>2.9473854904427657</c:v>
                </c:pt>
                <c:pt idx="785">
                  <c:v>2.9485097432562144</c:v>
                </c:pt>
                <c:pt idx="786">
                  <c:v>2.9481223546235182</c:v>
                </c:pt>
                <c:pt idx="787">
                  <c:v>2.9520507596867356</c:v>
                </c:pt>
                <c:pt idx="788">
                  <c:v>2.9535384670414664</c:v>
                </c:pt>
                <c:pt idx="789">
                  <c:v>2.9556710327585236</c:v>
                </c:pt>
                <c:pt idx="790">
                  <c:v>2.9578650770620789</c:v>
                </c:pt>
                <c:pt idx="791">
                  <c:v>2.9599188728854342</c:v>
                </c:pt>
                <c:pt idx="792">
                  <c:v>2.9612499008651696</c:v>
                </c:pt>
                <c:pt idx="793">
                  <c:v>2.9630489330896452</c:v>
                </c:pt>
                <c:pt idx="794">
                  <c:v>2.9647803864810678</c:v>
                </c:pt>
                <c:pt idx="795">
                  <c:v>2.9668550825183173</c:v>
                </c:pt>
                <c:pt idx="796">
                  <c:v>2.9693246612362874</c:v>
                </c:pt>
                <c:pt idx="797">
                  <c:v>2.9709386997053437</c:v>
                </c:pt>
                <c:pt idx="798">
                  <c:v>2.9727505216836723</c:v>
                </c:pt>
                <c:pt idx="799">
                  <c:v>2.9730851010143375</c:v>
                </c:pt>
                <c:pt idx="800">
                  <c:v>2.9735465694984029</c:v>
                </c:pt>
                <c:pt idx="801">
                  <c:v>2.9751108968553552</c:v>
                </c:pt>
                <c:pt idx="802">
                  <c:v>2.9751246383026273</c:v>
                </c:pt>
                <c:pt idx="803">
                  <c:v>2.9794299290139121</c:v>
                </c:pt>
                <c:pt idx="804">
                  <c:v>2.9795375922594385</c:v>
                </c:pt>
                <c:pt idx="805">
                  <c:v>2.9817812791815763</c:v>
                </c:pt>
                <c:pt idx="806">
                  <c:v>2.9845284608996638</c:v>
                </c:pt>
                <c:pt idx="807">
                  <c:v>2.9859883888046417</c:v>
                </c:pt>
                <c:pt idx="808">
                  <c:v>2.9863172954700561</c:v>
                </c:pt>
                <c:pt idx="809">
                  <c:v>2.9873242098719435</c:v>
                </c:pt>
                <c:pt idx="810">
                  <c:v>2.9902236977804382</c:v>
                </c:pt>
                <c:pt idx="811">
                  <c:v>2.9923781602317181</c:v>
                </c:pt>
                <c:pt idx="812">
                  <c:v>2.9951548510942549</c:v>
                </c:pt>
                <c:pt idx="813">
                  <c:v>2.9963756239292425</c:v>
                </c:pt>
                <c:pt idx="814">
                  <c:v>2.9981017838390374</c:v>
                </c:pt>
                <c:pt idx="815">
                  <c:v>2.9995202012490565</c:v>
                </c:pt>
                <c:pt idx="816">
                  <c:v>3.0025850441075344</c:v>
                </c:pt>
                <c:pt idx="817">
                  <c:v>3.0041963854753484</c:v>
                </c:pt>
                <c:pt idx="818">
                  <c:v>3.0065256388549133</c:v>
                </c:pt>
                <c:pt idx="819">
                  <c:v>3.0087786602422355</c:v>
                </c:pt>
                <c:pt idx="820">
                  <c:v>3.0114376691118192</c:v>
                </c:pt>
                <c:pt idx="821">
                  <c:v>3.0141491568021039</c:v>
                </c:pt>
                <c:pt idx="822">
                  <c:v>3.0150915482102829</c:v>
                </c:pt>
                <c:pt idx="823">
                  <c:v>3.018696019209735</c:v>
                </c:pt>
                <c:pt idx="824">
                  <c:v>3.0189397937032796</c:v>
                </c:pt>
                <c:pt idx="825">
                  <c:v>3.0209489458161891</c:v>
                </c:pt>
                <c:pt idx="826">
                  <c:v>3.022747300577973</c:v>
                </c:pt>
                <c:pt idx="827">
                  <c:v>3.0213474890489573</c:v>
                </c:pt>
                <c:pt idx="828">
                  <c:v>3.0222574892192706</c:v>
                </c:pt>
                <c:pt idx="829">
                  <c:v>3.0239309242470567</c:v>
                </c:pt>
                <c:pt idx="830">
                  <c:v>3.0243499564321961</c:v>
                </c:pt>
                <c:pt idx="831">
                  <c:v>3.0289198111369706</c:v>
                </c:pt>
                <c:pt idx="832">
                  <c:v>3.0313905649326252</c:v>
                </c:pt>
                <c:pt idx="833">
                  <c:v>3.0341989893556973</c:v>
                </c:pt>
                <c:pt idx="834">
                  <c:v>3.033377626124635</c:v>
                </c:pt>
                <c:pt idx="835">
                  <c:v>3.0347076580513113</c:v>
                </c:pt>
                <c:pt idx="836">
                  <c:v>3.0360405838816016</c:v>
                </c:pt>
                <c:pt idx="837">
                  <c:v>3.0391004876018655</c:v>
                </c:pt>
                <c:pt idx="838">
                  <c:v>3.0403551425351676</c:v>
                </c:pt>
                <c:pt idx="839">
                  <c:v>3.0432899922635275</c:v>
                </c:pt>
                <c:pt idx="840">
                  <c:v>3.0458555735792223</c:v>
                </c:pt>
                <c:pt idx="841">
                  <c:v>3.0484283091118067</c:v>
                </c:pt>
                <c:pt idx="842">
                  <c:v>3.0520443604141461</c:v>
                </c:pt>
                <c:pt idx="843">
                  <c:v>3.055978143063657</c:v>
                </c:pt>
                <c:pt idx="844">
                  <c:v>3.0565028927834033</c:v>
                </c:pt>
                <c:pt idx="845">
                  <c:v>3.0601811009244568</c:v>
                </c:pt>
                <c:pt idx="846">
                  <c:v>3.0617259005420157</c:v>
                </c:pt>
                <c:pt idx="847">
                  <c:v>3.0628600130093964</c:v>
                </c:pt>
                <c:pt idx="848">
                  <c:v>3.065059673644047</c:v>
                </c:pt>
                <c:pt idx="849">
                  <c:v>3.0675136416947573</c:v>
                </c:pt>
                <c:pt idx="850">
                  <c:v>3.0694361920466684</c:v>
                </c:pt>
                <c:pt idx="851">
                  <c:v>3.0718459759515317</c:v>
                </c:pt>
                <c:pt idx="852">
                  <c:v>3.0758193686511275</c:v>
                </c:pt>
                <c:pt idx="853">
                  <c:v>3.0783037455344426</c:v>
                </c:pt>
                <c:pt idx="854">
                  <c:v>3.0800683173000869</c:v>
                </c:pt>
                <c:pt idx="855">
                  <c:v>3.0819965983626005</c:v>
                </c:pt>
                <c:pt idx="856">
                  <c:v>3.0814369444647358</c:v>
                </c:pt>
                <c:pt idx="857">
                  <c:v>3.0839458773185986</c:v>
                </c:pt>
                <c:pt idx="858">
                  <c:v>3.0843190050837901</c:v>
                </c:pt>
                <c:pt idx="859">
                  <c:v>3.0878841632886216</c:v>
                </c:pt>
                <c:pt idx="860">
                  <c:v>3.0875875619761728</c:v>
                </c:pt>
                <c:pt idx="861">
                  <c:v>3.090922992010952</c:v>
                </c:pt>
                <c:pt idx="862">
                  <c:v>3.0934954913042452</c:v>
                </c:pt>
                <c:pt idx="863">
                  <c:v>3.0950431930488707</c:v>
                </c:pt>
                <c:pt idx="864">
                  <c:v>3.0968196423697059</c:v>
                </c:pt>
                <c:pt idx="865">
                  <c:v>3.1002129905058182</c:v>
                </c:pt>
                <c:pt idx="866">
                  <c:v>3.1056840375252026</c:v>
                </c:pt>
                <c:pt idx="867">
                  <c:v>3.1086159912985245</c:v>
                </c:pt>
                <c:pt idx="868">
                  <c:v>3.1125894418282019</c:v>
                </c:pt>
                <c:pt idx="869">
                  <c:v>3.114579683437853</c:v>
                </c:pt>
                <c:pt idx="870">
                  <c:v>3.1161088788793858</c:v>
                </c:pt>
                <c:pt idx="871">
                  <c:v>3.1173539015695555</c:v>
                </c:pt>
                <c:pt idx="872">
                  <c:v>3.1184651178885847</c:v>
                </c:pt>
                <c:pt idx="873">
                  <c:v>3.1220742236042001</c:v>
                </c:pt>
                <c:pt idx="874">
                  <c:v>3.1233275539647414</c:v>
                </c:pt>
                <c:pt idx="875">
                  <c:v>3.1266760975244607</c:v>
                </c:pt>
                <c:pt idx="876">
                  <c:v>3.1309229821100057</c:v>
                </c:pt>
                <c:pt idx="877">
                  <c:v>3.1342244188239827</c:v>
                </c:pt>
                <c:pt idx="878">
                  <c:v>3.1354906513197056</c:v>
                </c:pt>
                <c:pt idx="879">
                  <c:v>3.1364230553622932</c:v>
                </c:pt>
                <c:pt idx="880">
                  <c:v>3.1390851397215327</c:v>
                </c:pt>
                <c:pt idx="881">
                  <c:v>3.1406804575594762</c:v>
                </c:pt>
                <c:pt idx="882">
                  <c:v>3.1409157912674672</c:v>
                </c:pt>
                <c:pt idx="883">
                  <c:v>3.1397366315014552</c:v>
                </c:pt>
                <c:pt idx="884">
                  <c:v>3.1407941946318916</c:v>
                </c:pt>
                <c:pt idx="885">
                  <c:v>3.143763847699812</c:v>
                </c:pt>
                <c:pt idx="886">
                  <c:v>3.1458527288966467</c:v>
                </c:pt>
                <c:pt idx="887">
                  <c:v>3.1474830231489075</c:v>
                </c:pt>
                <c:pt idx="888">
                  <c:v>3.1514286676577026</c:v>
                </c:pt>
                <c:pt idx="889">
                  <c:v>3.1518505708929805</c:v>
                </c:pt>
                <c:pt idx="890">
                  <c:v>3.1550869173297507</c:v>
                </c:pt>
                <c:pt idx="891">
                  <c:v>3.1585924460021042</c:v>
                </c:pt>
                <c:pt idx="892">
                  <c:v>3.1628072967235843</c:v>
                </c:pt>
                <c:pt idx="893">
                  <c:v>3.163657784366507</c:v>
                </c:pt>
                <c:pt idx="894">
                  <c:v>3.167597649183624</c:v>
                </c:pt>
                <c:pt idx="895">
                  <c:v>3.1694484096578801</c:v>
                </c:pt>
                <c:pt idx="896">
                  <c:v>3.1711217285745303</c:v>
                </c:pt>
                <c:pt idx="897">
                  <c:v>3.1735606462540979</c:v>
                </c:pt>
                <c:pt idx="898">
                  <c:v>3.1746075978069315</c:v>
                </c:pt>
                <c:pt idx="899">
                  <c:v>3.176648498505108</c:v>
                </c:pt>
                <c:pt idx="900">
                  <c:v>3.176427598455501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E6FC-4977-90EA-FB5C23213F1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936558127"/>
        <c:axId val="936556207"/>
      </c:scatterChart>
      <c:valAx>
        <c:axId val="936558127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ja-JP" altLang="en-US" sz="1800" baseline="0"/>
                  <a:t>時間</a:t>
                </a:r>
                <a:r>
                  <a:rPr lang="en-US" altLang="ja-JP" sz="1800" baseline="0"/>
                  <a:t> [s]</a:t>
                </a:r>
                <a:endParaRPr lang="ja-JP" altLang="en-US" sz="1800" baseline="0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ja-JP" altLang="en-US"/>
            </a:p>
          </c:txPr>
        </c:title>
        <c:numFmt formatCode="General" sourceLinked="1"/>
        <c:majorTickMark val="none"/>
        <c:minorTickMark val="none"/>
        <c:tickLblPos val="low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936556207"/>
        <c:crosses val="autoZero"/>
        <c:crossBetween val="midCat"/>
      </c:valAx>
      <c:valAx>
        <c:axId val="936556207"/>
        <c:scaling>
          <c:orientation val="minMax"/>
          <c:max val="20"/>
          <c:min val="-2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altLang="ja-JP" sz="1800" b="0" i="0" u="none" strike="noStrike" kern="1200" baseline="0">
                    <a:solidFill>
                      <a:sysClr val="windowText" lastClr="000000">
                        <a:lumMod val="65000"/>
                        <a:lumOff val="35000"/>
                      </a:sysClr>
                    </a:solidFill>
                  </a:rPr>
                  <a:t>y</a:t>
                </a:r>
                <a:r>
                  <a:rPr lang="ja-JP" altLang="en-US" sz="1800" b="0" i="0" u="none" strike="noStrike" kern="1200" baseline="0">
                    <a:solidFill>
                      <a:sysClr val="windowText" lastClr="000000">
                        <a:lumMod val="65000"/>
                        <a:lumOff val="35000"/>
                      </a:sysClr>
                    </a:solidFill>
                  </a:rPr>
                  <a:t>方向の</a:t>
                </a:r>
                <a:r>
                  <a:rPr lang="ja-JP" altLang="en-US" sz="1800" baseline="0"/>
                  <a:t>座標</a:t>
                </a:r>
                <a:r>
                  <a:rPr lang="en-US" altLang="ja-JP" sz="1800" baseline="0"/>
                  <a:t> [ cm]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ja-JP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936558127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54505544517938354"/>
          <c:y val="0.61460021297054079"/>
          <c:w val="0.28284522322469302"/>
          <c:h val="0.17006334503337203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6588114903255363"/>
          <c:y val="0.16099399144201496"/>
          <c:w val="0.79433533287947478"/>
          <c:h val="0.66837366900687201"/>
        </c:manualLayout>
      </c:layout>
      <c:scatterChart>
        <c:scatterStyle val="lineMarker"/>
        <c:varyColors val="0"/>
        <c:ser>
          <c:idx val="0"/>
          <c:order val="0"/>
          <c:tx>
            <c:strRef>
              <c:f>'力(2秒)'!$G$1</c:f>
              <c:strCache>
                <c:ptCount val="1"/>
                <c:pt idx="0">
                  <c:v>Aに加わる力のx成分</c:v>
                </c:pt>
              </c:strCache>
            </c:strRef>
          </c:tx>
          <c:spPr>
            <a:ln w="381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力(2秒)'!$A$2:$A$902</c:f>
              <c:numCache>
                <c:formatCode>General</c:formatCode>
                <c:ptCount val="901"/>
                <c:pt idx="0">
                  <c:v>0</c:v>
                </c:pt>
                <c:pt idx="1">
                  <c:v>3.3333333333333333E-2</c:v>
                </c:pt>
                <c:pt idx="2">
                  <c:v>6.6666666666666666E-2</c:v>
                </c:pt>
                <c:pt idx="3">
                  <c:v>0.1</c:v>
                </c:pt>
                <c:pt idx="4">
                  <c:v>0.13333333333333333</c:v>
                </c:pt>
                <c:pt idx="5">
                  <c:v>0.16666666666666666</c:v>
                </c:pt>
                <c:pt idx="6">
                  <c:v>0.2</c:v>
                </c:pt>
                <c:pt idx="7">
                  <c:v>0.23333333333333334</c:v>
                </c:pt>
                <c:pt idx="8">
                  <c:v>0.26666666666666666</c:v>
                </c:pt>
                <c:pt idx="9">
                  <c:v>0.3</c:v>
                </c:pt>
                <c:pt idx="10">
                  <c:v>0.33333333333333331</c:v>
                </c:pt>
                <c:pt idx="11">
                  <c:v>0.36666666666666664</c:v>
                </c:pt>
                <c:pt idx="12">
                  <c:v>0.4</c:v>
                </c:pt>
                <c:pt idx="13">
                  <c:v>0.43333333333333335</c:v>
                </c:pt>
                <c:pt idx="14">
                  <c:v>0.46666666666666667</c:v>
                </c:pt>
                <c:pt idx="15">
                  <c:v>0.5</c:v>
                </c:pt>
                <c:pt idx="16">
                  <c:v>0.53333333333333333</c:v>
                </c:pt>
                <c:pt idx="17">
                  <c:v>0.56666666666666665</c:v>
                </c:pt>
                <c:pt idx="18">
                  <c:v>0.6</c:v>
                </c:pt>
                <c:pt idx="19">
                  <c:v>0.6333333333333333</c:v>
                </c:pt>
                <c:pt idx="20">
                  <c:v>0.66666666666666663</c:v>
                </c:pt>
                <c:pt idx="21">
                  <c:v>0.7</c:v>
                </c:pt>
                <c:pt idx="22">
                  <c:v>0.73333333333333328</c:v>
                </c:pt>
                <c:pt idx="23">
                  <c:v>0.76666666666666672</c:v>
                </c:pt>
                <c:pt idx="24">
                  <c:v>0.8</c:v>
                </c:pt>
                <c:pt idx="25">
                  <c:v>0.83333333333333337</c:v>
                </c:pt>
                <c:pt idx="26">
                  <c:v>0.8666666666666667</c:v>
                </c:pt>
                <c:pt idx="27">
                  <c:v>0.9</c:v>
                </c:pt>
                <c:pt idx="28">
                  <c:v>0.93333333333333335</c:v>
                </c:pt>
                <c:pt idx="29">
                  <c:v>0.96666666666666667</c:v>
                </c:pt>
                <c:pt idx="30">
                  <c:v>1</c:v>
                </c:pt>
                <c:pt idx="31">
                  <c:v>1.0333333333333334</c:v>
                </c:pt>
                <c:pt idx="32">
                  <c:v>1.0666666666666667</c:v>
                </c:pt>
                <c:pt idx="33">
                  <c:v>1.1000000000000001</c:v>
                </c:pt>
                <c:pt idx="34">
                  <c:v>1.1333333333333333</c:v>
                </c:pt>
                <c:pt idx="35">
                  <c:v>1.1666666666666667</c:v>
                </c:pt>
                <c:pt idx="36">
                  <c:v>1.2</c:v>
                </c:pt>
                <c:pt idx="37">
                  <c:v>1.2333333333333334</c:v>
                </c:pt>
                <c:pt idx="38">
                  <c:v>1.2666666666666666</c:v>
                </c:pt>
                <c:pt idx="39">
                  <c:v>1.3</c:v>
                </c:pt>
                <c:pt idx="40">
                  <c:v>1.3333333333333333</c:v>
                </c:pt>
                <c:pt idx="41">
                  <c:v>1.3666666666666667</c:v>
                </c:pt>
                <c:pt idx="42">
                  <c:v>1.4</c:v>
                </c:pt>
                <c:pt idx="43">
                  <c:v>1.4333333333333333</c:v>
                </c:pt>
                <c:pt idx="44">
                  <c:v>1.4666666666666666</c:v>
                </c:pt>
                <c:pt idx="45">
                  <c:v>1.5</c:v>
                </c:pt>
                <c:pt idx="46">
                  <c:v>1.5333333333333334</c:v>
                </c:pt>
                <c:pt idx="47">
                  <c:v>1.5666666666666667</c:v>
                </c:pt>
                <c:pt idx="48">
                  <c:v>1.6</c:v>
                </c:pt>
                <c:pt idx="49">
                  <c:v>1.6333333333333333</c:v>
                </c:pt>
                <c:pt idx="50">
                  <c:v>1.6666666666666667</c:v>
                </c:pt>
                <c:pt idx="51">
                  <c:v>1.7</c:v>
                </c:pt>
                <c:pt idx="52">
                  <c:v>1.7333333333333334</c:v>
                </c:pt>
                <c:pt idx="53">
                  <c:v>1.7666666666666666</c:v>
                </c:pt>
                <c:pt idx="54">
                  <c:v>1.8</c:v>
                </c:pt>
                <c:pt idx="55">
                  <c:v>1.8333333333333333</c:v>
                </c:pt>
                <c:pt idx="56">
                  <c:v>1.8666666666666667</c:v>
                </c:pt>
                <c:pt idx="57">
                  <c:v>1.9</c:v>
                </c:pt>
                <c:pt idx="58">
                  <c:v>1.9333333333333333</c:v>
                </c:pt>
                <c:pt idx="59">
                  <c:v>1.9666666666666666</c:v>
                </c:pt>
                <c:pt idx="60">
                  <c:v>2</c:v>
                </c:pt>
                <c:pt idx="61">
                  <c:v>2.0333333333333332</c:v>
                </c:pt>
                <c:pt idx="62">
                  <c:v>2.0666666666666669</c:v>
                </c:pt>
                <c:pt idx="63">
                  <c:v>2.1</c:v>
                </c:pt>
                <c:pt idx="64">
                  <c:v>2.1333333333333333</c:v>
                </c:pt>
                <c:pt idx="65">
                  <c:v>2.1666666666666665</c:v>
                </c:pt>
                <c:pt idx="66">
                  <c:v>2.2000000000000002</c:v>
                </c:pt>
                <c:pt idx="67">
                  <c:v>2.2333333333333334</c:v>
                </c:pt>
                <c:pt idx="68">
                  <c:v>2.2666666666666666</c:v>
                </c:pt>
                <c:pt idx="69">
                  <c:v>2.2999999999999998</c:v>
                </c:pt>
                <c:pt idx="70">
                  <c:v>2.3333333333333335</c:v>
                </c:pt>
                <c:pt idx="71">
                  <c:v>2.3666666666666667</c:v>
                </c:pt>
                <c:pt idx="72">
                  <c:v>2.4</c:v>
                </c:pt>
                <c:pt idx="73">
                  <c:v>2.4333333333333331</c:v>
                </c:pt>
                <c:pt idx="74">
                  <c:v>2.4666666666666668</c:v>
                </c:pt>
                <c:pt idx="75">
                  <c:v>2.5</c:v>
                </c:pt>
                <c:pt idx="76">
                  <c:v>2.5333333333333332</c:v>
                </c:pt>
                <c:pt idx="77">
                  <c:v>2.5666666666666669</c:v>
                </c:pt>
                <c:pt idx="78">
                  <c:v>2.6</c:v>
                </c:pt>
                <c:pt idx="79">
                  <c:v>2.6333333333333333</c:v>
                </c:pt>
                <c:pt idx="80">
                  <c:v>2.6666666666666665</c:v>
                </c:pt>
                <c:pt idx="81">
                  <c:v>2.7</c:v>
                </c:pt>
                <c:pt idx="82">
                  <c:v>2.7333333333333334</c:v>
                </c:pt>
                <c:pt idx="83">
                  <c:v>2.7666666666666666</c:v>
                </c:pt>
                <c:pt idx="84">
                  <c:v>2.8</c:v>
                </c:pt>
                <c:pt idx="85">
                  <c:v>2.8333333333333335</c:v>
                </c:pt>
                <c:pt idx="86">
                  <c:v>2.8666666666666667</c:v>
                </c:pt>
                <c:pt idx="87">
                  <c:v>2.9</c:v>
                </c:pt>
                <c:pt idx="88">
                  <c:v>2.9333333333333331</c:v>
                </c:pt>
                <c:pt idx="89">
                  <c:v>2.9666666666666668</c:v>
                </c:pt>
                <c:pt idx="90">
                  <c:v>3</c:v>
                </c:pt>
                <c:pt idx="91">
                  <c:v>3.0333333333333332</c:v>
                </c:pt>
                <c:pt idx="92">
                  <c:v>3.0666666666666669</c:v>
                </c:pt>
                <c:pt idx="93">
                  <c:v>3.1</c:v>
                </c:pt>
                <c:pt idx="94">
                  <c:v>3.1333333333333333</c:v>
                </c:pt>
                <c:pt idx="95">
                  <c:v>3.1666666666666665</c:v>
                </c:pt>
                <c:pt idx="96">
                  <c:v>3.2</c:v>
                </c:pt>
                <c:pt idx="97">
                  <c:v>3.2333333333333334</c:v>
                </c:pt>
                <c:pt idx="98">
                  <c:v>3.2666666666666666</c:v>
                </c:pt>
                <c:pt idx="99">
                  <c:v>3.3</c:v>
                </c:pt>
                <c:pt idx="100">
                  <c:v>3.3333333333333335</c:v>
                </c:pt>
                <c:pt idx="101">
                  <c:v>3.3666666666666667</c:v>
                </c:pt>
                <c:pt idx="102">
                  <c:v>3.4</c:v>
                </c:pt>
                <c:pt idx="103">
                  <c:v>3.4333333333333331</c:v>
                </c:pt>
                <c:pt idx="104">
                  <c:v>3.4666666666666668</c:v>
                </c:pt>
                <c:pt idx="105">
                  <c:v>3.5</c:v>
                </c:pt>
                <c:pt idx="106">
                  <c:v>3.5333333333333332</c:v>
                </c:pt>
                <c:pt idx="107">
                  <c:v>3.5666666666666669</c:v>
                </c:pt>
                <c:pt idx="108">
                  <c:v>3.6</c:v>
                </c:pt>
                <c:pt idx="109">
                  <c:v>3.6333333333333333</c:v>
                </c:pt>
                <c:pt idx="110">
                  <c:v>3.6666666666666665</c:v>
                </c:pt>
                <c:pt idx="111">
                  <c:v>3.7</c:v>
                </c:pt>
                <c:pt idx="112">
                  <c:v>3.7333333333333334</c:v>
                </c:pt>
                <c:pt idx="113">
                  <c:v>3.7666666666666666</c:v>
                </c:pt>
                <c:pt idx="114">
                  <c:v>3.8</c:v>
                </c:pt>
                <c:pt idx="115">
                  <c:v>3.8333333333333335</c:v>
                </c:pt>
                <c:pt idx="116">
                  <c:v>3.8666666666666667</c:v>
                </c:pt>
                <c:pt idx="117">
                  <c:v>3.9</c:v>
                </c:pt>
                <c:pt idx="118">
                  <c:v>3.9333333333333331</c:v>
                </c:pt>
                <c:pt idx="119">
                  <c:v>3.9666666666666668</c:v>
                </c:pt>
                <c:pt idx="120">
                  <c:v>4</c:v>
                </c:pt>
                <c:pt idx="121">
                  <c:v>4.0333333333333332</c:v>
                </c:pt>
                <c:pt idx="122">
                  <c:v>4.0666666666666664</c:v>
                </c:pt>
                <c:pt idx="123">
                  <c:v>4.0999999999999996</c:v>
                </c:pt>
                <c:pt idx="124">
                  <c:v>4.1333333333333337</c:v>
                </c:pt>
                <c:pt idx="125">
                  <c:v>4.166666666666667</c:v>
                </c:pt>
                <c:pt idx="126">
                  <c:v>4.2</c:v>
                </c:pt>
                <c:pt idx="127">
                  <c:v>4.2333333333333334</c:v>
                </c:pt>
                <c:pt idx="128">
                  <c:v>4.2666666666666666</c:v>
                </c:pt>
                <c:pt idx="129">
                  <c:v>4.3</c:v>
                </c:pt>
                <c:pt idx="130">
                  <c:v>4.333333333333333</c:v>
                </c:pt>
                <c:pt idx="131">
                  <c:v>4.3666666666666663</c:v>
                </c:pt>
                <c:pt idx="132">
                  <c:v>4.4000000000000004</c:v>
                </c:pt>
                <c:pt idx="133">
                  <c:v>4.4333333333333336</c:v>
                </c:pt>
                <c:pt idx="134">
                  <c:v>4.4666666666666668</c:v>
                </c:pt>
                <c:pt idx="135">
                  <c:v>4.5</c:v>
                </c:pt>
                <c:pt idx="136">
                  <c:v>4.5333333333333332</c:v>
                </c:pt>
                <c:pt idx="137">
                  <c:v>4.5666666666666664</c:v>
                </c:pt>
                <c:pt idx="138">
                  <c:v>4.5999999999999996</c:v>
                </c:pt>
                <c:pt idx="139">
                  <c:v>4.6333333333333337</c:v>
                </c:pt>
                <c:pt idx="140">
                  <c:v>4.666666666666667</c:v>
                </c:pt>
                <c:pt idx="141">
                  <c:v>4.7</c:v>
                </c:pt>
                <c:pt idx="142">
                  <c:v>4.7333333333333334</c:v>
                </c:pt>
                <c:pt idx="143">
                  <c:v>4.7666666666666666</c:v>
                </c:pt>
                <c:pt idx="144">
                  <c:v>4.8</c:v>
                </c:pt>
                <c:pt idx="145">
                  <c:v>4.833333333333333</c:v>
                </c:pt>
                <c:pt idx="146">
                  <c:v>4.8666666666666663</c:v>
                </c:pt>
                <c:pt idx="147">
                  <c:v>4.9000000000000004</c:v>
                </c:pt>
                <c:pt idx="148">
                  <c:v>4.9333333333333336</c:v>
                </c:pt>
                <c:pt idx="149">
                  <c:v>4.9666666666666668</c:v>
                </c:pt>
                <c:pt idx="150">
                  <c:v>5</c:v>
                </c:pt>
                <c:pt idx="151">
                  <c:v>5.0333333333333332</c:v>
                </c:pt>
                <c:pt idx="152">
                  <c:v>5.0666666666666664</c:v>
                </c:pt>
                <c:pt idx="153">
                  <c:v>5.0999999999999996</c:v>
                </c:pt>
                <c:pt idx="154">
                  <c:v>5.1333333333333337</c:v>
                </c:pt>
                <c:pt idx="155">
                  <c:v>5.166666666666667</c:v>
                </c:pt>
                <c:pt idx="156">
                  <c:v>5.2</c:v>
                </c:pt>
                <c:pt idx="157">
                  <c:v>5.2333333333333334</c:v>
                </c:pt>
                <c:pt idx="158">
                  <c:v>5.2666666666666666</c:v>
                </c:pt>
                <c:pt idx="159">
                  <c:v>5.3</c:v>
                </c:pt>
                <c:pt idx="160">
                  <c:v>5.333333333333333</c:v>
                </c:pt>
                <c:pt idx="161">
                  <c:v>5.3666666666666663</c:v>
                </c:pt>
                <c:pt idx="162">
                  <c:v>5.4</c:v>
                </c:pt>
                <c:pt idx="163">
                  <c:v>5.4333333333333336</c:v>
                </c:pt>
                <c:pt idx="164">
                  <c:v>5.4666666666666668</c:v>
                </c:pt>
                <c:pt idx="165">
                  <c:v>5.5</c:v>
                </c:pt>
                <c:pt idx="166">
                  <c:v>5.5333333333333332</c:v>
                </c:pt>
                <c:pt idx="167">
                  <c:v>5.5666666666666664</c:v>
                </c:pt>
                <c:pt idx="168">
                  <c:v>5.6</c:v>
                </c:pt>
                <c:pt idx="169">
                  <c:v>5.6333333333333337</c:v>
                </c:pt>
                <c:pt idx="170">
                  <c:v>5.666666666666667</c:v>
                </c:pt>
                <c:pt idx="171">
                  <c:v>5.7</c:v>
                </c:pt>
                <c:pt idx="172">
                  <c:v>5.7333333333333334</c:v>
                </c:pt>
                <c:pt idx="173">
                  <c:v>5.7666666666666666</c:v>
                </c:pt>
                <c:pt idx="174">
                  <c:v>5.8</c:v>
                </c:pt>
                <c:pt idx="175">
                  <c:v>5.833333333333333</c:v>
                </c:pt>
                <c:pt idx="176">
                  <c:v>5.8666666666666663</c:v>
                </c:pt>
                <c:pt idx="177">
                  <c:v>5.9</c:v>
                </c:pt>
                <c:pt idx="178">
                  <c:v>5.9333333333333336</c:v>
                </c:pt>
                <c:pt idx="179">
                  <c:v>5.9666666666666668</c:v>
                </c:pt>
                <c:pt idx="180">
                  <c:v>6</c:v>
                </c:pt>
                <c:pt idx="181">
                  <c:v>6.0333333333333332</c:v>
                </c:pt>
                <c:pt idx="182">
                  <c:v>6.0666666666666664</c:v>
                </c:pt>
                <c:pt idx="183">
                  <c:v>6.1</c:v>
                </c:pt>
                <c:pt idx="184">
                  <c:v>6.1333333333333337</c:v>
                </c:pt>
                <c:pt idx="185">
                  <c:v>6.166666666666667</c:v>
                </c:pt>
                <c:pt idx="186">
                  <c:v>6.2</c:v>
                </c:pt>
                <c:pt idx="187">
                  <c:v>6.2333333333333334</c:v>
                </c:pt>
                <c:pt idx="188">
                  <c:v>6.2666666666666666</c:v>
                </c:pt>
                <c:pt idx="189">
                  <c:v>6.3</c:v>
                </c:pt>
                <c:pt idx="190">
                  <c:v>6.333333333333333</c:v>
                </c:pt>
                <c:pt idx="191">
                  <c:v>6.3666666666666663</c:v>
                </c:pt>
                <c:pt idx="192">
                  <c:v>6.4</c:v>
                </c:pt>
                <c:pt idx="193">
                  <c:v>6.4333333333333336</c:v>
                </c:pt>
                <c:pt idx="194">
                  <c:v>6.4666666666666668</c:v>
                </c:pt>
                <c:pt idx="195">
                  <c:v>6.5</c:v>
                </c:pt>
                <c:pt idx="196">
                  <c:v>6.5333333333333332</c:v>
                </c:pt>
                <c:pt idx="197">
                  <c:v>6.5666666666666664</c:v>
                </c:pt>
                <c:pt idx="198">
                  <c:v>6.6</c:v>
                </c:pt>
                <c:pt idx="199">
                  <c:v>6.6333333333333337</c:v>
                </c:pt>
                <c:pt idx="200">
                  <c:v>6.666666666666667</c:v>
                </c:pt>
                <c:pt idx="201">
                  <c:v>6.7</c:v>
                </c:pt>
                <c:pt idx="202">
                  <c:v>6.7333333333333334</c:v>
                </c:pt>
                <c:pt idx="203">
                  <c:v>6.7666666666666666</c:v>
                </c:pt>
                <c:pt idx="204">
                  <c:v>6.8</c:v>
                </c:pt>
                <c:pt idx="205">
                  <c:v>6.833333333333333</c:v>
                </c:pt>
                <c:pt idx="206">
                  <c:v>6.8666666666666663</c:v>
                </c:pt>
                <c:pt idx="207">
                  <c:v>6.9</c:v>
                </c:pt>
                <c:pt idx="208">
                  <c:v>6.9333333333333336</c:v>
                </c:pt>
                <c:pt idx="209">
                  <c:v>6.9666666666666668</c:v>
                </c:pt>
                <c:pt idx="210">
                  <c:v>7</c:v>
                </c:pt>
                <c:pt idx="211">
                  <c:v>7.0333333333333332</c:v>
                </c:pt>
                <c:pt idx="212">
                  <c:v>7.0666666666666664</c:v>
                </c:pt>
                <c:pt idx="213">
                  <c:v>7.1</c:v>
                </c:pt>
                <c:pt idx="214">
                  <c:v>7.1333333333333337</c:v>
                </c:pt>
                <c:pt idx="215">
                  <c:v>7.166666666666667</c:v>
                </c:pt>
                <c:pt idx="216">
                  <c:v>7.2</c:v>
                </c:pt>
                <c:pt idx="217">
                  <c:v>7.2333333333333334</c:v>
                </c:pt>
                <c:pt idx="218">
                  <c:v>7.2666666666666666</c:v>
                </c:pt>
                <c:pt idx="219">
                  <c:v>7.3</c:v>
                </c:pt>
                <c:pt idx="220">
                  <c:v>7.333333333333333</c:v>
                </c:pt>
                <c:pt idx="221">
                  <c:v>7.3666666666666663</c:v>
                </c:pt>
                <c:pt idx="222">
                  <c:v>7.4</c:v>
                </c:pt>
                <c:pt idx="223">
                  <c:v>7.4333333333333336</c:v>
                </c:pt>
                <c:pt idx="224">
                  <c:v>7.4666666666666668</c:v>
                </c:pt>
                <c:pt idx="225">
                  <c:v>7.5</c:v>
                </c:pt>
                <c:pt idx="226">
                  <c:v>7.5333333333333332</c:v>
                </c:pt>
                <c:pt idx="227">
                  <c:v>7.5666666666666664</c:v>
                </c:pt>
                <c:pt idx="228">
                  <c:v>7.6</c:v>
                </c:pt>
                <c:pt idx="229">
                  <c:v>7.6333333333333337</c:v>
                </c:pt>
                <c:pt idx="230">
                  <c:v>7.666666666666667</c:v>
                </c:pt>
                <c:pt idx="231">
                  <c:v>7.7</c:v>
                </c:pt>
                <c:pt idx="232">
                  <c:v>7.7333333333333334</c:v>
                </c:pt>
                <c:pt idx="233">
                  <c:v>7.7666666666666666</c:v>
                </c:pt>
                <c:pt idx="234">
                  <c:v>7.8</c:v>
                </c:pt>
                <c:pt idx="235">
                  <c:v>7.833333333333333</c:v>
                </c:pt>
                <c:pt idx="236">
                  <c:v>7.8666666666666663</c:v>
                </c:pt>
                <c:pt idx="237">
                  <c:v>7.9</c:v>
                </c:pt>
                <c:pt idx="238">
                  <c:v>7.9333333333333336</c:v>
                </c:pt>
                <c:pt idx="239">
                  <c:v>7.9666666666666668</c:v>
                </c:pt>
                <c:pt idx="240">
                  <c:v>8</c:v>
                </c:pt>
                <c:pt idx="241">
                  <c:v>8.0333333333333332</c:v>
                </c:pt>
                <c:pt idx="242">
                  <c:v>8.0666666666666664</c:v>
                </c:pt>
                <c:pt idx="243">
                  <c:v>8.1</c:v>
                </c:pt>
                <c:pt idx="244">
                  <c:v>8.1333333333333329</c:v>
                </c:pt>
                <c:pt idx="245">
                  <c:v>8.1666666666666661</c:v>
                </c:pt>
                <c:pt idx="246">
                  <c:v>8.1999999999999993</c:v>
                </c:pt>
                <c:pt idx="247">
                  <c:v>8.2333333333333325</c:v>
                </c:pt>
                <c:pt idx="248">
                  <c:v>8.2666666666666675</c:v>
                </c:pt>
                <c:pt idx="249">
                  <c:v>8.3000000000000007</c:v>
                </c:pt>
                <c:pt idx="250">
                  <c:v>8.3333333333333339</c:v>
                </c:pt>
                <c:pt idx="251">
                  <c:v>8.3666666666666671</c:v>
                </c:pt>
                <c:pt idx="252">
                  <c:v>8.4</c:v>
                </c:pt>
                <c:pt idx="253">
                  <c:v>8.4333333333333336</c:v>
                </c:pt>
                <c:pt idx="254">
                  <c:v>8.4666666666666668</c:v>
                </c:pt>
                <c:pt idx="255">
                  <c:v>8.5</c:v>
                </c:pt>
                <c:pt idx="256">
                  <c:v>8.5333333333333332</c:v>
                </c:pt>
                <c:pt idx="257">
                  <c:v>8.5666666666666664</c:v>
                </c:pt>
                <c:pt idx="258">
                  <c:v>8.6</c:v>
                </c:pt>
                <c:pt idx="259">
                  <c:v>8.6333333333333329</c:v>
                </c:pt>
                <c:pt idx="260">
                  <c:v>8.6666666666666661</c:v>
                </c:pt>
                <c:pt idx="261">
                  <c:v>8.6999999999999993</c:v>
                </c:pt>
                <c:pt idx="262">
                  <c:v>8.7333333333333325</c:v>
                </c:pt>
                <c:pt idx="263">
                  <c:v>8.7666666666666675</c:v>
                </c:pt>
                <c:pt idx="264">
                  <c:v>8.8000000000000007</c:v>
                </c:pt>
                <c:pt idx="265">
                  <c:v>8.8333333333333339</c:v>
                </c:pt>
                <c:pt idx="266">
                  <c:v>8.8666666666666671</c:v>
                </c:pt>
                <c:pt idx="267">
                  <c:v>8.9</c:v>
                </c:pt>
                <c:pt idx="268">
                  <c:v>8.9333333333333336</c:v>
                </c:pt>
                <c:pt idx="269">
                  <c:v>8.9666666666666668</c:v>
                </c:pt>
                <c:pt idx="270">
                  <c:v>9</c:v>
                </c:pt>
                <c:pt idx="271">
                  <c:v>9.0333333333333332</c:v>
                </c:pt>
                <c:pt idx="272">
                  <c:v>9.0666666666666664</c:v>
                </c:pt>
                <c:pt idx="273">
                  <c:v>9.1</c:v>
                </c:pt>
                <c:pt idx="274">
                  <c:v>9.1333333333333329</c:v>
                </c:pt>
                <c:pt idx="275">
                  <c:v>9.1666666666666661</c:v>
                </c:pt>
                <c:pt idx="276">
                  <c:v>9.1999999999999993</c:v>
                </c:pt>
                <c:pt idx="277">
                  <c:v>9.2333333333333325</c:v>
                </c:pt>
                <c:pt idx="278">
                  <c:v>9.2666666666666675</c:v>
                </c:pt>
                <c:pt idx="279">
                  <c:v>9.3000000000000007</c:v>
                </c:pt>
                <c:pt idx="280">
                  <c:v>9.3333333333333339</c:v>
                </c:pt>
                <c:pt idx="281">
                  <c:v>9.3666666666666671</c:v>
                </c:pt>
                <c:pt idx="282">
                  <c:v>9.4</c:v>
                </c:pt>
                <c:pt idx="283">
                  <c:v>9.4333333333333336</c:v>
                </c:pt>
                <c:pt idx="284">
                  <c:v>9.4666666666666668</c:v>
                </c:pt>
                <c:pt idx="285">
                  <c:v>9.5</c:v>
                </c:pt>
                <c:pt idx="286">
                  <c:v>9.5333333333333332</c:v>
                </c:pt>
                <c:pt idx="287">
                  <c:v>9.5666666666666664</c:v>
                </c:pt>
                <c:pt idx="288">
                  <c:v>9.6</c:v>
                </c:pt>
                <c:pt idx="289">
                  <c:v>9.6333333333333329</c:v>
                </c:pt>
                <c:pt idx="290">
                  <c:v>9.6666666666666661</c:v>
                </c:pt>
                <c:pt idx="291">
                  <c:v>9.6999999999999993</c:v>
                </c:pt>
                <c:pt idx="292">
                  <c:v>9.7333333333333325</c:v>
                </c:pt>
                <c:pt idx="293">
                  <c:v>9.7666666666666675</c:v>
                </c:pt>
                <c:pt idx="294">
                  <c:v>9.8000000000000007</c:v>
                </c:pt>
                <c:pt idx="295">
                  <c:v>9.8333333333333339</c:v>
                </c:pt>
                <c:pt idx="296">
                  <c:v>9.8666666666666671</c:v>
                </c:pt>
                <c:pt idx="297">
                  <c:v>9.9</c:v>
                </c:pt>
                <c:pt idx="298">
                  <c:v>9.9333333333333336</c:v>
                </c:pt>
                <c:pt idx="299">
                  <c:v>9.9666666666666668</c:v>
                </c:pt>
                <c:pt idx="300">
                  <c:v>10</c:v>
                </c:pt>
                <c:pt idx="301">
                  <c:v>10.033333333333333</c:v>
                </c:pt>
                <c:pt idx="302">
                  <c:v>10.066666666666666</c:v>
                </c:pt>
                <c:pt idx="303">
                  <c:v>10.1</c:v>
                </c:pt>
                <c:pt idx="304">
                  <c:v>10.133333333333333</c:v>
                </c:pt>
                <c:pt idx="305">
                  <c:v>10.166666666666666</c:v>
                </c:pt>
                <c:pt idx="306">
                  <c:v>10.199999999999999</c:v>
                </c:pt>
                <c:pt idx="307">
                  <c:v>10.233333333333333</c:v>
                </c:pt>
                <c:pt idx="308">
                  <c:v>10.266666666666667</c:v>
                </c:pt>
                <c:pt idx="309">
                  <c:v>10.3</c:v>
                </c:pt>
                <c:pt idx="310">
                  <c:v>10.333333333333334</c:v>
                </c:pt>
                <c:pt idx="311">
                  <c:v>10.366666666666667</c:v>
                </c:pt>
                <c:pt idx="312">
                  <c:v>10.4</c:v>
                </c:pt>
                <c:pt idx="313">
                  <c:v>10.433333333333334</c:v>
                </c:pt>
                <c:pt idx="314">
                  <c:v>10.466666666666667</c:v>
                </c:pt>
                <c:pt idx="315">
                  <c:v>10.5</c:v>
                </c:pt>
                <c:pt idx="316">
                  <c:v>10.533333333333333</c:v>
                </c:pt>
                <c:pt idx="317">
                  <c:v>10.566666666666666</c:v>
                </c:pt>
                <c:pt idx="318">
                  <c:v>10.6</c:v>
                </c:pt>
                <c:pt idx="319">
                  <c:v>10.633333333333333</c:v>
                </c:pt>
                <c:pt idx="320">
                  <c:v>10.666666666666666</c:v>
                </c:pt>
                <c:pt idx="321">
                  <c:v>10.7</c:v>
                </c:pt>
                <c:pt idx="322">
                  <c:v>10.733333333333333</c:v>
                </c:pt>
                <c:pt idx="323">
                  <c:v>10.766666666666667</c:v>
                </c:pt>
                <c:pt idx="324">
                  <c:v>10.8</c:v>
                </c:pt>
                <c:pt idx="325">
                  <c:v>10.833333333333334</c:v>
                </c:pt>
                <c:pt idx="326">
                  <c:v>10.866666666666667</c:v>
                </c:pt>
                <c:pt idx="327">
                  <c:v>10.9</c:v>
                </c:pt>
                <c:pt idx="328">
                  <c:v>10.933333333333334</c:v>
                </c:pt>
                <c:pt idx="329">
                  <c:v>10.966666666666667</c:v>
                </c:pt>
                <c:pt idx="330">
                  <c:v>11</c:v>
                </c:pt>
                <c:pt idx="331">
                  <c:v>11.033333333333333</c:v>
                </c:pt>
                <c:pt idx="332">
                  <c:v>11.066666666666666</c:v>
                </c:pt>
                <c:pt idx="333">
                  <c:v>11.1</c:v>
                </c:pt>
                <c:pt idx="334">
                  <c:v>11.133333333333333</c:v>
                </c:pt>
                <c:pt idx="335">
                  <c:v>11.166666666666666</c:v>
                </c:pt>
                <c:pt idx="336">
                  <c:v>11.2</c:v>
                </c:pt>
                <c:pt idx="337">
                  <c:v>11.233333333333333</c:v>
                </c:pt>
                <c:pt idx="338">
                  <c:v>11.266666666666667</c:v>
                </c:pt>
                <c:pt idx="339">
                  <c:v>11.3</c:v>
                </c:pt>
                <c:pt idx="340">
                  <c:v>11.333333333333334</c:v>
                </c:pt>
                <c:pt idx="341">
                  <c:v>11.366666666666667</c:v>
                </c:pt>
                <c:pt idx="342">
                  <c:v>11.4</c:v>
                </c:pt>
                <c:pt idx="343">
                  <c:v>11.433333333333334</c:v>
                </c:pt>
                <c:pt idx="344">
                  <c:v>11.466666666666667</c:v>
                </c:pt>
                <c:pt idx="345">
                  <c:v>11.5</c:v>
                </c:pt>
                <c:pt idx="346">
                  <c:v>11.533333333333333</c:v>
                </c:pt>
                <c:pt idx="347">
                  <c:v>11.566666666666666</c:v>
                </c:pt>
                <c:pt idx="348">
                  <c:v>11.6</c:v>
                </c:pt>
                <c:pt idx="349">
                  <c:v>11.633333333333333</c:v>
                </c:pt>
                <c:pt idx="350">
                  <c:v>11.666666666666666</c:v>
                </c:pt>
                <c:pt idx="351">
                  <c:v>11.7</c:v>
                </c:pt>
                <c:pt idx="352">
                  <c:v>11.733333333333333</c:v>
                </c:pt>
                <c:pt idx="353">
                  <c:v>11.766666666666667</c:v>
                </c:pt>
                <c:pt idx="354">
                  <c:v>11.8</c:v>
                </c:pt>
                <c:pt idx="355">
                  <c:v>11.833333333333334</c:v>
                </c:pt>
                <c:pt idx="356">
                  <c:v>11.866666666666667</c:v>
                </c:pt>
                <c:pt idx="357">
                  <c:v>11.9</c:v>
                </c:pt>
                <c:pt idx="358">
                  <c:v>11.933333333333334</c:v>
                </c:pt>
                <c:pt idx="359">
                  <c:v>11.966666666666667</c:v>
                </c:pt>
                <c:pt idx="360">
                  <c:v>12</c:v>
                </c:pt>
                <c:pt idx="361">
                  <c:v>12.033333333333333</c:v>
                </c:pt>
                <c:pt idx="362">
                  <c:v>12.066666666666666</c:v>
                </c:pt>
                <c:pt idx="363">
                  <c:v>12.1</c:v>
                </c:pt>
                <c:pt idx="364">
                  <c:v>12.133333333333333</c:v>
                </c:pt>
                <c:pt idx="365">
                  <c:v>12.166666666666666</c:v>
                </c:pt>
                <c:pt idx="366">
                  <c:v>12.2</c:v>
                </c:pt>
                <c:pt idx="367">
                  <c:v>12.233333333333333</c:v>
                </c:pt>
                <c:pt idx="368">
                  <c:v>12.266666666666667</c:v>
                </c:pt>
                <c:pt idx="369">
                  <c:v>12.3</c:v>
                </c:pt>
                <c:pt idx="370">
                  <c:v>12.333333333333334</c:v>
                </c:pt>
                <c:pt idx="371">
                  <c:v>12.366666666666667</c:v>
                </c:pt>
                <c:pt idx="372">
                  <c:v>12.4</c:v>
                </c:pt>
                <c:pt idx="373">
                  <c:v>12.433333333333334</c:v>
                </c:pt>
                <c:pt idx="374">
                  <c:v>12.466666666666667</c:v>
                </c:pt>
                <c:pt idx="375">
                  <c:v>12.5</c:v>
                </c:pt>
                <c:pt idx="376">
                  <c:v>12.533333333333333</c:v>
                </c:pt>
                <c:pt idx="377">
                  <c:v>12.566666666666666</c:v>
                </c:pt>
                <c:pt idx="378">
                  <c:v>12.6</c:v>
                </c:pt>
                <c:pt idx="379">
                  <c:v>12.633333333333333</c:v>
                </c:pt>
                <c:pt idx="380">
                  <c:v>12.666666666666666</c:v>
                </c:pt>
                <c:pt idx="381">
                  <c:v>12.7</c:v>
                </c:pt>
                <c:pt idx="382">
                  <c:v>12.733333333333333</c:v>
                </c:pt>
                <c:pt idx="383">
                  <c:v>12.766666666666667</c:v>
                </c:pt>
                <c:pt idx="384">
                  <c:v>12.8</c:v>
                </c:pt>
                <c:pt idx="385">
                  <c:v>12.833333333333334</c:v>
                </c:pt>
                <c:pt idx="386">
                  <c:v>12.866666666666667</c:v>
                </c:pt>
                <c:pt idx="387">
                  <c:v>12.9</c:v>
                </c:pt>
                <c:pt idx="388">
                  <c:v>12.933333333333334</c:v>
                </c:pt>
                <c:pt idx="389">
                  <c:v>12.966666666666667</c:v>
                </c:pt>
                <c:pt idx="390">
                  <c:v>13</c:v>
                </c:pt>
                <c:pt idx="391">
                  <c:v>13.033333333333333</c:v>
                </c:pt>
                <c:pt idx="392">
                  <c:v>13.066666666666666</c:v>
                </c:pt>
                <c:pt idx="393">
                  <c:v>13.1</c:v>
                </c:pt>
                <c:pt idx="394">
                  <c:v>13.133333333333333</c:v>
                </c:pt>
                <c:pt idx="395">
                  <c:v>13.166666666666666</c:v>
                </c:pt>
                <c:pt idx="396">
                  <c:v>13.2</c:v>
                </c:pt>
                <c:pt idx="397">
                  <c:v>13.233333333333333</c:v>
                </c:pt>
                <c:pt idx="398">
                  <c:v>13.266666666666667</c:v>
                </c:pt>
                <c:pt idx="399">
                  <c:v>13.3</c:v>
                </c:pt>
                <c:pt idx="400">
                  <c:v>13.333333333333334</c:v>
                </c:pt>
                <c:pt idx="401">
                  <c:v>13.366666666666667</c:v>
                </c:pt>
                <c:pt idx="402">
                  <c:v>13.4</c:v>
                </c:pt>
                <c:pt idx="403">
                  <c:v>13.433333333333334</c:v>
                </c:pt>
                <c:pt idx="404">
                  <c:v>13.466666666666667</c:v>
                </c:pt>
                <c:pt idx="405">
                  <c:v>13.5</c:v>
                </c:pt>
                <c:pt idx="406">
                  <c:v>13.533333333333333</c:v>
                </c:pt>
                <c:pt idx="407">
                  <c:v>13.566666666666666</c:v>
                </c:pt>
                <c:pt idx="408">
                  <c:v>13.6</c:v>
                </c:pt>
                <c:pt idx="409">
                  <c:v>13.633333333333333</c:v>
                </c:pt>
                <c:pt idx="410">
                  <c:v>13.666666666666666</c:v>
                </c:pt>
                <c:pt idx="411">
                  <c:v>13.7</c:v>
                </c:pt>
                <c:pt idx="412">
                  <c:v>13.733333333333333</c:v>
                </c:pt>
                <c:pt idx="413">
                  <c:v>13.766666666666667</c:v>
                </c:pt>
                <c:pt idx="414">
                  <c:v>13.8</c:v>
                </c:pt>
                <c:pt idx="415">
                  <c:v>13.833333333333334</c:v>
                </c:pt>
                <c:pt idx="416">
                  <c:v>13.866666666666667</c:v>
                </c:pt>
                <c:pt idx="417">
                  <c:v>13.9</c:v>
                </c:pt>
                <c:pt idx="418">
                  <c:v>13.933333333333334</c:v>
                </c:pt>
                <c:pt idx="419">
                  <c:v>13.966666666666667</c:v>
                </c:pt>
                <c:pt idx="420">
                  <c:v>14</c:v>
                </c:pt>
                <c:pt idx="421">
                  <c:v>14.033333333333333</c:v>
                </c:pt>
                <c:pt idx="422">
                  <c:v>14.066666666666666</c:v>
                </c:pt>
                <c:pt idx="423">
                  <c:v>14.1</c:v>
                </c:pt>
                <c:pt idx="424">
                  <c:v>14.133333333333333</c:v>
                </c:pt>
                <c:pt idx="425">
                  <c:v>14.166666666666666</c:v>
                </c:pt>
                <c:pt idx="426">
                  <c:v>14.2</c:v>
                </c:pt>
                <c:pt idx="427">
                  <c:v>14.233333333333333</c:v>
                </c:pt>
                <c:pt idx="428">
                  <c:v>14.266666666666667</c:v>
                </c:pt>
                <c:pt idx="429">
                  <c:v>14.3</c:v>
                </c:pt>
                <c:pt idx="430">
                  <c:v>14.333333333333334</c:v>
                </c:pt>
                <c:pt idx="431">
                  <c:v>14.366666666666667</c:v>
                </c:pt>
                <c:pt idx="432">
                  <c:v>14.4</c:v>
                </c:pt>
                <c:pt idx="433">
                  <c:v>14.433333333333334</c:v>
                </c:pt>
                <c:pt idx="434">
                  <c:v>14.466666666666667</c:v>
                </c:pt>
                <c:pt idx="435">
                  <c:v>14.5</c:v>
                </c:pt>
                <c:pt idx="436">
                  <c:v>14.533333333333333</c:v>
                </c:pt>
                <c:pt idx="437">
                  <c:v>14.566666666666666</c:v>
                </c:pt>
                <c:pt idx="438">
                  <c:v>14.6</c:v>
                </c:pt>
                <c:pt idx="439">
                  <c:v>14.633333333333333</c:v>
                </c:pt>
                <c:pt idx="440">
                  <c:v>14.666666666666666</c:v>
                </c:pt>
                <c:pt idx="441">
                  <c:v>14.7</c:v>
                </c:pt>
                <c:pt idx="442">
                  <c:v>14.733333333333333</c:v>
                </c:pt>
                <c:pt idx="443">
                  <c:v>14.766666666666667</c:v>
                </c:pt>
                <c:pt idx="444">
                  <c:v>14.8</c:v>
                </c:pt>
                <c:pt idx="445">
                  <c:v>14.833333333333334</c:v>
                </c:pt>
                <c:pt idx="446">
                  <c:v>14.866666666666667</c:v>
                </c:pt>
                <c:pt idx="447">
                  <c:v>14.9</c:v>
                </c:pt>
                <c:pt idx="448">
                  <c:v>14.933333333333334</c:v>
                </c:pt>
                <c:pt idx="449">
                  <c:v>14.966666666666667</c:v>
                </c:pt>
                <c:pt idx="450">
                  <c:v>15</c:v>
                </c:pt>
                <c:pt idx="451">
                  <c:v>15.033333333333333</c:v>
                </c:pt>
                <c:pt idx="452">
                  <c:v>15.066666666666666</c:v>
                </c:pt>
                <c:pt idx="453">
                  <c:v>15.1</c:v>
                </c:pt>
                <c:pt idx="454">
                  <c:v>15.133333333333333</c:v>
                </c:pt>
                <c:pt idx="455">
                  <c:v>15.166666666666666</c:v>
                </c:pt>
                <c:pt idx="456">
                  <c:v>15.2</c:v>
                </c:pt>
                <c:pt idx="457">
                  <c:v>15.233333333333333</c:v>
                </c:pt>
                <c:pt idx="458">
                  <c:v>15.266666666666667</c:v>
                </c:pt>
                <c:pt idx="459">
                  <c:v>15.3</c:v>
                </c:pt>
                <c:pt idx="460">
                  <c:v>15.333333333333334</c:v>
                </c:pt>
                <c:pt idx="461">
                  <c:v>15.366666666666667</c:v>
                </c:pt>
                <c:pt idx="462">
                  <c:v>15.4</c:v>
                </c:pt>
                <c:pt idx="463">
                  <c:v>15.433333333333334</c:v>
                </c:pt>
                <c:pt idx="464">
                  <c:v>15.466666666666667</c:v>
                </c:pt>
                <c:pt idx="465">
                  <c:v>15.5</c:v>
                </c:pt>
                <c:pt idx="466">
                  <c:v>15.533333333333333</c:v>
                </c:pt>
                <c:pt idx="467">
                  <c:v>15.566666666666666</c:v>
                </c:pt>
                <c:pt idx="468">
                  <c:v>15.6</c:v>
                </c:pt>
                <c:pt idx="469">
                  <c:v>15.633333333333333</c:v>
                </c:pt>
                <c:pt idx="470">
                  <c:v>15.666666666666666</c:v>
                </c:pt>
                <c:pt idx="471">
                  <c:v>15.7</c:v>
                </c:pt>
                <c:pt idx="472">
                  <c:v>15.733333333333333</c:v>
                </c:pt>
                <c:pt idx="473">
                  <c:v>15.766666666666667</c:v>
                </c:pt>
                <c:pt idx="474">
                  <c:v>15.8</c:v>
                </c:pt>
                <c:pt idx="475">
                  <c:v>15.833333333333334</c:v>
                </c:pt>
                <c:pt idx="476">
                  <c:v>15.866666666666667</c:v>
                </c:pt>
                <c:pt idx="477">
                  <c:v>15.9</c:v>
                </c:pt>
                <c:pt idx="478">
                  <c:v>15.933333333333334</c:v>
                </c:pt>
                <c:pt idx="479">
                  <c:v>15.966666666666667</c:v>
                </c:pt>
                <c:pt idx="480">
                  <c:v>16</c:v>
                </c:pt>
                <c:pt idx="481">
                  <c:v>16.033333333333335</c:v>
                </c:pt>
                <c:pt idx="482">
                  <c:v>16.066666666666666</c:v>
                </c:pt>
                <c:pt idx="483">
                  <c:v>16.100000000000001</c:v>
                </c:pt>
                <c:pt idx="484">
                  <c:v>16.133333333333333</c:v>
                </c:pt>
                <c:pt idx="485">
                  <c:v>16.166666666666668</c:v>
                </c:pt>
                <c:pt idx="486">
                  <c:v>16.2</c:v>
                </c:pt>
                <c:pt idx="487">
                  <c:v>16.233333333333334</c:v>
                </c:pt>
                <c:pt idx="488">
                  <c:v>16.266666666666666</c:v>
                </c:pt>
                <c:pt idx="489">
                  <c:v>16.3</c:v>
                </c:pt>
                <c:pt idx="490">
                  <c:v>16.333333333333332</c:v>
                </c:pt>
                <c:pt idx="491">
                  <c:v>16.366666666666667</c:v>
                </c:pt>
                <c:pt idx="492">
                  <c:v>16.399999999999999</c:v>
                </c:pt>
                <c:pt idx="493">
                  <c:v>16.433333333333334</c:v>
                </c:pt>
                <c:pt idx="494">
                  <c:v>16.466666666666665</c:v>
                </c:pt>
                <c:pt idx="495">
                  <c:v>16.5</c:v>
                </c:pt>
                <c:pt idx="496">
                  <c:v>16.533333333333335</c:v>
                </c:pt>
                <c:pt idx="497">
                  <c:v>16.566666666666666</c:v>
                </c:pt>
                <c:pt idx="498">
                  <c:v>16.600000000000001</c:v>
                </c:pt>
                <c:pt idx="499">
                  <c:v>16.633333333333333</c:v>
                </c:pt>
                <c:pt idx="500">
                  <c:v>16.666666666666668</c:v>
                </c:pt>
                <c:pt idx="501">
                  <c:v>16.7</c:v>
                </c:pt>
                <c:pt idx="502">
                  <c:v>16.733333333333334</c:v>
                </c:pt>
                <c:pt idx="503">
                  <c:v>16.766666666666666</c:v>
                </c:pt>
                <c:pt idx="504">
                  <c:v>16.8</c:v>
                </c:pt>
                <c:pt idx="505">
                  <c:v>16.833333333333332</c:v>
                </c:pt>
                <c:pt idx="506">
                  <c:v>16.866666666666667</c:v>
                </c:pt>
                <c:pt idx="507">
                  <c:v>16.899999999999999</c:v>
                </c:pt>
                <c:pt idx="508">
                  <c:v>16.933333333333334</c:v>
                </c:pt>
                <c:pt idx="509">
                  <c:v>16.966666666666665</c:v>
                </c:pt>
                <c:pt idx="510">
                  <c:v>17</c:v>
                </c:pt>
                <c:pt idx="511">
                  <c:v>17.033333333333335</c:v>
                </c:pt>
                <c:pt idx="512">
                  <c:v>17.066666666666666</c:v>
                </c:pt>
                <c:pt idx="513">
                  <c:v>17.100000000000001</c:v>
                </c:pt>
                <c:pt idx="514">
                  <c:v>17.133333333333333</c:v>
                </c:pt>
                <c:pt idx="515">
                  <c:v>17.166666666666668</c:v>
                </c:pt>
                <c:pt idx="516">
                  <c:v>17.2</c:v>
                </c:pt>
                <c:pt idx="517">
                  <c:v>17.233333333333334</c:v>
                </c:pt>
                <c:pt idx="518">
                  <c:v>17.266666666666666</c:v>
                </c:pt>
                <c:pt idx="519">
                  <c:v>17.3</c:v>
                </c:pt>
                <c:pt idx="520">
                  <c:v>17.333333333333332</c:v>
                </c:pt>
                <c:pt idx="521">
                  <c:v>17.366666666666667</c:v>
                </c:pt>
                <c:pt idx="522">
                  <c:v>17.399999999999999</c:v>
                </c:pt>
                <c:pt idx="523">
                  <c:v>17.433333333333334</c:v>
                </c:pt>
                <c:pt idx="524">
                  <c:v>17.466666666666665</c:v>
                </c:pt>
                <c:pt idx="525">
                  <c:v>17.5</c:v>
                </c:pt>
                <c:pt idx="526">
                  <c:v>17.533333333333335</c:v>
                </c:pt>
                <c:pt idx="527">
                  <c:v>17.566666666666666</c:v>
                </c:pt>
                <c:pt idx="528">
                  <c:v>17.600000000000001</c:v>
                </c:pt>
                <c:pt idx="529">
                  <c:v>17.633333333333333</c:v>
                </c:pt>
                <c:pt idx="530">
                  <c:v>17.666666666666668</c:v>
                </c:pt>
                <c:pt idx="531">
                  <c:v>17.7</c:v>
                </c:pt>
                <c:pt idx="532">
                  <c:v>17.733333333333334</c:v>
                </c:pt>
                <c:pt idx="533">
                  <c:v>17.766666666666666</c:v>
                </c:pt>
                <c:pt idx="534">
                  <c:v>17.8</c:v>
                </c:pt>
                <c:pt idx="535">
                  <c:v>17.833333333333332</c:v>
                </c:pt>
                <c:pt idx="536">
                  <c:v>17.866666666666667</c:v>
                </c:pt>
                <c:pt idx="537">
                  <c:v>17.899999999999999</c:v>
                </c:pt>
                <c:pt idx="538">
                  <c:v>17.933333333333334</c:v>
                </c:pt>
                <c:pt idx="539">
                  <c:v>17.966666666666665</c:v>
                </c:pt>
                <c:pt idx="540">
                  <c:v>18</c:v>
                </c:pt>
                <c:pt idx="541">
                  <c:v>18.033333333333335</c:v>
                </c:pt>
                <c:pt idx="542">
                  <c:v>18.066666666666666</c:v>
                </c:pt>
                <c:pt idx="543">
                  <c:v>18.100000000000001</c:v>
                </c:pt>
                <c:pt idx="544">
                  <c:v>18.133333333333333</c:v>
                </c:pt>
                <c:pt idx="545">
                  <c:v>18.166666666666668</c:v>
                </c:pt>
                <c:pt idx="546">
                  <c:v>18.2</c:v>
                </c:pt>
                <c:pt idx="547">
                  <c:v>18.233333333333334</c:v>
                </c:pt>
                <c:pt idx="548">
                  <c:v>18.266666666666666</c:v>
                </c:pt>
                <c:pt idx="549">
                  <c:v>18.3</c:v>
                </c:pt>
                <c:pt idx="550">
                  <c:v>18.333333333333332</c:v>
                </c:pt>
                <c:pt idx="551">
                  <c:v>18.366666666666667</c:v>
                </c:pt>
                <c:pt idx="552">
                  <c:v>18.399999999999999</c:v>
                </c:pt>
                <c:pt idx="553">
                  <c:v>18.433333333333334</c:v>
                </c:pt>
                <c:pt idx="554">
                  <c:v>18.466666666666665</c:v>
                </c:pt>
                <c:pt idx="555">
                  <c:v>18.5</c:v>
                </c:pt>
                <c:pt idx="556">
                  <c:v>18.533333333333335</c:v>
                </c:pt>
                <c:pt idx="557">
                  <c:v>18.566666666666666</c:v>
                </c:pt>
                <c:pt idx="558">
                  <c:v>18.600000000000001</c:v>
                </c:pt>
                <c:pt idx="559">
                  <c:v>18.633333333333333</c:v>
                </c:pt>
                <c:pt idx="560">
                  <c:v>18.666666666666668</c:v>
                </c:pt>
                <c:pt idx="561">
                  <c:v>18.7</c:v>
                </c:pt>
                <c:pt idx="562">
                  <c:v>18.733333333333334</c:v>
                </c:pt>
                <c:pt idx="563">
                  <c:v>18.766666666666666</c:v>
                </c:pt>
                <c:pt idx="564">
                  <c:v>18.8</c:v>
                </c:pt>
                <c:pt idx="565">
                  <c:v>18.833333333333332</c:v>
                </c:pt>
                <c:pt idx="566">
                  <c:v>18.866666666666667</c:v>
                </c:pt>
                <c:pt idx="567">
                  <c:v>18.899999999999999</c:v>
                </c:pt>
                <c:pt idx="568">
                  <c:v>18.933333333333334</c:v>
                </c:pt>
                <c:pt idx="569">
                  <c:v>18.966666666666665</c:v>
                </c:pt>
                <c:pt idx="570">
                  <c:v>19</c:v>
                </c:pt>
                <c:pt idx="571">
                  <c:v>19.033333333333335</c:v>
                </c:pt>
                <c:pt idx="572">
                  <c:v>19.066666666666666</c:v>
                </c:pt>
                <c:pt idx="573">
                  <c:v>19.100000000000001</c:v>
                </c:pt>
                <c:pt idx="574">
                  <c:v>19.133333333333333</c:v>
                </c:pt>
                <c:pt idx="575">
                  <c:v>19.166666666666668</c:v>
                </c:pt>
                <c:pt idx="576">
                  <c:v>19.2</c:v>
                </c:pt>
                <c:pt idx="577">
                  <c:v>19.233333333333334</c:v>
                </c:pt>
                <c:pt idx="578">
                  <c:v>19.266666666666666</c:v>
                </c:pt>
                <c:pt idx="579">
                  <c:v>19.3</c:v>
                </c:pt>
                <c:pt idx="580">
                  <c:v>19.333333333333332</c:v>
                </c:pt>
                <c:pt idx="581">
                  <c:v>19.366666666666667</c:v>
                </c:pt>
                <c:pt idx="582">
                  <c:v>19.399999999999999</c:v>
                </c:pt>
                <c:pt idx="583">
                  <c:v>19.433333333333334</c:v>
                </c:pt>
                <c:pt idx="584">
                  <c:v>19.466666666666665</c:v>
                </c:pt>
                <c:pt idx="585">
                  <c:v>19.5</c:v>
                </c:pt>
                <c:pt idx="586">
                  <c:v>19.533333333333335</c:v>
                </c:pt>
                <c:pt idx="587">
                  <c:v>19.566666666666666</c:v>
                </c:pt>
                <c:pt idx="588">
                  <c:v>19.600000000000001</c:v>
                </c:pt>
                <c:pt idx="589">
                  <c:v>19.633333333333333</c:v>
                </c:pt>
                <c:pt idx="590">
                  <c:v>19.666666666666668</c:v>
                </c:pt>
                <c:pt idx="591">
                  <c:v>19.7</c:v>
                </c:pt>
                <c:pt idx="592">
                  <c:v>19.733333333333334</c:v>
                </c:pt>
                <c:pt idx="593">
                  <c:v>19.766666666666666</c:v>
                </c:pt>
                <c:pt idx="594">
                  <c:v>19.8</c:v>
                </c:pt>
                <c:pt idx="595">
                  <c:v>19.833333333333332</c:v>
                </c:pt>
                <c:pt idx="596">
                  <c:v>19.866666666666667</c:v>
                </c:pt>
                <c:pt idx="597">
                  <c:v>19.899999999999999</c:v>
                </c:pt>
                <c:pt idx="598">
                  <c:v>19.933333333333334</c:v>
                </c:pt>
                <c:pt idx="599">
                  <c:v>19.966666666666665</c:v>
                </c:pt>
                <c:pt idx="600">
                  <c:v>20</c:v>
                </c:pt>
                <c:pt idx="601">
                  <c:v>20.033333333333335</c:v>
                </c:pt>
                <c:pt idx="602">
                  <c:v>20.066666666666666</c:v>
                </c:pt>
                <c:pt idx="603">
                  <c:v>20.100000000000001</c:v>
                </c:pt>
                <c:pt idx="604">
                  <c:v>20.133333333333333</c:v>
                </c:pt>
                <c:pt idx="605">
                  <c:v>20.166666666666668</c:v>
                </c:pt>
                <c:pt idx="606">
                  <c:v>20.2</c:v>
                </c:pt>
                <c:pt idx="607">
                  <c:v>20.233333333333334</c:v>
                </c:pt>
                <c:pt idx="608">
                  <c:v>20.266666666666666</c:v>
                </c:pt>
                <c:pt idx="609">
                  <c:v>20.3</c:v>
                </c:pt>
                <c:pt idx="610">
                  <c:v>20.333333333333332</c:v>
                </c:pt>
                <c:pt idx="611">
                  <c:v>20.366666666666667</c:v>
                </c:pt>
                <c:pt idx="612">
                  <c:v>20.399999999999999</c:v>
                </c:pt>
                <c:pt idx="613">
                  <c:v>20.433333333333334</c:v>
                </c:pt>
                <c:pt idx="614">
                  <c:v>20.466666666666665</c:v>
                </c:pt>
                <c:pt idx="615">
                  <c:v>20.5</c:v>
                </c:pt>
                <c:pt idx="616">
                  <c:v>20.533333333333335</c:v>
                </c:pt>
                <c:pt idx="617">
                  <c:v>20.566666666666666</c:v>
                </c:pt>
                <c:pt idx="618">
                  <c:v>20.6</c:v>
                </c:pt>
                <c:pt idx="619">
                  <c:v>20.633333333333333</c:v>
                </c:pt>
                <c:pt idx="620">
                  <c:v>20.666666666666668</c:v>
                </c:pt>
                <c:pt idx="621">
                  <c:v>20.7</c:v>
                </c:pt>
                <c:pt idx="622">
                  <c:v>20.733333333333334</c:v>
                </c:pt>
                <c:pt idx="623">
                  <c:v>20.766666666666666</c:v>
                </c:pt>
                <c:pt idx="624">
                  <c:v>20.8</c:v>
                </c:pt>
                <c:pt idx="625">
                  <c:v>20.833333333333332</c:v>
                </c:pt>
                <c:pt idx="626">
                  <c:v>20.866666666666667</c:v>
                </c:pt>
                <c:pt idx="627">
                  <c:v>20.9</c:v>
                </c:pt>
                <c:pt idx="628">
                  <c:v>20.933333333333334</c:v>
                </c:pt>
                <c:pt idx="629">
                  <c:v>20.966666666666665</c:v>
                </c:pt>
                <c:pt idx="630">
                  <c:v>21</c:v>
                </c:pt>
                <c:pt idx="631">
                  <c:v>21.033333333333335</c:v>
                </c:pt>
                <c:pt idx="632">
                  <c:v>21.066666666666666</c:v>
                </c:pt>
                <c:pt idx="633">
                  <c:v>21.1</c:v>
                </c:pt>
                <c:pt idx="634">
                  <c:v>21.133333333333333</c:v>
                </c:pt>
                <c:pt idx="635">
                  <c:v>21.166666666666668</c:v>
                </c:pt>
                <c:pt idx="636">
                  <c:v>21.2</c:v>
                </c:pt>
                <c:pt idx="637">
                  <c:v>21.233333333333334</c:v>
                </c:pt>
                <c:pt idx="638">
                  <c:v>21.266666666666666</c:v>
                </c:pt>
                <c:pt idx="639">
                  <c:v>21.3</c:v>
                </c:pt>
                <c:pt idx="640">
                  <c:v>21.333333333333332</c:v>
                </c:pt>
                <c:pt idx="641">
                  <c:v>21.366666666666667</c:v>
                </c:pt>
                <c:pt idx="642">
                  <c:v>21.4</c:v>
                </c:pt>
                <c:pt idx="643">
                  <c:v>21.433333333333334</c:v>
                </c:pt>
                <c:pt idx="644">
                  <c:v>21.466666666666665</c:v>
                </c:pt>
                <c:pt idx="645">
                  <c:v>21.5</c:v>
                </c:pt>
                <c:pt idx="646">
                  <c:v>21.533333333333335</c:v>
                </c:pt>
                <c:pt idx="647">
                  <c:v>21.566666666666666</c:v>
                </c:pt>
                <c:pt idx="648">
                  <c:v>21.6</c:v>
                </c:pt>
                <c:pt idx="649">
                  <c:v>21.633333333333333</c:v>
                </c:pt>
                <c:pt idx="650">
                  <c:v>21.666666666666668</c:v>
                </c:pt>
                <c:pt idx="651">
                  <c:v>21.7</c:v>
                </c:pt>
                <c:pt idx="652">
                  <c:v>21.733333333333334</c:v>
                </c:pt>
                <c:pt idx="653">
                  <c:v>21.766666666666666</c:v>
                </c:pt>
                <c:pt idx="654">
                  <c:v>21.8</c:v>
                </c:pt>
                <c:pt idx="655">
                  <c:v>21.833333333333332</c:v>
                </c:pt>
                <c:pt idx="656">
                  <c:v>21.866666666666667</c:v>
                </c:pt>
                <c:pt idx="657">
                  <c:v>21.9</c:v>
                </c:pt>
                <c:pt idx="658">
                  <c:v>21.933333333333334</c:v>
                </c:pt>
                <c:pt idx="659">
                  <c:v>21.966666666666665</c:v>
                </c:pt>
                <c:pt idx="660">
                  <c:v>22</c:v>
                </c:pt>
                <c:pt idx="661">
                  <c:v>22.033333333333335</c:v>
                </c:pt>
                <c:pt idx="662">
                  <c:v>22.066666666666666</c:v>
                </c:pt>
                <c:pt idx="663">
                  <c:v>22.1</c:v>
                </c:pt>
                <c:pt idx="664">
                  <c:v>22.133333333333333</c:v>
                </c:pt>
                <c:pt idx="665">
                  <c:v>22.166666666666668</c:v>
                </c:pt>
                <c:pt idx="666">
                  <c:v>22.2</c:v>
                </c:pt>
                <c:pt idx="667">
                  <c:v>22.233333333333334</c:v>
                </c:pt>
                <c:pt idx="668">
                  <c:v>22.266666666666666</c:v>
                </c:pt>
                <c:pt idx="669">
                  <c:v>22.3</c:v>
                </c:pt>
                <c:pt idx="670">
                  <c:v>22.333333333333332</c:v>
                </c:pt>
                <c:pt idx="671">
                  <c:v>22.366666666666667</c:v>
                </c:pt>
                <c:pt idx="672">
                  <c:v>22.4</c:v>
                </c:pt>
                <c:pt idx="673">
                  <c:v>22.433333333333334</c:v>
                </c:pt>
                <c:pt idx="674">
                  <c:v>22.466666666666665</c:v>
                </c:pt>
                <c:pt idx="675">
                  <c:v>22.5</c:v>
                </c:pt>
                <c:pt idx="676">
                  <c:v>22.533333333333335</c:v>
                </c:pt>
                <c:pt idx="677">
                  <c:v>22.566666666666666</c:v>
                </c:pt>
                <c:pt idx="678">
                  <c:v>22.6</c:v>
                </c:pt>
                <c:pt idx="679">
                  <c:v>22.633333333333333</c:v>
                </c:pt>
                <c:pt idx="680">
                  <c:v>22.666666666666668</c:v>
                </c:pt>
                <c:pt idx="681">
                  <c:v>22.7</c:v>
                </c:pt>
                <c:pt idx="682">
                  <c:v>22.733333333333334</c:v>
                </c:pt>
                <c:pt idx="683">
                  <c:v>22.766666666666666</c:v>
                </c:pt>
                <c:pt idx="684">
                  <c:v>22.8</c:v>
                </c:pt>
                <c:pt idx="685">
                  <c:v>22.833333333333332</c:v>
                </c:pt>
                <c:pt idx="686">
                  <c:v>22.866666666666667</c:v>
                </c:pt>
                <c:pt idx="687">
                  <c:v>22.9</c:v>
                </c:pt>
                <c:pt idx="688">
                  <c:v>22.933333333333334</c:v>
                </c:pt>
                <c:pt idx="689">
                  <c:v>22.966666666666665</c:v>
                </c:pt>
                <c:pt idx="690">
                  <c:v>23</c:v>
                </c:pt>
                <c:pt idx="691">
                  <c:v>23.033333333333335</c:v>
                </c:pt>
                <c:pt idx="692">
                  <c:v>23.066666666666666</c:v>
                </c:pt>
                <c:pt idx="693">
                  <c:v>23.1</c:v>
                </c:pt>
                <c:pt idx="694">
                  <c:v>23.133333333333333</c:v>
                </c:pt>
                <c:pt idx="695">
                  <c:v>23.166666666666668</c:v>
                </c:pt>
                <c:pt idx="696">
                  <c:v>23.2</c:v>
                </c:pt>
                <c:pt idx="697">
                  <c:v>23.233333333333334</c:v>
                </c:pt>
                <c:pt idx="698">
                  <c:v>23.266666666666666</c:v>
                </c:pt>
                <c:pt idx="699">
                  <c:v>23.3</c:v>
                </c:pt>
                <c:pt idx="700">
                  <c:v>23.333333333333332</c:v>
                </c:pt>
                <c:pt idx="701">
                  <c:v>23.366666666666667</c:v>
                </c:pt>
                <c:pt idx="702">
                  <c:v>23.4</c:v>
                </c:pt>
                <c:pt idx="703">
                  <c:v>23.433333333333334</c:v>
                </c:pt>
                <c:pt idx="704">
                  <c:v>23.466666666666665</c:v>
                </c:pt>
                <c:pt idx="705">
                  <c:v>23.5</c:v>
                </c:pt>
                <c:pt idx="706">
                  <c:v>23.533333333333335</c:v>
                </c:pt>
                <c:pt idx="707">
                  <c:v>23.566666666666666</c:v>
                </c:pt>
                <c:pt idx="708">
                  <c:v>23.6</c:v>
                </c:pt>
                <c:pt idx="709">
                  <c:v>23.633333333333333</c:v>
                </c:pt>
                <c:pt idx="710">
                  <c:v>23.666666666666668</c:v>
                </c:pt>
                <c:pt idx="711">
                  <c:v>23.7</c:v>
                </c:pt>
                <c:pt idx="712">
                  <c:v>23.733333333333334</c:v>
                </c:pt>
                <c:pt idx="713">
                  <c:v>23.766666666666666</c:v>
                </c:pt>
                <c:pt idx="714">
                  <c:v>23.8</c:v>
                </c:pt>
                <c:pt idx="715">
                  <c:v>23.833333333333332</c:v>
                </c:pt>
                <c:pt idx="716">
                  <c:v>23.866666666666667</c:v>
                </c:pt>
                <c:pt idx="717">
                  <c:v>23.9</c:v>
                </c:pt>
                <c:pt idx="718">
                  <c:v>23.933333333333334</c:v>
                </c:pt>
                <c:pt idx="719">
                  <c:v>23.966666666666665</c:v>
                </c:pt>
                <c:pt idx="720">
                  <c:v>24</c:v>
                </c:pt>
                <c:pt idx="721">
                  <c:v>24.033333333333335</c:v>
                </c:pt>
                <c:pt idx="722">
                  <c:v>24.066666666666666</c:v>
                </c:pt>
                <c:pt idx="723">
                  <c:v>24.1</c:v>
                </c:pt>
                <c:pt idx="724">
                  <c:v>24.133333333333333</c:v>
                </c:pt>
                <c:pt idx="725">
                  <c:v>24.166666666666668</c:v>
                </c:pt>
                <c:pt idx="726">
                  <c:v>24.2</c:v>
                </c:pt>
                <c:pt idx="727">
                  <c:v>24.233333333333334</c:v>
                </c:pt>
                <c:pt idx="728">
                  <c:v>24.266666666666666</c:v>
                </c:pt>
                <c:pt idx="729">
                  <c:v>24.3</c:v>
                </c:pt>
                <c:pt idx="730">
                  <c:v>24.333333333333332</c:v>
                </c:pt>
                <c:pt idx="731">
                  <c:v>24.366666666666667</c:v>
                </c:pt>
                <c:pt idx="732">
                  <c:v>24.4</c:v>
                </c:pt>
                <c:pt idx="733">
                  <c:v>24.433333333333334</c:v>
                </c:pt>
                <c:pt idx="734">
                  <c:v>24.466666666666665</c:v>
                </c:pt>
                <c:pt idx="735">
                  <c:v>24.5</c:v>
                </c:pt>
                <c:pt idx="736">
                  <c:v>24.533333333333335</c:v>
                </c:pt>
                <c:pt idx="737">
                  <c:v>24.566666666666666</c:v>
                </c:pt>
                <c:pt idx="738">
                  <c:v>24.6</c:v>
                </c:pt>
                <c:pt idx="739">
                  <c:v>24.633333333333333</c:v>
                </c:pt>
                <c:pt idx="740">
                  <c:v>24.666666666666668</c:v>
                </c:pt>
                <c:pt idx="741">
                  <c:v>24.7</c:v>
                </c:pt>
                <c:pt idx="742">
                  <c:v>24.733333333333334</c:v>
                </c:pt>
                <c:pt idx="743">
                  <c:v>24.766666666666666</c:v>
                </c:pt>
                <c:pt idx="744">
                  <c:v>24.8</c:v>
                </c:pt>
                <c:pt idx="745">
                  <c:v>24.833333333333332</c:v>
                </c:pt>
                <c:pt idx="746">
                  <c:v>24.866666666666667</c:v>
                </c:pt>
                <c:pt idx="747">
                  <c:v>24.9</c:v>
                </c:pt>
                <c:pt idx="748">
                  <c:v>24.933333333333334</c:v>
                </c:pt>
                <c:pt idx="749">
                  <c:v>24.966666666666665</c:v>
                </c:pt>
                <c:pt idx="750">
                  <c:v>25</c:v>
                </c:pt>
                <c:pt idx="751">
                  <c:v>25.033333333333335</c:v>
                </c:pt>
                <c:pt idx="752">
                  <c:v>25.066666666666666</c:v>
                </c:pt>
                <c:pt idx="753">
                  <c:v>25.1</c:v>
                </c:pt>
                <c:pt idx="754">
                  <c:v>25.133333333333333</c:v>
                </c:pt>
                <c:pt idx="755">
                  <c:v>25.166666666666668</c:v>
                </c:pt>
                <c:pt idx="756">
                  <c:v>25.2</c:v>
                </c:pt>
                <c:pt idx="757">
                  <c:v>25.233333333333334</c:v>
                </c:pt>
                <c:pt idx="758">
                  <c:v>25.266666666666666</c:v>
                </c:pt>
                <c:pt idx="759">
                  <c:v>25.3</c:v>
                </c:pt>
                <c:pt idx="760">
                  <c:v>25.333333333333332</c:v>
                </c:pt>
                <c:pt idx="761">
                  <c:v>25.366666666666667</c:v>
                </c:pt>
                <c:pt idx="762">
                  <c:v>25.4</c:v>
                </c:pt>
                <c:pt idx="763">
                  <c:v>25.433333333333334</c:v>
                </c:pt>
                <c:pt idx="764">
                  <c:v>25.466666666666665</c:v>
                </c:pt>
                <c:pt idx="765">
                  <c:v>25.5</c:v>
                </c:pt>
                <c:pt idx="766">
                  <c:v>25.533333333333335</c:v>
                </c:pt>
                <c:pt idx="767">
                  <c:v>25.566666666666666</c:v>
                </c:pt>
                <c:pt idx="768">
                  <c:v>25.6</c:v>
                </c:pt>
                <c:pt idx="769">
                  <c:v>25.633333333333333</c:v>
                </c:pt>
                <c:pt idx="770">
                  <c:v>25.666666666666668</c:v>
                </c:pt>
                <c:pt idx="771">
                  <c:v>25.7</c:v>
                </c:pt>
                <c:pt idx="772">
                  <c:v>25.733333333333334</c:v>
                </c:pt>
                <c:pt idx="773">
                  <c:v>25.766666666666666</c:v>
                </c:pt>
                <c:pt idx="774">
                  <c:v>25.8</c:v>
                </c:pt>
                <c:pt idx="775">
                  <c:v>25.833333333333332</c:v>
                </c:pt>
                <c:pt idx="776">
                  <c:v>25.866666666666667</c:v>
                </c:pt>
                <c:pt idx="777">
                  <c:v>25.9</c:v>
                </c:pt>
                <c:pt idx="778">
                  <c:v>25.933333333333334</c:v>
                </c:pt>
                <c:pt idx="779">
                  <c:v>25.966666666666665</c:v>
                </c:pt>
                <c:pt idx="780">
                  <c:v>26</c:v>
                </c:pt>
                <c:pt idx="781">
                  <c:v>26.033333333333335</c:v>
                </c:pt>
                <c:pt idx="782">
                  <c:v>26.066666666666666</c:v>
                </c:pt>
                <c:pt idx="783">
                  <c:v>26.1</c:v>
                </c:pt>
                <c:pt idx="784">
                  <c:v>26.133333333333333</c:v>
                </c:pt>
                <c:pt idx="785">
                  <c:v>26.166666666666668</c:v>
                </c:pt>
                <c:pt idx="786">
                  <c:v>26.2</c:v>
                </c:pt>
                <c:pt idx="787">
                  <c:v>26.233333333333334</c:v>
                </c:pt>
                <c:pt idx="788">
                  <c:v>26.266666666666666</c:v>
                </c:pt>
                <c:pt idx="789">
                  <c:v>26.3</c:v>
                </c:pt>
                <c:pt idx="790">
                  <c:v>26.333333333333332</c:v>
                </c:pt>
                <c:pt idx="791">
                  <c:v>26.366666666666667</c:v>
                </c:pt>
                <c:pt idx="792">
                  <c:v>26.4</c:v>
                </c:pt>
                <c:pt idx="793">
                  <c:v>26.433333333333334</c:v>
                </c:pt>
                <c:pt idx="794">
                  <c:v>26.466666666666665</c:v>
                </c:pt>
                <c:pt idx="795">
                  <c:v>26.5</c:v>
                </c:pt>
                <c:pt idx="796">
                  <c:v>26.533333333333335</c:v>
                </c:pt>
                <c:pt idx="797">
                  <c:v>26.566666666666666</c:v>
                </c:pt>
                <c:pt idx="798">
                  <c:v>26.6</c:v>
                </c:pt>
                <c:pt idx="799">
                  <c:v>26.633333333333333</c:v>
                </c:pt>
                <c:pt idx="800">
                  <c:v>26.666666666666668</c:v>
                </c:pt>
                <c:pt idx="801">
                  <c:v>26.7</c:v>
                </c:pt>
                <c:pt idx="802">
                  <c:v>26.733333333333334</c:v>
                </c:pt>
                <c:pt idx="803">
                  <c:v>26.766666666666666</c:v>
                </c:pt>
                <c:pt idx="804">
                  <c:v>26.8</c:v>
                </c:pt>
                <c:pt idx="805">
                  <c:v>26.833333333333332</c:v>
                </c:pt>
                <c:pt idx="806">
                  <c:v>26.866666666666667</c:v>
                </c:pt>
                <c:pt idx="807">
                  <c:v>26.9</c:v>
                </c:pt>
                <c:pt idx="808">
                  <c:v>26.933333333333334</c:v>
                </c:pt>
                <c:pt idx="809">
                  <c:v>26.966666666666665</c:v>
                </c:pt>
                <c:pt idx="810">
                  <c:v>27</c:v>
                </c:pt>
                <c:pt idx="811">
                  <c:v>27.033333333333335</c:v>
                </c:pt>
                <c:pt idx="812">
                  <c:v>27.066666666666666</c:v>
                </c:pt>
                <c:pt idx="813">
                  <c:v>27.1</c:v>
                </c:pt>
                <c:pt idx="814">
                  <c:v>27.133333333333333</c:v>
                </c:pt>
                <c:pt idx="815">
                  <c:v>27.166666666666668</c:v>
                </c:pt>
                <c:pt idx="816">
                  <c:v>27.2</c:v>
                </c:pt>
                <c:pt idx="817">
                  <c:v>27.233333333333334</c:v>
                </c:pt>
                <c:pt idx="818">
                  <c:v>27.266666666666666</c:v>
                </c:pt>
                <c:pt idx="819">
                  <c:v>27.3</c:v>
                </c:pt>
                <c:pt idx="820">
                  <c:v>27.333333333333332</c:v>
                </c:pt>
                <c:pt idx="821">
                  <c:v>27.366666666666667</c:v>
                </c:pt>
                <c:pt idx="822">
                  <c:v>27.4</c:v>
                </c:pt>
                <c:pt idx="823">
                  <c:v>27.433333333333334</c:v>
                </c:pt>
                <c:pt idx="824">
                  <c:v>27.466666666666665</c:v>
                </c:pt>
                <c:pt idx="825">
                  <c:v>27.5</c:v>
                </c:pt>
                <c:pt idx="826">
                  <c:v>27.533333333333335</c:v>
                </c:pt>
                <c:pt idx="827">
                  <c:v>27.566666666666666</c:v>
                </c:pt>
                <c:pt idx="828">
                  <c:v>27.6</c:v>
                </c:pt>
                <c:pt idx="829">
                  <c:v>27.633333333333333</c:v>
                </c:pt>
                <c:pt idx="830">
                  <c:v>27.666666666666668</c:v>
                </c:pt>
                <c:pt idx="831">
                  <c:v>27.7</c:v>
                </c:pt>
                <c:pt idx="832">
                  <c:v>27.733333333333334</c:v>
                </c:pt>
                <c:pt idx="833">
                  <c:v>27.766666666666666</c:v>
                </c:pt>
                <c:pt idx="834">
                  <c:v>27.8</c:v>
                </c:pt>
                <c:pt idx="835">
                  <c:v>27.833333333333332</c:v>
                </c:pt>
                <c:pt idx="836">
                  <c:v>27.866666666666667</c:v>
                </c:pt>
                <c:pt idx="837">
                  <c:v>27.9</c:v>
                </c:pt>
                <c:pt idx="838">
                  <c:v>27.933333333333334</c:v>
                </c:pt>
                <c:pt idx="839">
                  <c:v>27.966666666666665</c:v>
                </c:pt>
                <c:pt idx="840">
                  <c:v>28</c:v>
                </c:pt>
                <c:pt idx="841">
                  <c:v>28.033333333333335</c:v>
                </c:pt>
                <c:pt idx="842">
                  <c:v>28.066666666666666</c:v>
                </c:pt>
                <c:pt idx="843">
                  <c:v>28.1</c:v>
                </c:pt>
                <c:pt idx="844">
                  <c:v>28.133333333333333</c:v>
                </c:pt>
                <c:pt idx="845">
                  <c:v>28.166666666666668</c:v>
                </c:pt>
                <c:pt idx="846">
                  <c:v>28.2</c:v>
                </c:pt>
                <c:pt idx="847">
                  <c:v>28.233333333333334</c:v>
                </c:pt>
                <c:pt idx="848">
                  <c:v>28.266666666666666</c:v>
                </c:pt>
                <c:pt idx="849">
                  <c:v>28.3</c:v>
                </c:pt>
                <c:pt idx="850">
                  <c:v>28.333333333333332</c:v>
                </c:pt>
                <c:pt idx="851">
                  <c:v>28.366666666666667</c:v>
                </c:pt>
                <c:pt idx="852">
                  <c:v>28.4</c:v>
                </c:pt>
                <c:pt idx="853">
                  <c:v>28.433333333333334</c:v>
                </c:pt>
                <c:pt idx="854">
                  <c:v>28.466666666666665</c:v>
                </c:pt>
                <c:pt idx="855">
                  <c:v>28.5</c:v>
                </c:pt>
                <c:pt idx="856">
                  <c:v>28.533333333333335</c:v>
                </c:pt>
                <c:pt idx="857">
                  <c:v>28.566666666666666</c:v>
                </c:pt>
                <c:pt idx="858">
                  <c:v>28.6</c:v>
                </c:pt>
                <c:pt idx="859">
                  <c:v>28.633333333333333</c:v>
                </c:pt>
                <c:pt idx="860">
                  <c:v>28.666666666666668</c:v>
                </c:pt>
                <c:pt idx="861">
                  <c:v>28.7</c:v>
                </c:pt>
                <c:pt idx="862">
                  <c:v>28.733333333333334</c:v>
                </c:pt>
                <c:pt idx="863">
                  <c:v>28.766666666666666</c:v>
                </c:pt>
                <c:pt idx="864">
                  <c:v>28.8</c:v>
                </c:pt>
                <c:pt idx="865">
                  <c:v>28.833333333333332</c:v>
                </c:pt>
                <c:pt idx="866">
                  <c:v>28.866666666666667</c:v>
                </c:pt>
                <c:pt idx="867">
                  <c:v>28.9</c:v>
                </c:pt>
                <c:pt idx="868">
                  <c:v>28.933333333333334</c:v>
                </c:pt>
                <c:pt idx="869">
                  <c:v>28.966666666666665</c:v>
                </c:pt>
                <c:pt idx="870">
                  <c:v>29</c:v>
                </c:pt>
                <c:pt idx="871">
                  <c:v>29.033333333333335</c:v>
                </c:pt>
                <c:pt idx="872">
                  <c:v>29.066666666666666</c:v>
                </c:pt>
                <c:pt idx="873">
                  <c:v>29.1</c:v>
                </c:pt>
                <c:pt idx="874">
                  <c:v>29.133333333333333</c:v>
                </c:pt>
                <c:pt idx="875">
                  <c:v>29.166666666666668</c:v>
                </c:pt>
                <c:pt idx="876">
                  <c:v>29.2</c:v>
                </c:pt>
                <c:pt idx="877">
                  <c:v>29.233333333333334</c:v>
                </c:pt>
                <c:pt idx="878">
                  <c:v>29.266666666666666</c:v>
                </c:pt>
                <c:pt idx="879">
                  <c:v>29.3</c:v>
                </c:pt>
                <c:pt idx="880">
                  <c:v>29.333333333333332</c:v>
                </c:pt>
                <c:pt idx="881">
                  <c:v>29.366666666666667</c:v>
                </c:pt>
                <c:pt idx="882">
                  <c:v>29.4</c:v>
                </c:pt>
                <c:pt idx="883">
                  <c:v>29.433333333333334</c:v>
                </c:pt>
                <c:pt idx="884">
                  <c:v>29.466666666666665</c:v>
                </c:pt>
                <c:pt idx="885">
                  <c:v>29.5</c:v>
                </c:pt>
                <c:pt idx="886">
                  <c:v>29.533333333333335</c:v>
                </c:pt>
                <c:pt idx="887">
                  <c:v>29.566666666666666</c:v>
                </c:pt>
                <c:pt idx="888">
                  <c:v>29.6</c:v>
                </c:pt>
                <c:pt idx="889">
                  <c:v>29.633333333333333</c:v>
                </c:pt>
                <c:pt idx="890">
                  <c:v>29.666666666666668</c:v>
                </c:pt>
                <c:pt idx="891">
                  <c:v>29.7</c:v>
                </c:pt>
                <c:pt idx="892">
                  <c:v>29.733333333333334</c:v>
                </c:pt>
                <c:pt idx="893">
                  <c:v>29.766666666666666</c:v>
                </c:pt>
                <c:pt idx="894">
                  <c:v>29.8</c:v>
                </c:pt>
                <c:pt idx="895">
                  <c:v>29.833333333333332</c:v>
                </c:pt>
                <c:pt idx="896">
                  <c:v>29.866666666666667</c:v>
                </c:pt>
                <c:pt idx="897">
                  <c:v>29.9</c:v>
                </c:pt>
                <c:pt idx="898">
                  <c:v>29.933333333333334</c:v>
                </c:pt>
                <c:pt idx="899">
                  <c:v>29.966666666666665</c:v>
                </c:pt>
                <c:pt idx="900">
                  <c:v>30</c:v>
                </c:pt>
              </c:numCache>
            </c:numRef>
          </c:xVal>
          <c:yVal>
            <c:numRef>
              <c:f>'力(2秒)'!$G$2:$G$902</c:f>
              <c:numCache>
                <c:formatCode>General</c:formatCode>
                <c:ptCount val="901"/>
                <c:pt idx="29">
                  <c:v>0.37783684824680147</c:v>
                </c:pt>
                <c:pt idx="30">
                  <c:v>0.36648900525451827</c:v>
                </c:pt>
                <c:pt idx="31">
                  <c:v>0.26365910262599468</c:v>
                </c:pt>
                <c:pt idx="32">
                  <c:v>0.22973198146759652</c:v>
                </c:pt>
                <c:pt idx="33">
                  <c:v>0.26018711264395944</c:v>
                </c:pt>
                <c:pt idx="34">
                  <c:v>0.27180777064766104</c:v>
                </c:pt>
                <c:pt idx="35">
                  <c:v>0.33108618337933182</c:v>
                </c:pt>
                <c:pt idx="36">
                  <c:v>0.40300757524805797</c:v>
                </c:pt>
                <c:pt idx="37">
                  <c:v>0.503503275204083</c:v>
                </c:pt>
                <c:pt idx="38">
                  <c:v>0.59431209719444711</c:v>
                </c:pt>
                <c:pt idx="39">
                  <c:v>0.59091566559418385</c:v>
                </c:pt>
                <c:pt idx="40">
                  <c:v>0.64343954944018522</c:v>
                </c:pt>
                <c:pt idx="41">
                  <c:v>0.73345307446306507</c:v>
                </c:pt>
                <c:pt idx="42">
                  <c:v>0.92192674442011935</c:v>
                </c:pt>
                <c:pt idx="43">
                  <c:v>1.0661572824516092</c:v>
                </c:pt>
                <c:pt idx="44">
                  <c:v>1.228724468584518</c:v>
                </c:pt>
                <c:pt idx="45">
                  <c:v>1.3754550941757402</c:v>
                </c:pt>
                <c:pt idx="46">
                  <c:v>1.520885314765934</c:v>
                </c:pt>
                <c:pt idx="47">
                  <c:v>1.7095737091457437</c:v>
                </c:pt>
                <c:pt idx="48">
                  <c:v>1.8813524327760001</c:v>
                </c:pt>
                <c:pt idx="49">
                  <c:v>1.9619610139580812</c:v>
                </c:pt>
                <c:pt idx="50">
                  <c:v>2.0172345475859674</c:v>
                </c:pt>
                <c:pt idx="51">
                  <c:v>2.0200100532818053</c:v>
                </c:pt>
                <c:pt idx="52">
                  <c:v>2.006441349196356</c:v>
                </c:pt>
                <c:pt idx="53">
                  <c:v>1.9817767366016559</c:v>
                </c:pt>
                <c:pt idx="54">
                  <c:v>1.9495763434977877</c:v>
                </c:pt>
                <c:pt idx="55">
                  <c:v>1.8812832074571835</c:v>
                </c:pt>
                <c:pt idx="56">
                  <c:v>1.8451779173102996</c:v>
                </c:pt>
                <c:pt idx="57">
                  <c:v>1.8341387539405742</c:v>
                </c:pt>
                <c:pt idx="58">
                  <c:v>1.8109327749553421</c:v>
                </c:pt>
                <c:pt idx="59">
                  <c:v>1.7554910073157852</c:v>
                </c:pt>
                <c:pt idx="60">
                  <c:v>1.7539678469211393</c:v>
                </c:pt>
                <c:pt idx="61">
                  <c:v>1.7695109931016828</c:v>
                </c:pt>
                <c:pt idx="62">
                  <c:v>1.7729061186116455</c:v>
                </c:pt>
                <c:pt idx="63">
                  <c:v>1.6626004383056281</c:v>
                </c:pt>
                <c:pt idx="64">
                  <c:v>1.5630418608809848</c:v>
                </c:pt>
                <c:pt idx="65">
                  <c:v>1.5245992181630521</c:v>
                </c:pt>
                <c:pt idx="66">
                  <c:v>1.4914781587811519</c:v>
                </c:pt>
                <c:pt idx="67">
                  <c:v>1.4124109589402212</c:v>
                </c:pt>
                <c:pt idx="68">
                  <c:v>1.3534237261041435</c:v>
                </c:pt>
                <c:pt idx="69">
                  <c:v>1.2554777645748119</c:v>
                </c:pt>
                <c:pt idx="70">
                  <c:v>1.1401821472447773</c:v>
                </c:pt>
                <c:pt idx="71">
                  <c:v>1.0714123889862301</c:v>
                </c:pt>
                <c:pt idx="72">
                  <c:v>0.97929935574848836</c:v>
                </c:pt>
                <c:pt idx="73">
                  <c:v>0.94265438441124871</c:v>
                </c:pt>
                <c:pt idx="74">
                  <c:v>0.8560050925994388</c:v>
                </c:pt>
                <c:pt idx="75">
                  <c:v>0.82184045141652551</c:v>
                </c:pt>
                <c:pt idx="76">
                  <c:v>0.81394059599732937</c:v>
                </c:pt>
                <c:pt idx="77">
                  <c:v>0.76867946025582234</c:v>
                </c:pt>
                <c:pt idx="78">
                  <c:v>0.76931052488965745</c:v>
                </c:pt>
                <c:pt idx="79">
                  <c:v>0.68566652244081638</c:v>
                </c:pt>
                <c:pt idx="80">
                  <c:v>0.59362371339175635</c:v>
                </c:pt>
                <c:pt idx="81">
                  <c:v>0.47852499202702764</c:v>
                </c:pt>
                <c:pt idx="82">
                  <c:v>0.38989177196598696</c:v>
                </c:pt>
                <c:pt idx="83">
                  <c:v>0.27033144615021237</c:v>
                </c:pt>
                <c:pt idx="84">
                  <c:v>0.2023929087524988</c:v>
                </c:pt>
                <c:pt idx="85">
                  <c:v>0.1876750016321318</c:v>
                </c:pt>
                <c:pt idx="86">
                  <c:v>0.29947182356907642</c:v>
                </c:pt>
                <c:pt idx="87">
                  <c:v>0.41364924563855815</c:v>
                </c:pt>
                <c:pt idx="88">
                  <c:v>0.53072891332555316</c:v>
                </c:pt>
                <c:pt idx="89">
                  <c:v>0.60205728458305396</c:v>
                </c:pt>
                <c:pt idx="90">
                  <c:v>0.71779255360217264</c:v>
                </c:pt>
                <c:pt idx="91">
                  <c:v>0.78329070095097764</c:v>
                </c:pt>
                <c:pt idx="92">
                  <c:v>0.8080818606769572</c:v>
                </c:pt>
                <c:pt idx="93">
                  <c:v>0.82589782680659174</c:v>
                </c:pt>
                <c:pt idx="94">
                  <c:v>0.84414088154108924</c:v>
                </c:pt>
                <c:pt idx="95">
                  <c:v>0.85233809736605615</c:v>
                </c:pt>
                <c:pt idx="96">
                  <c:v>0.87178143615233139</c:v>
                </c:pt>
                <c:pt idx="97">
                  <c:v>0.93592871163342495</c:v>
                </c:pt>
                <c:pt idx="98">
                  <c:v>1.1142811839993636</c:v>
                </c:pt>
                <c:pt idx="99">
                  <c:v>1.2905470328033053</c:v>
                </c:pt>
                <c:pt idx="100">
                  <c:v>1.4362736737526649</c:v>
                </c:pt>
                <c:pt idx="101">
                  <c:v>1.4887084223562101</c:v>
                </c:pt>
                <c:pt idx="102">
                  <c:v>1.5403391539222049</c:v>
                </c:pt>
                <c:pt idx="103">
                  <c:v>1.5930399799024391</c:v>
                </c:pt>
                <c:pt idx="104">
                  <c:v>1.6097248414230816</c:v>
                </c:pt>
                <c:pt idx="105">
                  <c:v>1.6030765937027827</c:v>
                </c:pt>
                <c:pt idx="106">
                  <c:v>1.5368479739704874</c:v>
                </c:pt>
                <c:pt idx="107">
                  <c:v>1.4294274811933136</c:v>
                </c:pt>
                <c:pt idx="108">
                  <c:v>1.3083793114985693</c:v>
                </c:pt>
                <c:pt idx="109">
                  <c:v>1.1550158490751412</c:v>
                </c:pt>
                <c:pt idx="110">
                  <c:v>0.98229472234425097</c:v>
                </c:pt>
                <c:pt idx="111">
                  <c:v>0.843676418515935</c:v>
                </c:pt>
                <c:pt idx="112">
                  <c:v>0.84416597620255518</c:v>
                </c:pt>
                <c:pt idx="113">
                  <c:v>0.79825446641070352</c:v>
                </c:pt>
                <c:pt idx="114">
                  <c:v>0.83674621633056356</c:v>
                </c:pt>
                <c:pt idx="115">
                  <c:v>0.86857065634400354</c:v>
                </c:pt>
                <c:pt idx="116">
                  <c:v>0.79887853718934043</c:v>
                </c:pt>
                <c:pt idx="117">
                  <c:v>0.72219286916781389</c:v>
                </c:pt>
                <c:pt idx="118">
                  <c:v>0.66563086746138389</c:v>
                </c:pt>
                <c:pt idx="119">
                  <c:v>0.58663681138704604</c:v>
                </c:pt>
                <c:pt idx="120">
                  <c:v>0.57399900569449069</c:v>
                </c:pt>
                <c:pt idx="121">
                  <c:v>0.51336444616839028</c:v>
                </c:pt>
                <c:pt idx="122">
                  <c:v>0.61391614123387706</c:v>
                </c:pt>
                <c:pt idx="123">
                  <c:v>0.71087507390300431</c:v>
                </c:pt>
                <c:pt idx="124">
                  <c:v>0.75595889601934674</c:v>
                </c:pt>
                <c:pt idx="125">
                  <c:v>0.81581270833970887</c:v>
                </c:pt>
                <c:pt idx="126">
                  <c:v>0.92709391264887264</c:v>
                </c:pt>
                <c:pt idx="127">
                  <c:v>1.0224173820614275</c:v>
                </c:pt>
                <c:pt idx="128">
                  <c:v>1.1156405447758402</c:v>
                </c:pt>
                <c:pt idx="129">
                  <c:v>1.2042865193275567</c:v>
                </c:pt>
                <c:pt idx="130">
                  <c:v>1.2898158465838507</c:v>
                </c:pt>
                <c:pt idx="131">
                  <c:v>1.3980173568186667</c:v>
                </c:pt>
                <c:pt idx="132">
                  <c:v>1.4297145750107916</c:v>
                </c:pt>
                <c:pt idx="133">
                  <c:v>1.4385093155927193</c:v>
                </c:pt>
                <c:pt idx="134">
                  <c:v>1.4179988667063106</c:v>
                </c:pt>
                <c:pt idx="135">
                  <c:v>1.4559590123425479</c:v>
                </c:pt>
                <c:pt idx="136">
                  <c:v>1.5407081910405132</c:v>
                </c:pt>
                <c:pt idx="137">
                  <c:v>1.5932727826922295</c:v>
                </c:pt>
                <c:pt idx="138">
                  <c:v>1.6946596155234168</c:v>
                </c:pt>
                <c:pt idx="139">
                  <c:v>1.8272308507659902</c:v>
                </c:pt>
                <c:pt idx="140">
                  <c:v>1.9012513777156876</c:v>
                </c:pt>
                <c:pt idx="141">
                  <c:v>1.9189485020700399</c:v>
                </c:pt>
                <c:pt idx="142">
                  <c:v>1.9643654961197186</c:v>
                </c:pt>
                <c:pt idx="143">
                  <c:v>2.0027964811296712</c:v>
                </c:pt>
                <c:pt idx="144">
                  <c:v>1.9966970002229147</c:v>
                </c:pt>
                <c:pt idx="145">
                  <c:v>1.908157990569052</c:v>
                </c:pt>
                <c:pt idx="146">
                  <c:v>1.8831190387953574</c:v>
                </c:pt>
                <c:pt idx="147">
                  <c:v>1.8722931986338553</c:v>
                </c:pt>
                <c:pt idx="148">
                  <c:v>1.8925615678026388</c:v>
                </c:pt>
                <c:pt idx="149">
                  <c:v>1.9259317455412346</c:v>
                </c:pt>
                <c:pt idx="150">
                  <c:v>1.9376921118847217</c:v>
                </c:pt>
                <c:pt idx="151">
                  <c:v>1.9176078942598245</c:v>
                </c:pt>
                <c:pt idx="152">
                  <c:v>1.8807571874262172</c:v>
                </c:pt>
                <c:pt idx="153">
                  <c:v>1.8126742372299804</c:v>
                </c:pt>
                <c:pt idx="154">
                  <c:v>1.7649830920392429</c:v>
                </c:pt>
                <c:pt idx="155">
                  <c:v>1.7448935209345935</c:v>
                </c:pt>
                <c:pt idx="156">
                  <c:v>1.7152327984662159</c:v>
                </c:pt>
                <c:pt idx="157">
                  <c:v>1.6711537456737886</c:v>
                </c:pt>
                <c:pt idx="158">
                  <c:v>1.6401974860510187</c:v>
                </c:pt>
                <c:pt idx="159">
                  <c:v>1.5817566580076234</c:v>
                </c:pt>
                <c:pt idx="160">
                  <c:v>1.5565315227474257</c:v>
                </c:pt>
                <c:pt idx="161">
                  <c:v>1.5044491891809502</c:v>
                </c:pt>
                <c:pt idx="162">
                  <c:v>1.4788516141256924</c:v>
                </c:pt>
                <c:pt idx="163">
                  <c:v>1.4511814707890096</c:v>
                </c:pt>
                <c:pt idx="164">
                  <c:v>1.4630167658598472</c:v>
                </c:pt>
                <c:pt idx="165">
                  <c:v>1.5128762268837661</c:v>
                </c:pt>
                <c:pt idx="166">
                  <c:v>1.6481249168660992</c:v>
                </c:pt>
                <c:pt idx="167">
                  <c:v>1.7899588185265378</c:v>
                </c:pt>
                <c:pt idx="168">
                  <c:v>1.9382368987644798</c:v>
                </c:pt>
                <c:pt idx="169">
                  <c:v>2.0729215374738859</c:v>
                </c:pt>
                <c:pt idx="170">
                  <c:v>2.1553918483871484</c:v>
                </c:pt>
                <c:pt idx="171">
                  <c:v>2.0615084249324851</c:v>
                </c:pt>
                <c:pt idx="172">
                  <c:v>1.9967299538351173</c:v>
                </c:pt>
                <c:pt idx="173">
                  <c:v>1.9057023509858622</c:v>
                </c:pt>
                <c:pt idx="174">
                  <c:v>1.7534735212839516</c:v>
                </c:pt>
                <c:pt idx="175">
                  <c:v>1.6743321690416972</c:v>
                </c:pt>
                <c:pt idx="176">
                  <c:v>1.5967521074991899</c:v>
                </c:pt>
                <c:pt idx="177">
                  <c:v>1.5886070547223206</c:v>
                </c:pt>
                <c:pt idx="178">
                  <c:v>1.5869580064334881</c:v>
                </c:pt>
                <c:pt idx="179">
                  <c:v>1.5062324375653022</c:v>
                </c:pt>
                <c:pt idx="180">
                  <c:v>1.4451551663625277</c:v>
                </c:pt>
                <c:pt idx="181">
                  <c:v>1.290118176897731</c:v>
                </c:pt>
                <c:pt idx="182">
                  <c:v>1.1005199693884511</c:v>
                </c:pt>
                <c:pt idx="183">
                  <c:v>0.96184306580133438</c:v>
                </c:pt>
                <c:pt idx="184">
                  <c:v>0.82145792348083679</c:v>
                </c:pt>
                <c:pt idx="185">
                  <c:v>0.71545663555397232</c:v>
                </c:pt>
                <c:pt idx="186">
                  <c:v>0.70894148026245707</c:v>
                </c:pt>
                <c:pt idx="187">
                  <c:v>0.79137103118435015</c:v>
                </c:pt>
                <c:pt idx="188">
                  <c:v>0.84797087002112537</c:v>
                </c:pt>
                <c:pt idx="189">
                  <c:v>1.0040783944427327</c:v>
                </c:pt>
                <c:pt idx="190">
                  <c:v>1.1383760261006599</c:v>
                </c:pt>
                <c:pt idx="191">
                  <c:v>1.2329135693332613</c:v>
                </c:pt>
                <c:pt idx="192">
                  <c:v>1.3247720889840129</c:v>
                </c:pt>
                <c:pt idx="193">
                  <c:v>1.4042508650084762</c:v>
                </c:pt>
                <c:pt idx="194">
                  <c:v>1.4284515557844653</c:v>
                </c:pt>
                <c:pt idx="195">
                  <c:v>1.4456054698020575</c:v>
                </c:pt>
                <c:pt idx="196">
                  <c:v>1.4805758022305091</c:v>
                </c:pt>
                <c:pt idx="197">
                  <c:v>1.4586061905228149</c:v>
                </c:pt>
                <c:pt idx="198">
                  <c:v>1.4056208108987907</c:v>
                </c:pt>
                <c:pt idx="199">
                  <c:v>1.4261280577433955</c:v>
                </c:pt>
                <c:pt idx="200">
                  <c:v>1.4493903399223405</c:v>
                </c:pt>
                <c:pt idx="201">
                  <c:v>1.4800432852228105</c:v>
                </c:pt>
                <c:pt idx="202">
                  <c:v>1.4749602037707905</c:v>
                </c:pt>
                <c:pt idx="203">
                  <c:v>1.4838970794094601</c:v>
                </c:pt>
                <c:pt idx="204">
                  <c:v>1.5084221204024058</c:v>
                </c:pt>
                <c:pt idx="205">
                  <c:v>1.4919164761242956</c:v>
                </c:pt>
                <c:pt idx="206">
                  <c:v>1.4807273911028609</c:v>
                </c:pt>
                <c:pt idx="207">
                  <c:v>1.4724730606745347</c:v>
                </c:pt>
                <c:pt idx="208">
                  <c:v>1.3502312975074935</c:v>
                </c:pt>
                <c:pt idx="209">
                  <c:v>1.2981366693086291</c:v>
                </c:pt>
                <c:pt idx="210">
                  <c:v>1.3024140012017913</c:v>
                </c:pt>
                <c:pt idx="211">
                  <c:v>1.3675185499608709</c:v>
                </c:pt>
                <c:pt idx="212">
                  <c:v>1.4550390376071241</c:v>
                </c:pt>
                <c:pt idx="213">
                  <c:v>1.5531252367425488</c:v>
                </c:pt>
                <c:pt idx="214">
                  <c:v>1.643487830515838</c:v>
                </c:pt>
                <c:pt idx="215">
                  <c:v>1.7440240018036492</c:v>
                </c:pt>
                <c:pt idx="216">
                  <c:v>1.8057027378199728</c:v>
                </c:pt>
                <c:pt idx="217">
                  <c:v>1.887577507432151</c:v>
                </c:pt>
                <c:pt idx="218">
                  <c:v>2.0332495997114015</c:v>
                </c:pt>
                <c:pt idx="219">
                  <c:v>2.1896425083987032</c:v>
                </c:pt>
                <c:pt idx="220">
                  <c:v>2.415599663904942</c:v>
                </c:pt>
                <c:pt idx="221">
                  <c:v>2.5492110311589484</c:v>
                </c:pt>
                <c:pt idx="222">
                  <c:v>2.641580096927604</c:v>
                </c:pt>
                <c:pt idx="223">
                  <c:v>2.6400596304952697</c:v>
                </c:pt>
                <c:pt idx="224">
                  <c:v>2.5723271083880483</c:v>
                </c:pt>
                <c:pt idx="225">
                  <c:v>2.4219709705898347</c:v>
                </c:pt>
                <c:pt idx="226">
                  <c:v>2.2687716780743816</c:v>
                </c:pt>
                <c:pt idx="227">
                  <c:v>2.1104178830818681</c:v>
                </c:pt>
                <c:pt idx="228">
                  <c:v>1.9919951317193261</c:v>
                </c:pt>
                <c:pt idx="229">
                  <c:v>1.9549922007350435</c:v>
                </c:pt>
                <c:pt idx="230">
                  <c:v>1.9464004635825745</c:v>
                </c:pt>
                <c:pt idx="231">
                  <c:v>1.9257611433075636</c:v>
                </c:pt>
                <c:pt idx="232">
                  <c:v>1.886959733690025</c:v>
                </c:pt>
                <c:pt idx="233">
                  <c:v>1.8616301539106772</c:v>
                </c:pt>
                <c:pt idx="234">
                  <c:v>1.8256689195757811</c:v>
                </c:pt>
                <c:pt idx="235">
                  <c:v>1.8178153770329906</c:v>
                </c:pt>
                <c:pt idx="236">
                  <c:v>1.7831421391688551</c:v>
                </c:pt>
                <c:pt idx="237">
                  <c:v>1.7540662641510556</c:v>
                </c:pt>
                <c:pt idx="238">
                  <c:v>1.7353896532496305</c:v>
                </c:pt>
                <c:pt idx="239">
                  <c:v>1.7326103335936738</c:v>
                </c:pt>
                <c:pt idx="240">
                  <c:v>1.7306184305001875</c:v>
                </c:pt>
                <c:pt idx="241">
                  <c:v>1.7417705087946977</c:v>
                </c:pt>
                <c:pt idx="242">
                  <c:v>1.7133336865549731</c:v>
                </c:pt>
                <c:pt idx="243">
                  <c:v>1.7254481742800871</c:v>
                </c:pt>
                <c:pt idx="244">
                  <c:v>1.6954613889789607</c:v>
                </c:pt>
                <c:pt idx="245">
                  <c:v>1.6057542392220052</c:v>
                </c:pt>
                <c:pt idx="246">
                  <c:v>1.5521208447666928</c:v>
                </c:pt>
                <c:pt idx="247">
                  <c:v>1.6125199671898474</c:v>
                </c:pt>
                <c:pt idx="248">
                  <c:v>1.6159613888710225</c:v>
                </c:pt>
                <c:pt idx="249">
                  <c:v>1.6283236679399322</c:v>
                </c:pt>
                <c:pt idx="250">
                  <c:v>1.6488230321546233</c:v>
                </c:pt>
                <c:pt idx="251">
                  <c:v>1.7082245001812975</c:v>
                </c:pt>
                <c:pt idx="252">
                  <c:v>1.7661872427859564</c:v>
                </c:pt>
                <c:pt idx="253">
                  <c:v>1.7797976117300502</c:v>
                </c:pt>
                <c:pt idx="254">
                  <c:v>1.7120178954034</c:v>
                </c:pt>
                <c:pt idx="255">
                  <c:v>1.6609585661736765</c:v>
                </c:pt>
                <c:pt idx="256">
                  <c:v>1.6637203541200269</c:v>
                </c:pt>
                <c:pt idx="257">
                  <c:v>1.6213267667769533</c:v>
                </c:pt>
                <c:pt idx="258">
                  <c:v>1.607149057128431</c:v>
                </c:pt>
                <c:pt idx="259">
                  <c:v>1.5801288074158295</c:v>
                </c:pt>
                <c:pt idx="260">
                  <c:v>1.5666399426049811</c:v>
                </c:pt>
                <c:pt idx="261">
                  <c:v>1.7016736339112524</c:v>
                </c:pt>
                <c:pt idx="262">
                  <c:v>1.8297679275816507</c:v>
                </c:pt>
                <c:pt idx="263">
                  <c:v>1.9043908672681304</c:v>
                </c:pt>
                <c:pt idx="264">
                  <c:v>1.9507407836291952</c:v>
                </c:pt>
                <c:pt idx="265">
                  <c:v>1.9783161949290105</c:v>
                </c:pt>
                <c:pt idx="266">
                  <c:v>2.0182334048618737</c:v>
                </c:pt>
                <c:pt idx="267">
                  <c:v>2.1556961357757176</c:v>
                </c:pt>
                <c:pt idx="268">
                  <c:v>2.2516615117695742</c:v>
                </c:pt>
                <c:pt idx="269">
                  <c:v>2.3194448227154902</c:v>
                </c:pt>
                <c:pt idx="270">
                  <c:v>2.3317045369655283</c:v>
                </c:pt>
                <c:pt idx="271">
                  <c:v>2.3410723709754104</c:v>
                </c:pt>
                <c:pt idx="272">
                  <c:v>2.2824675471934368</c:v>
                </c:pt>
                <c:pt idx="273">
                  <c:v>2.1715487440847525</c:v>
                </c:pt>
                <c:pt idx="274">
                  <c:v>2.0236246331750714</c:v>
                </c:pt>
                <c:pt idx="275">
                  <c:v>1.942429031281879</c:v>
                </c:pt>
                <c:pt idx="276">
                  <c:v>1.8890872602273896</c:v>
                </c:pt>
                <c:pt idx="277">
                  <c:v>1.7763303462198603</c:v>
                </c:pt>
                <c:pt idx="278">
                  <c:v>1.681980306414083</c:v>
                </c:pt>
                <c:pt idx="279">
                  <c:v>1.5563713172346658</c:v>
                </c:pt>
                <c:pt idx="280">
                  <c:v>1.468394886555189</c:v>
                </c:pt>
                <c:pt idx="281">
                  <c:v>1.4126982766012797</c:v>
                </c:pt>
                <c:pt idx="282">
                  <c:v>1.4108425101393143</c:v>
                </c:pt>
                <c:pt idx="283">
                  <c:v>1.3894395936042434</c:v>
                </c:pt>
                <c:pt idx="284">
                  <c:v>1.4225064441996449</c:v>
                </c:pt>
                <c:pt idx="285">
                  <c:v>1.4519061043471322</c:v>
                </c:pt>
                <c:pt idx="286">
                  <c:v>1.5273223988342626</c:v>
                </c:pt>
                <c:pt idx="287">
                  <c:v>1.6106737145111922</c:v>
                </c:pt>
                <c:pt idx="288">
                  <c:v>1.7108569713653112</c:v>
                </c:pt>
                <c:pt idx="289">
                  <c:v>1.824668612400089</c:v>
                </c:pt>
                <c:pt idx="290">
                  <c:v>1.8954677096354984</c:v>
                </c:pt>
                <c:pt idx="291">
                  <c:v>1.9401132702866091</c:v>
                </c:pt>
                <c:pt idx="292">
                  <c:v>2.0003306950504225</c:v>
                </c:pt>
                <c:pt idx="293">
                  <c:v>2.0642438183295644</c:v>
                </c:pt>
                <c:pt idx="294">
                  <c:v>2.0352163634497153</c:v>
                </c:pt>
                <c:pt idx="295">
                  <c:v>2.0052694362108503</c:v>
                </c:pt>
                <c:pt idx="296">
                  <c:v>2.0002633580552844</c:v>
                </c:pt>
                <c:pt idx="297">
                  <c:v>2.0156885317534177</c:v>
                </c:pt>
                <c:pt idx="298">
                  <c:v>2.0483699189662463</c:v>
                </c:pt>
                <c:pt idx="299">
                  <c:v>2.1521638794028934</c:v>
                </c:pt>
                <c:pt idx="300">
                  <c:v>2.2912019696292374</c:v>
                </c:pt>
                <c:pt idx="301">
                  <c:v>2.5045848194065985</c:v>
                </c:pt>
                <c:pt idx="302">
                  <c:v>2.6846860884937032</c:v>
                </c:pt>
                <c:pt idx="303">
                  <c:v>2.864528567330892</c:v>
                </c:pt>
                <c:pt idx="304">
                  <c:v>3.011817380633047</c:v>
                </c:pt>
                <c:pt idx="305">
                  <c:v>3.0078835521125198</c:v>
                </c:pt>
                <c:pt idx="306">
                  <c:v>2.970269801857397</c:v>
                </c:pt>
                <c:pt idx="307">
                  <c:v>2.8953444646129447</c:v>
                </c:pt>
                <c:pt idx="308">
                  <c:v>2.801803930014525</c:v>
                </c:pt>
                <c:pt idx="309">
                  <c:v>2.7331274803581995</c:v>
                </c:pt>
                <c:pt idx="310">
                  <c:v>2.6282870350838725</c:v>
                </c:pt>
                <c:pt idx="311">
                  <c:v>2.524193080117342</c:v>
                </c:pt>
                <c:pt idx="312">
                  <c:v>2.3927135349563815</c:v>
                </c:pt>
                <c:pt idx="313">
                  <c:v>2.3277417891965215</c:v>
                </c:pt>
                <c:pt idx="314">
                  <c:v>2.1949292081051115</c:v>
                </c:pt>
                <c:pt idx="315">
                  <c:v>2.0529583945047256</c:v>
                </c:pt>
                <c:pt idx="316">
                  <c:v>1.9866421062266104</c:v>
                </c:pt>
                <c:pt idx="317">
                  <c:v>1.9490065162978907</c:v>
                </c:pt>
                <c:pt idx="318">
                  <c:v>1.9314336053275738</c:v>
                </c:pt>
                <c:pt idx="319">
                  <c:v>1.8813991433997528</c:v>
                </c:pt>
                <c:pt idx="320">
                  <c:v>1.7894502756854476</c:v>
                </c:pt>
                <c:pt idx="321">
                  <c:v>1.7787861027579346</c:v>
                </c:pt>
                <c:pt idx="322">
                  <c:v>1.766436872647519</c:v>
                </c:pt>
                <c:pt idx="323">
                  <c:v>1.7030368733691474</c:v>
                </c:pt>
                <c:pt idx="324">
                  <c:v>1.696142845429496</c:v>
                </c:pt>
                <c:pt idx="325">
                  <c:v>1.7146839415835322</c:v>
                </c:pt>
                <c:pt idx="326">
                  <c:v>1.6747409084416507</c:v>
                </c:pt>
                <c:pt idx="327">
                  <c:v>1.6885582331233271</c:v>
                </c:pt>
                <c:pt idx="328">
                  <c:v>1.6756397690702898</c:v>
                </c:pt>
                <c:pt idx="329">
                  <c:v>1.7011188958873706</c:v>
                </c:pt>
                <c:pt idx="330">
                  <c:v>1.7211258719188058</c:v>
                </c:pt>
                <c:pt idx="331">
                  <c:v>1.7703596293900168</c:v>
                </c:pt>
                <c:pt idx="332">
                  <c:v>1.8854592156716681</c:v>
                </c:pt>
                <c:pt idx="333">
                  <c:v>2.0559948866106366</c:v>
                </c:pt>
                <c:pt idx="334">
                  <c:v>2.2016630070937588</c:v>
                </c:pt>
                <c:pt idx="335">
                  <c:v>2.3171953131874417</c:v>
                </c:pt>
                <c:pt idx="336">
                  <c:v>2.4291214043861586</c:v>
                </c:pt>
                <c:pt idx="337">
                  <c:v>2.495140374192101</c:v>
                </c:pt>
                <c:pt idx="338">
                  <c:v>2.5590858892312438</c:v>
                </c:pt>
                <c:pt idx="339">
                  <c:v>2.6163879870428497</c:v>
                </c:pt>
                <c:pt idx="340">
                  <c:v>2.6853816262692813</c:v>
                </c:pt>
                <c:pt idx="341">
                  <c:v>2.7313406101599149</c:v>
                </c:pt>
                <c:pt idx="342">
                  <c:v>2.9117160284367749</c:v>
                </c:pt>
                <c:pt idx="343">
                  <c:v>3.0558817720934122</c:v>
                </c:pt>
                <c:pt idx="344">
                  <c:v>3.1871200068969738</c:v>
                </c:pt>
                <c:pt idx="345">
                  <c:v>3.3232562813961271</c:v>
                </c:pt>
                <c:pt idx="346">
                  <c:v>3.4867911252419974</c:v>
                </c:pt>
                <c:pt idx="347">
                  <c:v>3.5199435137017523</c:v>
                </c:pt>
                <c:pt idx="348">
                  <c:v>3.4960044591006683</c:v>
                </c:pt>
                <c:pt idx="349">
                  <c:v>3.4761242584958087</c:v>
                </c:pt>
                <c:pt idx="350">
                  <c:v>3.426128618256072</c:v>
                </c:pt>
                <c:pt idx="351">
                  <c:v>3.4129158279510476</c:v>
                </c:pt>
                <c:pt idx="352">
                  <c:v>3.3700739544449339</c:v>
                </c:pt>
                <c:pt idx="353">
                  <c:v>3.4643076559820338</c:v>
                </c:pt>
                <c:pt idx="354">
                  <c:v>3.4895815075352834</c:v>
                </c:pt>
                <c:pt idx="355">
                  <c:v>3.4376398043940983</c:v>
                </c:pt>
                <c:pt idx="356">
                  <c:v>3.368721735925861</c:v>
                </c:pt>
                <c:pt idx="357">
                  <c:v>3.2564328345718274</c:v>
                </c:pt>
                <c:pt idx="358">
                  <c:v>3.1625484780714381</c:v>
                </c:pt>
                <c:pt idx="359">
                  <c:v>3.0484900454245847</c:v>
                </c:pt>
                <c:pt idx="360">
                  <c:v>2.8574397355259391</c:v>
                </c:pt>
                <c:pt idx="361">
                  <c:v>2.6520683347277827</c:v>
                </c:pt>
                <c:pt idx="362">
                  <c:v>2.5168654591791202</c:v>
                </c:pt>
                <c:pt idx="363">
                  <c:v>2.4038402000609618</c:v>
                </c:pt>
                <c:pt idx="364">
                  <c:v>2.4002908195897912</c:v>
                </c:pt>
                <c:pt idx="365">
                  <c:v>2.372806087647823</c:v>
                </c:pt>
                <c:pt idx="366">
                  <c:v>2.4042778938394265</c:v>
                </c:pt>
                <c:pt idx="367">
                  <c:v>2.3568433388609669</c:v>
                </c:pt>
                <c:pt idx="368">
                  <c:v>2.3724882667475353</c:v>
                </c:pt>
                <c:pt idx="369">
                  <c:v>2.4423136968645784</c:v>
                </c:pt>
                <c:pt idx="370">
                  <c:v>2.5078628558682499</c:v>
                </c:pt>
                <c:pt idx="371">
                  <c:v>2.6048430026134937</c:v>
                </c:pt>
                <c:pt idx="372">
                  <c:v>2.7126749292069303</c:v>
                </c:pt>
                <c:pt idx="373">
                  <c:v>2.802794831511159</c:v>
                </c:pt>
                <c:pt idx="374">
                  <c:v>2.8487006371242733</c:v>
                </c:pt>
                <c:pt idx="375">
                  <c:v>2.8372687650465847</c:v>
                </c:pt>
                <c:pt idx="376">
                  <c:v>2.7711975058638778</c:v>
                </c:pt>
                <c:pt idx="377">
                  <c:v>2.7594222543523559</c:v>
                </c:pt>
                <c:pt idx="378">
                  <c:v>2.8292138285676605</c:v>
                </c:pt>
                <c:pt idx="379">
                  <c:v>2.8611742077839493</c:v>
                </c:pt>
                <c:pt idx="380">
                  <c:v>2.8490880929410176</c:v>
                </c:pt>
                <c:pt idx="381">
                  <c:v>2.8888834664179615</c:v>
                </c:pt>
                <c:pt idx="382">
                  <c:v>2.9370809176147468</c:v>
                </c:pt>
                <c:pt idx="383">
                  <c:v>2.9858568499718419</c:v>
                </c:pt>
                <c:pt idx="384">
                  <c:v>3.0128459369783762</c:v>
                </c:pt>
                <c:pt idx="385">
                  <c:v>3.0204362208890654</c:v>
                </c:pt>
                <c:pt idx="386">
                  <c:v>2.9859012652212034</c:v>
                </c:pt>
                <c:pt idx="387">
                  <c:v>3.0432979023376698</c:v>
                </c:pt>
                <c:pt idx="388">
                  <c:v>3.1062286912661969</c:v>
                </c:pt>
                <c:pt idx="389">
                  <c:v>3.1531364649015483</c:v>
                </c:pt>
                <c:pt idx="390">
                  <c:v>3.1938662453484929</c:v>
                </c:pt>
                <c:pt idx="391">
                  <c:v>3.2931951378353808</c:v>
                </c:pt>
                <c:pt idx="392">
                  <c:v>3.3467531393444125</c:v>
                </c:pt>
                <c:pt idx="393">
                  <c:v>3.4295769230215885</c:v>
                </c:pt>
                <c:pt idx="394">
                  <c:v>3.4274176227693367</c:v>
                </c:pt>
                <c:pt idx="395">
                  <c:v>3.4306257708994425</c:v>
                </c:pt>
                <c:pt idx="396">
                  <c:v>3.4394715544335899</c:v>
                </c:pt>
                <c:pt idx="397">
                  <c:v>3.4645076673704081</c:v>
                </c:pt>
                <c:pt idx="398">
                  <c:v>3.5133229777183796</c:v>
                </c:pt>
                <c:pt idx="399">
                  <c:v>3.6103173920954617</c:v>
                </c:pt>
                <c:pt idx="400">
                  <c:v>3.7251273217911116</c:v>
                </c:pt>
                <c:pt idx="401">
                  <c:v>3.775275241503377</c:v>
                </c:pt>
                <c:pt idx="402">
                  <c:v>3.8764593461093049</c:v>
                </c:pt>
                <c:pt idx="403">
                  <c:v>3.9661720186465725</c:v>
                </c:pt>
                <c:pt idx="404">
                  <c:v>4.0036570119695138</c:v>
                </c:pt>
                <c:pt idx="405">
                  <c:v>4.0050951908171486</c:v>
                </c:pt>
                <c:pt idx="406">
                  <c:v>4.0183437642570654</c:v>
                </c:pt>
                <c:pt idx="407">
                  <c:v>3.9832557341262969</c:v>
                </c:pt>
                <c:pt idx="408">
                  <c:v>3.9309511880717967</c:v>
                </c:pt>
                <c:pt idx="409">
                  <c:v>3.8723146481225412</c:v>
                </c:pt>
                <c:pt idx="410">
                  <c:v>3.7614329412183407</c:v>
                </c:pt>
                <c:pt idx="411">
                  <c:v>3.6576656980317268</c:v>
                </c:pt>
                <c:pt idx="412">
                  <c:v>3.4857936184316762</c:v>
                </c:pt>
                <c:pt idx="413">
                  <c:v>3.4126872637987566</c:v>
                </c:pt>
                <c:pt idx="414">
                  <c:v>3.3653195273931136</c:v>
                </c:pt>
                <c:pt idx="415">
                  <c:v>3.4323582794528305</c:v>
                </c:pt>
                <c:pt idx="416">
                  <c:v>3.4985157903888533</c:v>
                </c:pt>
                <c:pt idx="417">
                  <c:v>3.5182963015597046</c:v>
                </c:pt>
                <c:pt idx="418">
                  <c:v>3.578954857390876</c:v>
                </c:pt>
                <c:pt idx="419">
                  <c:v>3.6664723517973288</c:v>
                </c:pt>
                <c:pt idx="420">
                  <c:v>3.7583302804756222</c:v>
                </c:pt>
                <c:pt idx="421">
                  <c:v>3.7827390636349096</c:v>
                </c:pt>
                <c:pt idx="422">
                  <c:v>3.7770014529607043</c:v>
                </c:pt>
                <c:pt idx="423">
                  <c:v>3.827075553375602</c:v>
                </c:pt>
                <c:pt idx="424">
                  <c:v>3.8848409642435322</c:v>
                </c:pt>
                <c:pt idx="425">
                  <c:v>3.9009070406473882</c:v>
                </c:pt>
                <c:pt idx="426">
                  <c:v>4.0091079330944162</c:v>
                </c:pt>
                <c:pt idx="427">
                  <c:v>4.0169881014336912</c:v>
                </c:pt>
                <c:pt idx="428">
                  <c:v>3.892992086706855</c:v>
                </c:pt>
                <c:pt idx="429">
                  <c:v>3.7842424134664117</c:v>
                </c:pt>
                <c:pt idx="430">
                  <c:v>3.7146480392944166</c:v>
                </c:pt>
                <c:pt idx="431">
                  <c:v>3.6197472358523517</c:v>
                </c:pt>
                <c:pt idx="432">
                  <c:v>3.6412963669198426</c:v>
                </c:pt>
                <c:pt idx="433">
                  <c:v>3.6956510926224588</c:v>
                </c:pt>
                <c:pt idx="434">
                  <c:v>3.7610115275237024</c:v>
                </c:pt>
                <c:pt idx="435">
                  <c:v>3.858446322263243</c:v>
                </c:pt>
                <c:pt idx="436">
                  <c:v>3.9813413175067272</c:v>
                </c:pt>
                <c:pt idx="437">
                  <c:v>4.0337221035267055</c:v>
                </c:pt>
                <c:pt idx="438">
                  <c:v>4.128375569369461</c:v>
                </c:pt>
                <c:pt idx="439">
                  <c:v>4.2366430963649711</c:v>
                </c:pt>
                <c:pt idx="440">
                  <c:v>4.2801548921451165</c:v>
                </c:pt>
                <c:pt idx="441">
                  <c:v>4.3883985643935635</c:v>
                </c:pt>
                <c:pt idx="442">
                  <c:v>4.48389597041293</c:v>
                </c:pt>
                <c:pt idx="443">
                  <c:v>4.4844118659961127</c:v>
                </c:pt>
                <c:pt idx="444">
                  <c:v>4.5080539240344022</c:v>
                </c:pt>
                <c:pt idx="445">
                  <c:v>4.5436331424480425</c:v>
                </c:pt>
                <c:pt idx="446">
                  <c:v>4.6401477775641835</c:v>
                </c:pt>
                <c:pt idx="447">
                  <c:v>4.6738394071639995</c:v>
                </c:pt>
                <c:pt idx="448">
                  <c:v>4.6917971358981019</c:v>
                </c:pt>
                <c:pt idx="449">
                  <c:v>4.7175641139908135</c:v>
                </c:pt>
                <c:pt idx="450">
                  <c:v>4.6852335010970769</c:v>
                </c:pt>
                <c:pt idx="451">
                  <c:v>4.7211029086255554</c:v>
                </c:pt>
                <c:pt idx="452">
                  <c:v>4.6706235205505564</c:v>
                </c:pt>
                <c:pt idx="453">
                  <c:v>4.6945099562450165</c:v>
                </c:pt>
                <c:pt idx="454">
                  <c:v>4.6710306891693243</c:v>
                </c:pt>
                <c:pt idx="455">
                  <c:v>4.6984521521939993</c:v>
                </c:pt>
                <c:pt idx="456">
                  <c:v>4.8055470418527406</c:v>
                </c:pt>
                <c:pt idx="457">
                  <c:v>4.910765058806426</c:v>
                </c:pt>
                <c:pt idx="458">
                  <c:v>4.9970460293984322</c:v>
                </c:pt>
                <c:pt idx="459">
                  <c:v>5.1258393819993344</c:v>
                </c:pt>
                <c:pt idx="460">
                  <c:v>5.2085944433613971</c:v>
                </c:pt>
                <c:pt idx="461">
                  <c:v>5.2463813410009781</c:v>
                </c:pt>
                <c:pt idx="462">
                  <c:v>5.3193567841971019</c:v>
                </c:pt>
                <c:pt idx="463">
                  <c:v>5.3671034673695521</c:v>
                </c:pt>
                <c:pt idx="464">
                  <c:v>5.3563903647494753</c:v>
                </c:pt>
                <c:pt idx="465">
                  <c:v>5.3977269452750836</c:v>
                </c:pt>
                <c:pt idx="466">
                  <c:v>5.5060872142170458</c:v>
                </c:pt>
                <c:pt idx="467">
                  <c:v>5.5173298241731086</c:v>
                </c:pt>
                <c:pt idx="468">
                  <c:v>5.5895812031501606</c:v>
                </c:pt>
                <c:pt idx="469">
                  <c:v>5.6798020090382835</c:v>
                </c:pt>
                <c:pt idx="470">
                  <c:v>5.6953977390058794</c:v>
                </c:pt>
                <c:pt idx="471">
                  <c:v>5.7748076006496945</c:v>
                </c:pt>
                <c:pt idx="472">
                  <c:v>5.8148298401031049</c:v>
                </c:pt>
                <c:pt idx="473">
                  <c:v>5.8630009533771785</c:v>
                </c:pt>
                <c:pt idx="474">
                  <c:v>5.8242780541691275</c:v>
                </c:pt>
                <c:pt idx="475">
                  <c:v>5.8685734539909218</c:v>
                </c:pt>
                <c:pt idx="476">
                  <c:v>5.9342111785541576</c:v>
                </c:pt>
                <c:pt idx="477">
                  <c:v>5.9826617876925692</c:v>
                </c:pt>
                <c:pt idx="478">
                  <c:v>6.0327071960186549</c:v>
                </c:pt>
                <c:pt idx="479">
                  <c:v>6.0265393235630533</c:v>
                </c:pt>
                <c:pt idx="480">
                  <c:v>6.0044791849917587</c:v>
                </c:pt>
                <c:pt idx="481">
                  <c:v>6.1024083556432283</c:v>
                </c:pt>
                <c:pt idx="482">
                  <c:v>6.132511535306933</c:v>
                </c:pt>
                <c:pt idx="483">
                  <c:v>6.2375486854265647</c:v>
                </c:pt>
                <c:pt idx="484">
                  <c:v>6.3804255626899931</c:v>
                </c:pt>
                <c:pt idx="485">
                  <c:v>6.5459900412101817</c:v>
                </c:pt>
                <c:pt idx="486">
                  <c:v>6.7830291759078172</c:v>
                </c:pt>
                <c:pt idx="487">
                  <c:v>7.064500970338969</c:v>
                </c:pt>
                <c:pt idx="488">
                  <c:v>7.2880385531650482</c:v>
                </c:pt>
                <c:pt idx="489">
                  <c:v>7.5039340574170241</c:v>
                </c:pt>
                <c:pt idx="490">
                  <c:v>7.6173654075127155</c:v>
                </c:pt>
                <c:pt idx="491">
                  <c:v>7.6982274380992974</c:v>
                </c:pt>
                <c:pt idx="492">
                  <c:v>7.8020813678826269</c:v>
                </c:pt>
                <c:pt idx="493">
                  <c:v>7.9479777544127188</c:v>
                </c:pt>
                <c:pt idx="494">
                  <c:v>8.0241557829531072</c:v>
                </c:pt>
                <c:pt idx="495">
                  <c:v>8.0038364655168515</c:v>
                </c:pt>
                <c:pt idx="496">
                  <c:v>8.103803095356378</c:v>
                </c:pt>
                <c:pt idx="497">
                  <c:v>8.2088933742102039</c:v>
                </c:pt>
                <c:pt idx="498">
                  <c:v>8.2750721451490676</c:v>
                </c:pt>
                <c:pt idx="499">
                  <c:v>8.4282125290422858</c:v>
                </c:pt>
                <c:pt idx="500">
                  <c:v>8.5666593110674469</c:v>
                </c:pt>
                <c:pt idx="501">
                  <c:v>8.5659579308588771</c:v>
                </c:pt>
                <c:pt idx="502">
                  <c:v>8.606879852242395</c:v>
                </c:pt>
                <c:pt idx="503">
                  <c:v>8.6907022775463005</c:v>
                </c:pt>
                <c:pt idx="504">
                  <c:v>8.811220620898613</c:v>
                </c:pt>
                <c:pt idx="505">
                  <c:v>8.8955677226411929</c:v>
                </c:pt>
                <c:pt idx="506">
                  <c:v>9.0157025736678413</c:v>
                </c:pt>
                <c:pt idx="507">
                  <c:v>9.0897703946971422</c:v>
                </c:pt>
                <c:pt idx="508">
                  <c:v>9.15946340583106</c:v>
                </c:pt>
                <c:pt idx="509">
                  <c:v>9.1490087566965244</c:v>
                </c:pt>
                <c:pt idx="510">
                  <c:v>9.1041055852837225</c:v>
                </c:pt>
                <c:pt idx="511">
                  <c:v>9.2112677195449457</c:v>
                </c:pt>
                <c:pt idx="512">
                  <c:v>9.3025420158187586</c:v>
                </c:pt>
                <c:pt idx="513">
                  <c:v>9.4619962679305019</c:v>
                </c:pt>
                <c:pt idx="514">
                  <c:v>9.6371773323980516</c:v>
                </c:pt>
                <c:pt idx="515">
                  <c:v>9.7699946483069482</c:v>
                </c:pt>
                <c:pt idx="516">
                  <c:v>9.9887420727578018</c:v>
                </c:pt>
                <c:pt idx="517">
                  <c:v>10.161693589888516</c:v>
                </c:pt>
                <c:pt idx="518">
                  <c:v>10.21131253066566</c:v>
                </c:pt>
                <c:pt idx="519">
                  <c:v>10.337214409473273</c:v>
                </c:pt>
                <c:pt idx="520">
                  <c:v>10.486025836758341</c:v>
                </c:pt>
                <c:pt idx="521">
                  <c:v>10.653064647655139</c:v>
                </c:pt>
                <c:pt idx="522">
                  <c:v>10.723820251919539</c:v>
                </c:pt>
                <c:pt idx="523">
                  <c:v>10.933565090748592</c:v>
                </c:pt>
                <c:pt idx="524">
                  <c:v>10.982664395695428</c:v>
                </c:pt>
                <c:pt idx="525">
                  <c:v>10.974766666469572</c:v>
                </c:pt>
                <c:pt idx="526">
                  <c:v>11.032820702154353</c:v>
                </c:pt>
                <c:pt idx="527">
                  <c:v>11.114540397246195</c:v>
                </c:pt>
                <c:pt idx="528">
                  <c:v>11.299149736752787</c:v>
                </c:pt>
                <c:pt idx="529">
                  <c:v>11.568634547145383</c:v>
                </c:pt>
                <c:pt idx="530">
                  <c:v>11.760462739629485</c:v>
                </c:pt>
                <c:pt idx="531">
                  <c:v>11.992590061280366</c:v>
                </c:pt>
                <c:pt idx="532">
                  <c:v>12.20743037686271</c:v>
                </c:pt>
                <c:pt idx="533">
                  <c:v>12.406485099146506</c:v>
                </c:pt>
                <c:pt idx="534">
                  <c:v>12.589511817011187</c:v>
                </c:pt>
                <c:pt idx="535">
                  <c:v>12.726670959759275</c:v>
                </c:pt>
                <c:pt idx="536">
                  <c:v>12.86855038378634</c:v>
                </c:pt>
                <c:pt idx="537">
                  <c:v>12.981745391697546</c:v>
                </c:pt>
                <c:pt idx="538">
                  <c:v>13.291669725323146</c:v>
                </c:pt>
                <c:pt idx="539">
                  <c:v>13.662209004459324</c:v>
                </c:pt>
                <c:pt idx="540">
                  <c:v>13.91419441401913</c:v>
                </c:pt>
                <c:pt idx="541">
                  <c:v>14.157507136935338</c:v>
                </c:pt>
                <c:pt idx="542">
                  <c:v>14.313161360475577</c:v>
                </c:pt>
                <c:pt idx="543">
                  <c:v>14.506480560956053</c:v>
                </c:pt>
                <c:pt idx="544">
                  <c:v>14.702112841914092</c:v>
                </c:pt>
                <c:pt idx="545">
                  <c:v>14.867652697330469</c:v>
                </c:pt>
                <c:pt idx="546">
                  <c:v>15.17860534442487</c:v>
                </c:pt>
                <c:pt idx="547">
                  <c:v>15.429423549313046</c:v>
                </c:pt>
                <c:pt idx="548">
                  <c:v>15.650902134049527</c:v>
                </c:pt>
                <c:pt idx="549">
                  <c:v>15.957745521053594</c:v>
                </c:pt>
                <c:pt idx="550">
                  <c:v>16.380721143725534</c:v>
                </c:pt>
                <c:pt idx="551">
                  <c:v>16.857520387797138</c:v>
                </c:pt>
                <c:pt idx="552">
                  <c:v>17.249697078463214</c:v>
                </c:pt>
                <c:pt idx="553">
                  <c:v>17.67078147544143</c:v>
                </c:pt>
                <c:pt idx="554">
                  <c:v>18.070648355753988</c:v>
                </c:pt>
                <c:pt idx="555">
                  <c:v>18.458462673561272</c:v>
                </c:pt>
                <c:pt idx="556">
                  <c:v>18.865693559217121</c:v>
                </c:pt>
                <c:pt idx="557">
                  <c:v>19.390693430066865</c:v>
                </c:pt>
                <c:pt idx="558">
                  <c:v>19.757744468296199</c:v>
                </c:pt>
                <c:pt idx="559">
                  <c:v>20.037774546020149</c:v>
                </c:pt>
                <c:pt idx="560">
                  <c:v>20.607793414751526</c:v>
                </c:pt>
                <c:pt idx="561">
                  <c:v>21.239909655860295</c:v>
                </c:pt>
                <c:pt idx="562">
                  <c:v>21.858480336689837</c:v>
                </c:pt>
                <c:pt idx="563">
                  <c:v>22.445656868152998</c:v>
                </c:pt>
                <c:pt idx="564">
                  <c:v>22.824379626997352</c:v>
                </c:pt>
                <c:pt idx="565">
                  <c:v>23.288707053091052</c:v>
                </c:pt>
                <c:pt idx="566">
                  <c:v>23.817619171157052</c:v>
                </c:pt>
                <c:pt idx="567">
                  <c:v>24.410787964292396</c:v>
                </c:pt>
                <c:pt idx="568">
                  <c:v>25.128155651810754</c:v>
                </c:pt>
                <c:pt idx="569">
                  <c:v>25.718120865256637</c:v>
                </c:pt>
                <c:pt idx="570">
                  <c:v>26.248083597805415</c:v>
                </c:pt>
                <c:pt idx="571">
                  <c:v>26.932449129177346</c:v>
                </c:pt>
                <c:pt idx="572">
                  <c:v>27.619024343321701</c:v>
                </c:pt>
                <c:pt idx="573">
                  <c:v>28.297439473985921</c:v>
                </c:pt>
                <c:pt idx="574">
                  <c:v>28.899297641886861</c:v>
                </c:pt>
                <c:pt idx="575">
                  <c:v>29.473165214758325</c:v>
                </c:pt>
                <c:pt idx="576">
                  <c:v>30.315837113325653</c:v>
                </c:pt>
                <c:pt idx="577">
                  <c:v>31.19915282328979</c:v>
                </c:pt>
                <c:pt idx="578">
                  <c:v>32.096103862793271</c:v>
                </c:pt>
                <c:pt idx="579">
                  <c:v>33.119483315548287</c:v>
                </c:pt>
                <c:pt idx="580">
                  <c:v>34.123788034639212</c:v>
                </c:pt>
                <c:pt idx="581">
                  <c:v>35.314422986734158</c:v>
                </c:pt>
                <c:pt idx="582">
                  <c:v>36.280527316915709</c:v>
                </c:pt>
                <c:pt idx="583">
                  <c:v>37.393291374317407</c:v>
                </c:pt>
                <c:pt idx="584">
                  <c:v>38.661928430420623</c:v>
                </c:pt>
                <c:pt idx="585">
                  <c:v>40.030381526631899</c:v>
                </c:pt>
                <c:pt idx="586">
                  <c:v>41.345173005655049</c:v>
                </c:pt>
                <c:pt idx="587">
                  <c:v>42.518309656145945</c:v>
                </c:pt>
                <c:pt idx="588">
                  <c:v>43.837586523474066</c:v>
                </c:pt>
                <c:pt idx="589">
                  <c:v>44.795643336370553</c:v>
                </c:pt>
                <c:pt idx="590">
                  <c:v>44.128447684176045</c:v>
                </c:pt>
                <c:pt idx="591">
                  <c:v>42.268193191805167</c:v>
                </c:pt>
                <c:pt idx="592">
                  <c:v>39.457039736576874</c:v>
                </c:pt>
                <c:pt idx="593">
                  <c:v>35.579843635382488</c:v>
                </c:pt>
                <c:pt idx="594">
                  <c:v>30.925642049927475</c:v>
                </c:pt>
                <c:pt idx="595">
                  <c:v>25.63824108094995</c:v>
                </c:pt>
                <c:pt idx="596">
                  <c:v>19.840788979422843</c:v>
                </c:pt>
                <c:pt idx="597">
                  <c:v>13.49127525245637</c:v>
                </c:pt>
                <c:pt idx="598">
                  <c:v>6.7026941982260881</c:v>
                </c:pt>
                <c:pt idx="599">
                  <c:v>-0.43322423554437239</c:v>
                </c:pt>
                <c:pt idx="600">
                  <c:v>-7.8696999165171873</c:v>
                </c:pt>
                <c:pt idx="601">
                  <c:v>-15.569861504046786</c:v>
                </c:pt>
                <c:pt idx="602">
                  <c:v>-23.56899284267304</c:v>
                </c:pt>
                <c:pt idx="603">
                  <c:v>-31.731126909079485</c:v>
                </c:pt>
                <c:pt idx="604">
                  <c:v>-39.924216911348552</c:v>
                </c:pt>
                <c:pt idx="605">
                  <c:v>-48.083795715033197</c:v>
                </c:pt>
                <c:pt idx="606">
                  <c:v>-55.992233772622711</c:v>
                </c:pt>
                <c:pt idx="607">
                  <c:v>-63.595181686246853</c:v>
                </c:pt>
                <c:pt idx="608">
                  <c:v>-70.919989241905029</c:v>
                </c:pt>
                <c:pt idx="609">
                  <c:v>-78.028414115277158</c:v>
                </c:pt>
                <c:pt idx="610">
                  <c:v>-84.889701406567539</c:v>
                </c:pt>
                <c:pt idx="611">
                  <c:v>-91.316214433812405</c:v>
                </c:pt>
                <c:pt idx="612">
                  <c:v>-97.381193950310092</c:v>
                </c:pt>
                <c:pt idx="613">
                  <c:v>-102.82106773787352</c:v>
                </c:pt>
                <c:pt idx="614">
                  <c:v>-107.71611311463617</c:v>
                </c:pt>
                <c:pt idx="615">
                  <c:v>-112.00742671218211</c:v>
                </c:pt>
                <c:pt idx="616">
                  <c:v>-115.74769666990659</c:v>
                </c:pt>
                <c:pt idx="617">
                  <c:v>-118.69038631436167</c:v>
                </c:pt>
                <c:pt idx="618">
                  <c:v>-120.84585817365863</c:v>
                </c:pt>
                <c:pt idx="619">
                  <c:v>-122.44011641332224</c:v>
                </c:pt>
                <c:pt idx="620">
                  <c:v>-123.47267360143989</c:v>
                </c:pt>
                <c:pt idx="621">
                  <c:v>-123.85007125668734</c:v>
                </c:pt>
                <c:pt idx="622">
                  <c:v>-123.53025059637504</c:v>
                </c:pt>
                <c:pt idx="623">
                  <c:v>-122.38627696160702</c:v>
                </c:pt>
                <c:pt idx="624">
                  <c:v>-120.62092499522154</c:v>
                </c:pt>
                <c:pt idx="625">
                  <c:v>-118.1908018478606</c:v>
                </c:pt>
                <c:pt idx="626">
                  <c:v>-115.1299516485775</c:v>
                </c:pt>
                <c:pt idx="627">
                  <c:v>-111.49212909198405</c:v>
                </c:pt>
                <c:pt idx="628">
                  <c:v>-107.10572124001031</c:v>
                </c:pt>
                <c:pt idx="629">
                  <c:v>-102.16622363335519</c:v>
                </c:pt>
                <c:pt idx="630">
                  <c:v>-96.795475112169996</c:v>
                </c:pt>
                <c:pt idx="631">
                  <c:v>-90.927532183271509</c:v>
                </c:pt>
                <c:pt idx="632">
                  <c:v>-84.603452738583911</c:v>
                </c:pt>
                <c:pt idx="633">
                  <c:v>-77.925553043615153</c:v>
                </c:pt>
                <c:pt idx="634">
                  <c:v>-70.841114856070121</c:v>
                </c:pt>
                <c:pt idx="635">
                  <c:v>-63.781192814279059</c:v>
                </c:pt>
                <c:pt idx="636">
                  <c:v>-56.504624780069243</c:v>
                </c:pt>
                <c:pt idx="637">
                  <c:v>-49.226104865703931</c:v>
                </c:pt>
                <c:pt idx="638">
                  <c:v>-42.156152218724365</c:v>
                </c:pt>
                <c:pt idx="639">
                  <c:v>-35.287006514469887</c:v>
                </c:pt>
                <c:pt idx="640">
                  <c:v>-28.805871340468066</c:v>
                </c:pt>
                <c:pt idx="641">
                  <c:v>-22.5694906085537</c:v>
                </c:pt>
                <c:pt idx="642">
                  <c:v>-16.838169647785875</c:v>
                </c:pt>
                <c:pt idx="643">
                  <c:v>-11.92799471016388</c:v>
                </c:pt>
                <c:pt idx="644">
                  <c:v>-7.7781684961180657</c:v>
                </c:pt>
                <c:pt idx="645">
                  <c:v>-4.5476067395828697</c:v>
                </c:pt>
                <c:pt idx="646">
                  <c:v>-2.3404796236946748</c:v>
                </c:pt>
                <c:pt idx="647">
                  <c:v>-1.5107829708760334</c:v>
                </c:pt>
                <c:pt idx="648">
                  <c:v>-1.6356764014445411</c:v>
                </c:pt>
                <c:pt idx="649">
                  <c:v>-1.4848894013535987</c:v>
                </c:pt>
                <c:pt idx="650">
                  <c:v>-1.2570082873929735</c:v>
                </c:pt>
                <c:pt idx="651">
                  <c:v>-1.0412543347849381</c:v>
                </c:pt>
                <c:pt idx="652">
                  <c:v>-0.64664338774426289</c:v>
                </c:pt>
                <c:pt idx="653">
                  <c:v>-0.2756764804667155</c:v>
                </c:pt>
                <c:pt idx="654">
                  <c:v>-3.6730450678298089E-2</c:v>
                </c:pt>
                <c:pt idx="655">
                  <c:v>6.453870215820201E-2</c:v>
                </c:pt>
                <c:pt idx="656">
                  <c:v>-5.4146409751825121E-3</c:v>
                </c:pt>
                <c:pt idx="657">
                  <c:v>-0.16848363336601005</c:v>
                </c:pt>
                <c:pt idx="658">
                  <c:v>-0.3537583113160645</c:v>
                </c:pt>
                <c:pt idx="659">
                  <c:v>-0.48823525969903697</c:v>
                </c:pt>
                <c:pt idx="660">
                  <c:v>-0.52846642356438567</c:v>
                </c:pt>
                <c:pt idx="661">
                  <c:v>-0.42639219462450639</c:v>
                </c:pt>
                <c:pt idx="662">
                  <c:v>-0.23655893167450032</c:v>
                </c:pt>
                <c:pt idx="663">
                  <c:v>-3.4743718395570646E-2</c:v>
                </c:pt>
                <c:pt idx="664">
                  <c:v>0.11275540645094172</c:v>
                </c:pt>
                <c:pt idx="665">
                  <c:v>0.22835220854798932</c:v>
                </c:pt>
                <c:pt idx="666">
                  <c:v>0.14937955625553334</c:v>
                </c:pt>
                <c:pt idx="667">
                  <c:v>6.2603417852927598E-2</c:v>
                </c:pt>
                <c:pt idx="668">
                  <c:v>-8.0260691477433865E-2</c:v>
                </c:pt>
                <c:pt idx="669">
                  <c:v>-0.15381297314085227</c:v>
                </c:pt>
                <c:pt idx="670">
                  <c:v>-8.7057184678776267E-2</c:v>
                </c:pt>
                <c:pt idx="671">
                  <c:v>6.7594238033618262E-2</c:v>
                </c:pt>
                <c:pt idx="672">
                  <c:v>0.24249038138791057</c:v>
                </c:pt>
                <c:pt idx="673">
                  <c:v>0.42366614703130773</c:v>
                </c:pt>
                <c:pt idx="674">
                  <c:v>0.57298976727672202</c:v>
                </c:pt>
                <c:pt idx="675">
                  <c:v>0.68246066580234799</c:v>
                </c:pt>
                <c:pt idx="676">
                  <c:v>0.72670990585058481</c:v>
                </c:pt>
                <c:pt idx="677">
                  <c:v>0.73228779365497365</c:v>
                </c:pt>
                <c:pt idx="678">
                  <c:v>0.6486712658845033</c:v>
                </c:pt>
                <c:pt idx="679">
                  <c:v>0.62428644615831563</c:v>
                </c:pt>
                <c:pt idx="680">
                  <c:v>0.66827968387559822</c:v>
                </c:pt>
                <c:pt idx="681">
                  <c:v>0.66591853892646824</c:v>
                </c:pt>
                <c:pt idx="682">
                  <c:v>0.68082961802806496</c:v>
                </c:pt>
                <c:pt idx="683">
                  <c:v>0.68117283702314391</c:v>
                </c:pt>
                <c:pt idx="684">
                  <c:v>0.68169849123664106</c:v>
                </c:pt>
                <c:pt idx="685">
                  <c:v>0.68897552870636092</c:v>
                </c:pt>
                <c:pt idx="686">
                  <c:v>0.72790263382652076</c:v>
                </c:pt>
                <c:pt idx="687">
                  <c:v>0.75614229967792224</c:v>
                </c:pt>
                <c:pt idx="688">
                  <c:v>0.79790427082234339</c:v>
                </c:pt>
                <c:pt idx="689">
                  <c:v>0.8045926584271581</c:v>
                </c:pt>
                <c:pt idx="690">
                  <c:v>0.78625248990426078</c:v>
                </c:pt>
                <c:pt idx="691">
                  <c:v>0.73131482249985691</c:v>
                </c:pt>
                <c:pt idx="692">
                  <c:v>0.71598067892260686</c:v>
                </c:pt>
                <c:pt idx="693">
                  <c:v>0.58796045990162993</c:v>
                </c:pt>
                <c:pt idx="694">
                  <c:v>0.49971425562327132</c:v>
                </c:pt>
                <c:pt idx="695">
                  <c:v>0.38790553021631397</c:v>
                </c:pt>
                <c:pt idx="696">
                  <c:v>0.35111677831472521</c:v>
                </c:pt>
                <c:pt idx="697">
                  <c:v>0.35677408397610122</c:v>
                </c:pt>
                <c:pt idx="698">
                  <c:v>0.38228655982971532</c:v>
                </c:pt>
                <c:pt idx="699">
                  <c:v>0.40332312753390354</c:v>
                </c:pt>
                <c:pt idx="700">
                  <c:v>0.33705027686464573</c:v>
                </c:pt>
                <c:pt idx="701">
                  <c:v>0.20892129870099008</c:v>
                </c:pt>
                <c:pt idx="702">
                  <c:v>0.10046724344238116</c:v>
                </c:pt>
                <c:pt idx="703">
                  <c:v>-6.1397152548677211E-2</c:v>
                </c:pt>
                <c:pt idx="704">
                  <c:v>-0.15981640873296959</c:v>
                </c:pt>
                <c:pt idx="705">
                  <c:v>-0.2157604666151316</c:v>
                </c:pt>
                <c:pt idx="706">
                  <c:v>-0.11601028923377971</c:v>
                </c:pt>
                <c:pt idx="707">
                  <c:v>-3.680502455496449E-2</c:v>
                </c:pt>
                <c:pt idx="708">
                  <c:v>3.7400971990965474E-2</c:v>
                </c:pt>
                <c:pt idx="709">
                  <c:v>0.13340916875615308</c:v>
                </c:pt>
                <c:pt idx="710">
                  <c:v>0.18205345657081912</c:v>
                </c:pt>
                <c:pt idx="711">
                  <c:v>0.11405933950743273</c:v>
                </c:pt>
                <c:pt idx="712">
                  <c:v>1.6423949752022448E-2</c:v>
                </c:pt>
                <c:pt idx="713">
                  <c:v>-9.3870011153792732E-2</c:v>
                </c:pt>
                <c:pt idx="714">
                  <c:v>-0.19590293084897151</c:v>
                </c:pt>
                <c:pt idx="715">
                  <c:v>-0.25019902709524927</c:v>
                </c:pt>
                <c:pt idx="716">
                  <c:v>-0.27978820531603715</c:v>
                </c:pt>
                <c:pt idx="717">
                  <c:v>-0.26377739212617168</c:v>
                </c:pt>
                <c:pt idx="718">
                  <c:v>-0.2922328667584464</c:v>
                </c:pt>
                <c:pt idx="719">
                  <c:v>-0.34007295575423324</c:v>
                </c:pt>
                <c:pt idx="720">
                  <c:v>-0.43507122796881581</c:v>
                </c:pt>
                <c:pt idx="721">
                  <c:v>-0.5363234577533017</c:v>
                </c:pt>
                <c:pt idx="722">
                  <c:v>-0.60722914594013566</c:v>
                </c:pt>
                <c:pt idx="723">
                  <c:v>-0.69395702155208494</c:v>
                </c:pt>
                <c:pt idx="724">
                  <c:v>-0.72964320487609302</c:v>
                </c:pt>
                <c:pt idx="725">
                  <c:v>-0.74768425868922272</c:v>
                </c:pt>
                <c:pt idx="726">
                  <c:v>-0.70251544575518887</c:v>
                </c:pt>
                <c:pt idx="727">
                  <c:v>-0.60432240556894357</c:v>
                </c:pt>
                <c:pt idx="728">
                  <c:v>-0.53987045991640104</c:v>
                </c:pt>
                <c:pt idx="729">
                  <c:v>-0.55618314865875007</c:v>
                </c:pt>
                <c:pt idx="730">
                  <c:v>-0.50916048989725637</c:v>
                </c:pt>
                <c:pt idx="731">
                  <c:v>-0.44432342942487663</c:v>
                </c:pt>
                <c:pt idx="732">
                  <c:v>-0.30623635074386518</c:v>
                </c:pt>
                <c:pt idx="733">
                  <c:v>-0.19904969867725747</c:v>
                </c:pt>
                <c:pt idx="734">
                  <c:v>-6.0818478222331003E-2</c:v>
                </c:pt>
                <c:pt idx="735">
                  <c:v>0.15130405708882003</c:v>
                </c:pt>
                <c:pt idx="736">
                  <c:v>0.32088416536503245</c:v>
                </c:pt>
                <c:pt idx="737">
                  <c:v>0.51871907339954326</c:v>
                </c:pt>
                <c:pt idx="738">
                  <c:v>0.60389507775444951</c:v>
                </c:pt>
                <c:pt idx="739">
                  <c:v>0.58791431409514794</c:v>
                </c:pt>
                <c:pt idx="740">
                  <c:v>0.68554306043333069</c:v>
                </c:pt>
                <c:pt idx="741">
                  <c:v>0.81165424634242256</c:v>
                </c:pt>
                <c:pt idx="742">
                  <c:v>0.9041639033587201</c:v>
                </c:pt>
                <c:pt idx="743">
                  <c:v>1.0218610270583264</c:v>
                </c:pt>
                <c:pt idx="744">
                  <c:v>1.1360619142616344</c:v>
                </c:pt>
                <c:pt idx="745">
                  <c:v>1.1803334168641644</c:v>
                </c:pt>
                <c:pt idx="746">
                  <c:v>1.2032930158829558</c:v>
                </c:pt>
                <c:pt idx="747">
                  <c:v>1.1654661681423077</c:v>
                </c:pt>
                <c:pt idx="748">
                  <c:v>1.0917459137045795</c:v>
                </c:pt>
                <c:pt idx="749">
                  <c:v>1.0225883309260879</c:v>
                </c:pt>
                <c:pt idx="750">
                  <c:v>0.94585160076868902</c:v>
                </c:pt>
                <c:pt idx="751">
                  <c:v>0.9553629703180444</c:v>
                </c:pt>
                <c:pt idx="752">
                  <c:v>0.96311292555131467</c:v>
                </c:pt>
                <c:pt idx="753">
                  <c:v>0.98990591670184191</c:v>
                </c:pt>
                <c:pt idx="754">
                  <c:v>1.0437621852139511</c:v>
                </c:pt>
                <c:pt idx="755">
                  <c:v>1.0122928413619563</c:v>
                </c:pt>
                <c:pt idx="756">
                  <c:v>0.89927534126956565</c:v>
                </c:pt>
                <c:pt idx="757">
                  <c:v>0.75937052799816673</c:v>
                </c:pt>
                <c:pt idx="758">
                  <c:v>0.6238466606502181</c:v>
                </c:pt>
                <c:pt idx="759">
                  <c:v>0.52233145409675796</c:v>
                </c:pt>
                <c:pt idx="760">
                  <c:v>0.45638906335756202</c:v>
                </c:pt>
                <c:pt idx="761">
                  <c:v>0.43409066370763105</c:v>
                </c:pt>
                <c:pt idx="762">
                  <c:v>0.41280719190940696</c:v>
                </c:pt>
                <c:pt idx="763">
                  <c:v>0.42615869533299827</c:v>
                </c:pt>
                <c:pt idx="764">
                  <c:v>0.37356111169401363</c:v>
                </c:pt>
                <c:pt idx="765">
                  <c:v>0.21948491194880634</c:v>
                </c:pt>
                <c:pt idx="766">
                  <c:v>2.6611806513435112E-2</c:v>
                </c:pt>
                <c:pt idx="767">
                  <c:v>-0.1710466787466422</c:v>
                </c:pt>
                <c:pt idx="768">
                  <c:v>-0.3580585682802031</c:v>
                </c:pt>
                <c:pt idx="769">
                  <c:v>-0.53928844290258682</c:v>
                </c:pt>
                <c:pt idx="770">
                  <c:v>-0.63456153682918104</c:v>
                </c:pt>
                <c:pt idx="771">
                  <c:v>-0.73160317773815242</c:v>
                </c:pt>
                <c:pt idx="772">
                  <c:v>-0.76600072427586841</c:v>
                </c:pt>
                <c:pt idx="773">
                  <c:v>-0.78127478842928055</c:v>
                </c:pt>
                <c:pt idx="774">
                  <c:v>-0.79639619433547548</c:v>
                </c:pt>
                <c:pt idx="775">
                  <c:v>-0.77883813474310926</c:v>
                </c:pt>
                <c:pt idx="776">
                  <c:v>-0.83523782616268905</c:v>
                </c:pt>
                <c:pt idx="777">
                  <c:v>-0.89569361418404958</c:v>
                </c:pt>
                <c:pt idx="778">
                  <c:v>-0.93310285842712226</c:v>
                </c:pt>
                <c:pt idx="779">
                  <c:v>-0.97865888499731035</c:v>
                </c:pt>
                <c:pt idx="780">
                  <c:v>-1.0231879193375617</c:v>
                </c:pt>
                <c:pt idx="781">
                  <c:v>-1.0272419300304882</c:v>
                </c:pt>
                <c:pt idx="782">
                  <c:v>-0.95614460323967709</c:v>
                </c:pt>
                <c:pt idx="783">
                  <c:v>-0.88499443545709888</c:v>
                </c:pt>
                <c:pt idx="784">
                  <c:v>-0.69578531790010945</c:v>
                </c:pt>
                <c:pt idx="785">
                  <c:v>-0.53248295220136721</c:v>
                </c:pt>
                <c:pt idx="786">
                  <c:v>-0.38790891912076508</c:v>
                </c:pt>
                <c:pt idx="787">
                  <c:v>-0.24838364055589307</c:v>
                </c:pt>
                <c:pt idx="788">
                  <c:v>-0.10260221230833758</c:v>
                </c:pt>
                <c:pt idx="789">
                  <c:v>4.995655491898051E-2</c:v>
                </c:pt>
                <c:pt idx="790">
                  <c:v>0.16899766357749105</c:v>
                </c:pt>
                <c:pt idx="791">
                  <c:v>0.23591718852110774</c:v>
                </c:pt>
                <c:pt idx="792">
                  <c:v>0.28196949610805938</c:v>
                </c:pt>
                <c:pt idx="793">
                  <c:v>0.32124696170573369</c:v>
                </c:pt>
                <c:pt idx="794">
                  <c:v>0.28404977184184643</c:v>
                </c:pt>
                <c:pt idx="795">
                  <c:v>0.28036147207263379</c:v>
                </c:pt>
                <c:pt idx="796">
                  <c:v>0.25010032441001961</c:v>
                </c:pt>
                <c:pt idx="797">
                  <c:v>0.33670261897197773</c:v>
                </c:pt>
                <c:pt idx="798">
                  <c:v>0.50009471870505695</c:v>
                </c:pt>
                <c:pt idx="799">
                  <c:v>0.58608369244785941</c:v>
                </c:pt>
                <c:pt idx="800">
                  <c:v>0.58756135024604916</c:v>
                </c:pt>
                <c:pt idx="801">
                  <c:v>0.60311209711329106</c:v>
                </c:pt>
                <c:pt idx="802">
                  <c:v>0.6174067365060194</c:v>
                </c:pt>
                <c:pt idx="803">
                  <c:v>0.58746317172168272</c:v>
                </c:pt>
                <c:pt idx="804">
                  <c:v>0.54882584904344778</c:v>
                </c:pt>
                <c:pt idx="805">
                  <c:v>0.52997745131031282</c:v>
                </c:pt>
                <c:pt idx="806">
                  <c:v>0.52514477811262994</c:v>
                </c:pt>
                <c:pt idx="807">
                  <c:v>0.53445333201942113</c:v>
                </c:pt>
                <c:pt idx="808">
                  <c:v>0.56602240471531529</c:v>
                </c:pt>
                <c:pt idx="809">
                  <c:v>0.56230320149681023</c:v>
                </c:pt>
                <c:pt idx="810">
                  <c:v>0.55796156372308314</c:v>
                </c:pt>
                <c:pt idx="811">
                  <c:v>0.51282631560170144</c:v>
                </c:pt>
                <c:pt idx="812">
                  <c:v>0.41712739906282081</c:v>
                </c:pt>
                <c:pt idx="813">
                  <c:v>0.26923833667717706</c:v>
                </c:pt>
                <c:pt idx="814">
                  <c:v>9.5513824781745818E-2</c:v>
                </c:pt>
                <c:pt idx="815">
                  <c:v>-2.8132755437738844E-2</c:v>
                </c:pt>
                <c:pt idx="816">
                  <c:v>-0.23035873440709706</c:v>
                </c:pt>
                <c:pt idx="817">
                  <c:v>-0.33845351943938445</c:v>
                </c:pt>
                <c:pt idx="818">
                  <c:v>-0.43268419321986268</c:v>
                </c:pt>
                <c:pt idx="819">
                  <c:v>-0.52862547495117207</c:v>
                </c:pt>
                <c:pt idx="820">
                  <c:v>-0.57136313496579427</c:v>
                </c:pt>
                <c:pt idx="821">
                  <c:v>-0.59847306351948815</c:v>
                </c:pt>
                <c:pt idx="822">
                  <c:v>-0.64042137522815634</c:v>
                </c:pt>
                <c:pt idx="823">
                  <c:v>-0.62260304115137644</c:v>
                </c:pt>
                <c:pt idx="824">
                  <c:v>-0.59955319606208346</c:v>
                </c:pt>
                <c:pt idx="825">
                  <c:v>-0.52265562114041497</c:v>
                </c:pt>
                <c:pt idx="826">
                  <c:v>-0.41048279167692281</c:v>
                </c:pt>
                <c:pt idx="827">
                  <c:v>-0.33321445867577715</c:v>
                </c:pt>
                <c:pt idx="828">
                  <c:v>-0.27175199314116188</c:v>
                </c:pt>
                <c:pt idx="829">
                  <c:v>-0.20620026265837674</c:v>
                </c:pt>
                <c:pt idx="830">
                  <c:v>-6.6254114958470819E-2</c:v>
                </c:pt>
                <c:pt idx="831">
                  <c:v>6.7771487950819788E-3</c:v>
                </c:pt>
                <c:pt idx="832">
                  <c:v>9.395264679543E-2</c:v>
                </c:pt>
                <c:pt idx="833">
                  <c:v>0.17646733627565156</c:v>
                </c:pt>
                <c:pt idx="834">
                  <c:v>0.24197235717660515</c:v>
                </c:pt>
                <c:pt idx="835">
                  <c:v>0.37440562423783569</c:v>
                </c:pt>
                <c:pt idx="836">
                  <c:v>0.49123318935375926</c:v>
                </c:pt>
                <c:pt idx="837">
                  <c:v>0.58739212446023814</c:v>
                </c:pt>
                <c:pt idx="838">
                  <c:v>0.70043116817010542</c:v>
                </c:pt>
                <c:pt idx="839">
                  <c:v>0.82791395388301892</c:v>
                </c:pt>
                <c:pt idx="840">
                  <c:v>0.94798137856406006</c:v>
                </c:pt>
                <c:pt idx="841">
                  <c:v>1.0104958970274998</c:v>
                </c:pt>
                <c:pt idx="842">
                  <c:v>1.0539898342263994</c:v>
                </c:pt>
                <c:pt idx="843">
                  <c:v>1.0551624600525349</c:v>
                </c:pt>
                <c:pt idx="844">
                  <c:v>1.0279041914799183</c:v>
                </c:pt>
                <c:pt idx="845">
                  <c:v>0.99918123614088317</c:v>
                </c:pt>
                <c:pt idx="846">
                  <c:v>0.97438086351264286</c:v>
                </c:pt>
                <c:pt idx="847">
                  <c:v>0.96878919937996566</c:v>
                </c:pt>
                <c:pt idx="848">
                  <c:v>0.93528901323090963</c:v>
                </c:pt>
                <c:pt idx="849">
                  <c:v>0.86881960868496233</c:v>
                </c:pt>
                <c:pt idx="850">
                  <c:v>0.75176866901657646</c:v>
                </c:pt>
                <c:pt idx="851">
                  <c:v>0.6824065679721506</c:v>
                </c:pt>
                <c:pt idx="852">
                  <c:v>0.60752900957262645</c:v>
                </c:pt>
                <c:pt idx="853">
                  <c:v>0.55918500186531839</c:v>
                </c:pt>
                <c:pt idx="854">
                  <c:v>0.54487972143317154</c:v>
                </c:pt>
                <c:pt idx="855">
                  <c:v>0.45957496217431343</c:v>
                </c:pt>
                <c:pt idx="856">
                  <c:v>0.36193079477999807</c:v>
                </c:pt>
                <c:pt idx="857">
                  <c:v>0.30322176557621477</c:v>
                </c:pt>
                <c:pt idx="858">
                  <c:v>0.18659533441336071</c:v>
                </c:pt>
                <c:pt idx="859">
                  <c:v>0.18074229363824096</c:v>
                </c:pt>
                <c:pt idx="860">
                  <c:v>9.0173411195101347E-2</c:v>
                </c:pt>
                <c:pt idx="861">
                  <c:v>-3.6206377536324205E-2</c:v>
                </c:pt>
                <c:pt idx="862">
                  <c:v>-2.6134329724723997E-2</c:v>
                </c:pt>
                <c:pt idx="863">
                  <c:v>3.1636540403776614E-2</c:v>
                </c:pt>
                <c:pt idx="864">
                  <c:v>3.0674950757421063E-2</c:v>
                </c:pt>
                <c:pt idx="865">
                  <c:v>2.4663878052233853E-2</c:v>
                </c:pt>
                <c:pt idx="866">
                  <c:v>5.5940190345799556E-3</c:v>
                </c:pt>
                <c:pt idx="867">
                  <c:v>-6.3140356121628285E-2</c:v>
                </c:pt>
                <c:pt idx="868">
                  <c:v>-0.12019511652672589</c:v>
                </c:pt>
                <c:pt idx="869">
                  <c:v>-0.21274715191350804</c:v>
                </c:pt>
                <c:pt idx="870">
                  <c:v>-0.28288892451731479</c:v>
                </c:pt>
                <c:pt idx="871">
                  <c:v>-0.3397282261446886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3D9B-49DC-9545-DF7CC56C084B}"/>
            </c:ext>
          </c:extLst>
        </c:ser>
        <c:ser>
          <c:idx val="1"/>
          <c:order val="1"/>
          <c:tx>
            <c:strRef>
              <c:f>'力(2秒)'!$N$1</c:f>
              <c:strCache>
                <c:ptCount val="1"/>
                <c:pt idx="0">
                  <c:v>Bに加わる力のx成分（符号反転）</c:v>
                </c:pt>
              </c:strCache>
            </c:strRef>
          </c:tx>
          <c:spPr>
            <a:ln w="381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力(2秒)'!$A$2:$A$902</c:f>
              <c:numCache>
                <c:formatCode>General</c:formatCode>
                <c:ptCount val="901"/>
                <c:pt idx="0">
                  <c:v>0</c:v>
                </c:pt>
                <c:pt idx="1">
                  <c:v>3.3333333333333333E-2</c:v>
                </c:pt>
                <c:pt idx="2">
                  <c:v>6.6666666666666666E-2</c:v>
                </c:pt>
                <c:pt idx="3">
                  <c:v>0.1</c:v>
                </c:pt>
                <c:pt idx="4">
                  <c:v>0.13333333333333333</c:v>
                </c:pt>
                <c:pt idx="5">
                  <c:v>0.16666666666666666</c:v>
                </c:pt>
                <c:pt idx="6">
                  <c:v>0.2</c:v>
                </c:pt>
                <c:pt idx="7">
                  <c:v>0.23333333333333334</c:v>
                </c:pt>
                <c:pt idx="8">
                  <c:v>0.26666666666666666</c:v>
                </c:pt>
                <c:pt idx="9">
                  <c:v>0.3</c:v>
                </c:pt>
                <c:pt idx="10">
                  <c:v>0.33333333333333331</c:v>
                </c:pt>
                <c:pt idx="11">
                  <c:v>0.36666666666666664</c:v>
                </c:pt>
                <c:pt idx="12">
                  <c:v>0.4</c:v>
                </c:pt>
                <c:pt idx="13">
                  <c:v>0.43333333333333335</c:v>
                </c:pt>
                <c:pt idx="14">
                  <c:v>0.46666666666666667</c:v>
                </c:pt>
                <c:pt idx="15">
                  <c:v>0.5</c:v>
                </c:pt>
                <c:pt idx="16">
                  <c:v>0.53333333333333333</c:v>
                </c:pt>
                <c:pt idx="17">
                  <c:v>0.56666666666666665</c:v>
                </c:pt>
                <c:pt idx="18">
                  <c:v>0.6</c:v>
                </c:pt>
                <c:pt idx="19">
                  <c:v>0.6333333333333333</c:v>
                </c:pt>
                <c:pt idx="20">
                  <c:v>0.66666666666666663</c:v>
                </c:pt>
                <c:pt idx="21">
                  <c:v>0.7</c:v>
                </c:pt>
                <c:pt idx="22">
                  <c:v>0.73333333333333328</c:v>
                </c:pt>
                <c:pt idx="23">
                  <c:v>0.76666666666666672</c:v>
                </c:pt>
                <c:pt idx="24">
                  <c:v>0.8</c:v>
                </c:pt>
                <c:pt idx="25">
                  <c:v>0.83333333333333337</c:v>
                </c:pt>
                <c:pt idx="26">
                  <c:v>0.8666666666666667</c:v>
                </c:pt>
                <c:pt idx="27">
                  <c:v>0.9</c:v>
                </c:pt>
                <c:pt idx="28">
                  <c:v>0.93333333333333335</c:v>
                </c:pt>
                <c:pt idx="29">
                  <c:v>0.96666666666666667</c:v>
                </c:pt>
                <c:pt idx="30">
                  <c:v>1</c:v>
                </c:pt>
                <c:pt idx="31">
                  <c:v>1.0333333333333334</c:v>
                </c:pt>
                <c:pt idx="32">
                  <c:v>1.0666666666666667</c:v>
                </c:pt>
                <c:pt idx="33">
                  <c:v>1.1000000000000001</c:v>
                </c:pt>
                <c:pt idx="34">
                  <c:v>1.1333333333333333</c:v>
                </c:pt>
                <c:pt idx="35">
                  <c:v>1.1666666666666667</c:v>
                </c:pt>
                <c:pt idx="36">
                  <c:v>1.2</c:v>
                </c:pt>
                <c:pt idx="37">
                  <c:v>1.2333333333333334</c:v>
                </c:pt>
                <c:pt idx="38">
                  <c:v>1.2666666666666666</c:v>
                </c:pt>
                <c:pt idx="39">
                  <c:v>1.3</c:v>
                </c:pt>
                <c:pt idx="40">
                  <c:v>1.3333333333333333</c:v>
                </c:pt>
                <c:pt idx="41">
                  <c:v>1.3666666666666667</c:v>
                </c:pt>
                <c:pt idx="42">
                  <c:v>1.4</c:v>
                </c:pt>
                <c:pt idx="43">
                  <c:v>1.4333333333333333</c:v>
                </c:pt>
                <c:pt idx="44">
                  <c:v>1.4666666666666666</c:v>
                </c:pt>
                <c:pt idx="45">
                  <c:v>1.5</c:v>
                </c:pt>
                <c:pt idx="46">
                  <c:v>1.5333333333333334</c:v>
                </c:pt>
                <c:pt idx="47">
                  <c:v>1.5666666666666667</c:v>
                </c:pt>
                <c:pt idx="48">
                  <c:v>1.6</c:v>
                </c:pt>
                <c:pt idx="49">
                  <c:v>1.6333333333333333</c:v>
                </c:pt>
                <c:pt idx="50">
                  <c:v>1.6666666666666667</c:v>
                </c:pt>
                <c:pt idx="51">
                  <c:v>1.7</c:v>
                </c:pt>
                <c:pt idx="52">
                  <c:v>1.7333333333333334</c:v>
                </c:pt>
                <c:pt idx="53">
                  <c:v>1.7666666666666666</c:v>
                </c:pt>
                <c:pt idx="54">
                  <c:v>1.8</c:v>
                </c:pt>
                <c:pt idx="55">
                  <c:v>1.8333333333333333</c:v>
                </c:pt>
                <c:pt idx="56">
                  <c:v>1.8666666666666667</c:v>
                </c:pt>
                <c:pt idx="57">
                  <c:v>1.9</c:v>
                </c:pt>
                <c:pt idx="58">
                  <c:v>1.9333333333333333</c:v>
                </c:pt>
                <c:pt idx="59">
                  <c:v>1.9666666666666666</c:v>
                </c:pt>
                <c:pt idx="60">
                  <c:v>2</c:v>
                </c:pt>
                <c:pt idx="61">
                  <c:v>2.0333333333333332</c:v>
                </c:pt>
                <c:pt idx="62">
                  <c:v>2.0666666666666669</c:v>
                </c:pt>
                <c:pt idx="63">
                  <c:v>2.1</c:v>
                </c:pt>
                <c:pt idx="64">
                  <c:v>2.1333333333333333</c:v>
                </c:pt>
                <c:pt idx="65">
                  <c:v>2.1666666666666665</c:v>
                </c:pt>
                <c:pt idx="66">
                  <c:v>2.2000000000000002</c:v>
                </c:pt>
                <c:pt idx="67">
                  <c:v>2.2333333333333334</c:v>
                </c:pt>
                <c:pt idx="68">
                  <c:v>2.2666666666666666</c:v>
                </c:pt>
                <c:pt idx="69">
                  <c:v>2.2999999999999998</c:v>
                </c:pt>
                <c:pt idx="70">
                  <c:v>2.3333333333333335</c:v>
                </c:pt>
                <c:pt idx="71">
                  <c:v>2.3666666666666667</c:v>
                </c:pt>
                <c:pt idx="72">
                  <c:v>2.4</c:v>
                </c:pt>
                <c:pt idx="73">
                  <c:v>2.4333333333333331</c:v>
                </c:pt>
                <c:pt idx="74">
                  <c:v>2.4666666666666668</c:v>
                </c:pt>
                <c:pt idx="75">
                  <c:v>2.5</c:v>
                </c:pt>
                <c:pt idx="76">
                  <c:v>2.5333333333333332</c:v>
                </c:pt>
                <c:pt idx="77">
                  <c:v>2.5666666666666669</c:v>
                </c:pt>
                <c:pt idx="78">
                  <c:v>2.6</c:v>
                </c:pt>
                <c:pt idx="79">
                  <c:v>2.6333333333333333</c:v>
                </c:pt>
                <c:pt idx="80">
                  <c:v>2.6666666666666665</c:v>
                </c:pt>
                <c:pt idx="81">
                  <c:v>2.7</c:v>
                </c:pt>
                <c:pt idx="82">
                  <c:v>2.7333333333333334</c:v>
                </c:pt>
                <c:pt idx="83">
                  <c:v>2.7666666666666666</c:v>
                </c:pt>
                <c:pt idx="84">
                  <c:v>2.8</c:v>
                </c:pt>
                <c:pt idx="85">
                  <c:v>2.8333333333333335</c:v>
                </c:pt>
                <c:pt idx="86">
                  <c:v>2.8666666666666667</c:v>
                </c:pt>
                <c:pt idx="87">
                  <c:v>2.9</c:v>
                </c:pt>
                <c:pt idx="88">
                  <c:v>2.9333333333333331</c:v>
                </c:pt>
                <c:pt idx="89">
                  <c:v>2.9666666666666668</c:v>
                </c:pt>
                <c:pt idx="90">
                  <c:v>3</c:v>
                </c:pt>
                <c:pt idx="91">
                  <c:v>3.0333333333333332</c:v>
                </c:pt>
                <c:pt idx="92">
                  <c:v>3.0666666666666669</c:v>
                </c:pt>
                <c:pt idx="93">
                  <c:v>3.1</c:v>
                </c:pt>
                <c:pt idx="94">
                  <c:v>3.1333333333333333</c:v>
                </c:pt>
                <c:pt idx="95">
                  <c:v>3.1666666666666665</c:v>
                </c:pt>
                <c:pt idx="96">
                  <c:v>3.2</c:v>
                </c:pt>
                <c:pt idx="97">
                  <c:v>3.2333333333333334</c:v>
                </c:pt>
                <c:pt idx="98">
                  <c:v>3.2666666666666666</c:v>
                </c:pt>
                <c:pt idx="99">
                  <c:v>3.3</c:v>
                </c:pt>
                <c:pt idx="100">
                  <c:v>3.3333333333333335</c:v>
                </c:pt>
                <c:pt idx="101">
                  <c:v>3.3666666666666667</c:v>
                </c:pt>
                <c:pt idx="102">
                  <c:v>3.4</c:v>
                </c:pt>
                <c:pt idx="103">
                  <c:v>3.4333333333333331</c:v>
                </c:pt>
                <c:pt idx="104">
                  <c:v>3.4666666666666668</c:v>
                </c:pt>
                <c:pt idx="105">
                  <c:v>3.5</c:v>
                </c:pt>
                <c:pt idx="106">
                  <c:v>3.5333333333333332</c:v>
                </c:pt>
                <c:pt idx="107">
                  <c:v>3.5666666666666669</c:v>
                </c:pt>
                <c:pt idx="108">
                  <c:v>3.6</c:v>
                </c:pt>
                <c:pt idx="109">
                  <c:v>3.6333333333333333</c:v>
                </c:pt>
                <c:pt idx="110">
                  <c:v>3.6666666666666665</c:v>
                </c:pt>
                <c:pt idx="111">
                  <c:v>3.7</c:v>
                </c:pt>
                <c:pt idx="112">
                  <c:v>3.7333333333333334</c:v>
                </c:pt>
                <c:pt idx="113">
                  <c:v>3.7666666666666666</c:v>
                </c:pt>
                <c:pt idx="114">
                  <c:v>3.8</c:v>
                </c:pt>
                <c:pt idx="115">
                  <c:v>3.8333333333333335</c:v>
                </c:pt>
                <c:pt idx="116">
                  <c:v>3.8666666666666667</c:v>
                </c:pt>
                <c:pt idx="117">
                  <c:v>3.9</c:v>
                </c:pt>
                <c:pt idx="118">
                  <c:v>3.9333333333333331</c:v>
                </c:pt>
                <c:pt idx="119">
                  <c:v>3.9666666666666668</c:v>
                </c:pt>
                <c:pt idx="120">
                  <c:v>4</c:v>
                </c:pt>
                <c:pt idx="121">
                  <c:v>4.0333333333333332</c:v>
                </c:pt>
                <c:pt idx="122">
                  <c:v>4.0666666666666664</c:v>
                </c:pt>
                <c:pt idx="123">
                  <c:v>4.0999999999999996</c:v>
                </c:pt>
                <c:pt idx="124">
                  <c:v>4.1333333333333337</c:v>
                </c:pt>
                <c:pt idx="125">
                  <c:v>4.166666666666667</c:v>
                </c:pt>
                <c:pt idx="126">
                  <c:v>4.2</c:v>
                </c:pt>
                <c:pt idx="127">
                  <c:v>4.2333333333333334</c:v>
                </c:pt>
                <c:pt idx="128">
                  <c:v>4.2666666666666666</c:v>
                </c:pt>
                <c:pt idx="129">
                  <c:v>4.3</c:v>
                </c:pt>
                <c:pt idx="130">
                  <c:v>4.333333333333333</c:v>
                </c:pt>
                <c:pt idx="131">
                  <c:v>4.3666666666666663</c:v>
                </c:pt>
                <c:pt idx="132">
                  <c:v>4.4000000000000004</c:v>
                </c:pt>
                <c:pt idx="133">
                  <c:v>4.4333333333333336</c:v>
                </c:pt>
                <c:pt idx="134">
                  <c:v>4.4666666666666668</c:v>
                </c:pt>
                <c:pt idx="135">
                  <c:v>4.5</c:v>
                </c:pt>
                <c:pt idx="136">
                  <c:v>4.5333333333333332</c:v>
                </c:pt>
                <c:pt idx="137">
                  <c:v>4.5666666666666664</c:v>
                </c:pt>
                <c:pt idx="138">
                  <c:v>4.5999999999999996</c:v>
                </c:pt>
                <c:pt idx="139">
                  <c:v>4.6333333333333337</c:v>
                </c:pt>
                <c:pt idx="140">
                  <c:v>4.666666666666667</c:v>
                </c:pt>
                <c:pt idx="141">
                  <c:v>4.7</c:v>
                </c:pt>
                <c:pt idx="142">
                  <c:v>4.7333333333333334</c:v>
                </c:pt>
                <c:pt idx="143">
                  <c:v>4.7666666666666666</c:v>
                </c:pt>
                <c:pt idx="144">
                  <c:v>4.8</c:v>
                </c:pt>
                <c:pt idx="145">
                  <c:v>4.833333333333333</c:v>
                </c:pt>
                <c:pt idx="146">
                  <c:v>4.8666666666666663</c:v>
                </c:pt>
                <c:pt idx="147">
                  <c:v>4.9000000000000004</c:v>
                </c:pt>
                <c:pt idx="148">
                  <c:v>4.9333333333333336</c:v>
                </c:pt>
                <c:pt idx="149">
                  <c:v>4.9666666666666668</c:v>
                </c:pt>
                <c:pt idx="150">
                  <c:v>5</c:v>
                </c:pt>
                <c:pt idx="151">
                  <c:v>5.0333333333333332</c:v>
                </c:pt>
                <c:pt idx="152">
                  <c:v>5.0666666666666664</c:v>
                </c:pt>
                <c:pt idx="153">
                  <c:v>5.0999999999999996</c:v>
                </c:pt>
                <c:pt idx="154">
                  <c:v>5.1333333333333337</c:v>
                </c:pt>
                <c:pt idx="155">
                  <c:v>5.166666666666667</c:v>
                </c:pt>
                <c:pt idx="156">
                  <c:v>5.2</c:v>
                </c:pt>
                <c:pt idx="157">
                  <c:v>5.2333333333333334</c:v>
                </c:pt>
                <c:pt idx="158">
                  <c:v>5.2666666666666666</c:v>
                </c:pt>
                <c:pt idx="159">
                  <c:v>5.3</c:v>
                </c:pt>
                <c:pt idx="160">
                  <c:v>5.333333333333333</c:v>
                </c:pt>
                <c:pt idx="161">
                  <c:v>5.3666666666666663</c:v>
                </c:pt>
                <c:pt idx="162">
                  <c:v>5.4</c:v>
                </c:pt>
                <c:pt idx="163">
                  <c:v>5.4333333333333336</c:v>
                </c:pt>
                <c:pt idx="164">
                  <c:v>5.4666666666666668</c:v>
                </c:pt>
                <c:pt idx="165">
                  <c:v>5.5</c:v>
                </c:pt>
                <c:pt idx="166">
                  <c:v>5.5333333333333332</c:v>
                </c:pt>
                <c:pt idx="167">
                  <c:v>5.5666666666666664</c:v>
                </c:pt>
                <c:pt idx="168">
                  <c:v>5.6</c:v>
                </c:pt>
                <c:pt idx="169">
                  <c:v>5.6333333333333337</c:v>
                </c:pt>
                <c:pt idx="170">
                  <c:v>5.666666666666667</c:v>
                </c:pt>
                <c:pt idx="171">
                  <c:v>5.7</c:v>
                </c:pt>
                <c:pt idx="172">
                  <c:v>5.7333333333333334</c:v>
                </c:pt>
                <c:pt idx="173">
                  <c:v>5.7666666666666666</c:v>
                </c:pt>
                <c:pt idx="174">
                  <c:v>5.8</c:v>
                </c:pt>
                <c:pt idx="175">
                  <c:v>5.833333333333333</c:v>
                </c:pt>
                <c:pt idx="176">
                  <c:v>5.8666666666666663</c:v>
                </c:pt>
                <c:pt idx="177">
                  <c:v>5.9</c:v>
                </c:pt>
                <c:pt idx="178">
                  <c:v>5.9333333333333336</c:v>
                </c:pt>
                <c:pt idx="179">
                  <c:v>5.9666666666666668</c:v>
                </c:pt>
                <c:pt idx="180">
                  <c:v>6</c:v>
                </c:pt>
                <c:pt idx="181">
                  <c:v>6.0333333333333332</c:v>
                </c:pt>
                <c:pt idx="182">
                  <c:v>6.0666666666666664</c:v>
                </c:pt>
                <c:pt idx="183">
                  <c:v>6.1</c:v>
                </c:pt>
                <c:pt idx="184">
                  <c:v>6.1333333333333337</c:v>
                </c:pt>
                <c:pt idx="185">
                  <c:v>6.166666666666667</c:v>
                </c:pt>
                <c:pt idx="186">
                  <c:v>6.2</c:v>
                </c:pt>
                <c:pt idx="187">
                  <c:v>6.2333333333333334</c:v>
                </c:pt>
                <c:pt idx="188">
                  <c:v>6.2666666666666666</c:v>
                </c:pt>
                <c:pt idx="189">
                  <c:v>6.3</c:v>
                </c:pt>
                <c:pt idx="190">
                  <c:v>6.333333333333333</c:v>
                </c:pt>
                <c:pt idx="191">
                  <c:v>6.3666666666666663</c:v>
                </c:pt>
                <c:pt idx="192">
                  <c:v>6.4</c:v>
                </c:pt>
                <c:pt idx="193">
                  <c:v>6.4333333333333336</c:v>
                </c:pt>
                <c:pt idx="194">
                  <c:v>6.4666666666666668</c:v>
                </c:pt>
                <c:pt idx="195">
                  <c:v>6.5</c:v>
                </c:pt>
                <c:pt idx="196">
                  <c:v>6.5333333333333332</c:v>
                </c:pt>
                <c:pt idx="197">
                  <c:v>6.5666666666666664</c:v>
                </c:pt>
                <c:pt idx="198">
                  <c:v>6.6</c:v>
                </c:pt>
                <c:pt idx="199">
                  <c:v>6.6333333333333337</c:v>
                </c:pt>
                <c:pt idx="200">
                  <c:v>6.666666666666667</c:v>
                </c:pt>
                <c:pt idx="201">
                  <c:v>6.7</c:v>
                </c:pt>
                <c:pt idx="202">
                  <c:v>6.7333333333333334</c:v>
                </c:pt>
                <c:pt idx="203">
                  <c:v>6.7666666666666666</c:v>
                </c:pt>
                <c:pt idx="204">
                  <c:v>6.8</c:v>
                </c:pt>
                <c:pt idx="205">
                  <c:v>6.833333333333333</c:v>
                </c:pt>
                <c:pt idx="206">
                  <c:v>6.8666666666666663</c:v>
                </c:pt>
                <c:pt idx="207">
                  <c:v>6.9</c:v>
                </c:pt>
                <c:pt idx="208">
                  <c:v>6.9333333333333336</c:v>
                </c:pt>
                <c:pt idx="209">
                  <c:v>6.9666666666666668</c:v>
                </c:pt>
                <c:pt idx="210">
                  <c:v>7</c:v>
                </c:pt>
                <c:pt idx="211">
                  <c:v>7.0333333333333332</c:v>
                </c:pt>
                <c:pt idx="212">
                  <c:v>7.0666666666666664</c:v>
                </c:pt>
                <c:pt idx="213">
                  <c:v>7.1</c:v>
                </c:pt>
                <c:pt idx="214">
                  <c:v>7.1333333333333337</c:v>
                </c:pt>
                <c:pt idx="215">
                  <c:v>7.166666666666667</c:v>
                </c:pt>
                <c:pt idx="216">
                  <c:v>7.2</c:v>
                </c:pt>
                <c:pt idx="217">
                  <c:v>7.2333333333333334</c:v>
                </c:pt>
                <c:pt idx="218">
                  <c:v>7.2666666666666666</c:v>
                </c:pt>
                <c:pt idx="219">
                  <c:v>7.3</c:v>
                </c:pt>
                <c:pt idx="220">
                  <c:v>7.333333333333333</c:v>
                </c:pt>
                <c:pt idx="221">
                  <c:v>7.3666666666666663</c:v>
                </c:pt>
                <c:pt idx="222">
                  <c:v>7.4</c:v>
                </c:pt>
                <c:pt idx="223">
                  <c:v>7.4333333333333336</c:v>
                </c:pt>
                <c:pt idx="224">
                  <c:v>7.4666666666666668</c:v>
                </c:pt>
                <c:pt idx="225">
                  <c:v>7.5</c:v>
                </c:pt>
                <c:pt idx="226">
                  <c:v>7.5333333333333332</c:v>
                </c:pt>
                <c:pt idx="227">
                  <c:v>7.5666666666666664</c:v>
                </c:pt>
                <c:pt idx="228">
                  <c:v>7.6</c:v>
                </c:pt>
                <c:pt idx="229">
                  <c:v>7.6333333333333337</c:v>
                </c:pt>
                <c:pt idx="230">
                  <c:v>7.666666666666667</c:v>
                </c:pt>
                <c:pt idx="231">
                  <c:v>7.7</c:v>
                </c:pt>
                <c:pt idx="232">
                  <c:v>7.7333333333333334</c:v>
                </c:pt>
                <c:pt idx="233">
                  <c:v>7.7666666666666666</c:v>
                </c:pt>
                <c:pt idx="234">
                  <c:v>7.8</c:v>
                </c:pt>
                <c:pt idx="235">
                  <c:v>7.833333333333333</c:v>
                </c:pt>
                <c:pt idx="236">
                  <c:v>7.8666666666666663</c:v>
                </c:pt>
                <c:pt idx="237">
                  <c:v>7.9</c:v>
                </c:pt>
                <c:pt idx="238">
                  <c:v>7.9333333333333336</c:v>
                </c:pt>
                <c:pt idx="239">
                  <c:v>7.9666666666666668</c:v>
                </c:pt>
                <c:pt idx="240">
                  <c:v>8</c:v>
                </c:pt>
                <c:pt idx="241">
                  <c:v>8.0333333333333332</c:v>
                </c:pt>
                <c:pt idx="242">
                  <c:v>8.0666666666666664</c:v>
                </c:pt>
                <c:pt idx="243">
                  <c:v>8.1</c:v>
                </c:pt>
                <c:pt idx="244">
                  <c:v>8.1333333333333329</c:v>
                </c:pt>
                <c:pt idx="245">
                  <c:v>8.1666666666666661</c:v>
                </c:pt>
                <c:pt idx="246">
                  <c:v>8.1999999999999993</c:v>
                </c:pt>
                <c:pt idx="247">
                  <c:v>8.2333333333333325</c:v>
                </c:pt>
                <c:pt idx="248">
                  <c:v>8.2666666666666675</c:v>
                </c:pt>
                <c:pt idx="249">
                  <c:v>8.3000000000000007</c:v>
                </c:pt>
                <c:pt idx="250">
                  <c:v>8.3333333333333339</c:v>
                </c:pt>
                <c:pt idx="251">
                  <c:v>8.3666666666666671</c:v>
                </c:pt>
                <c:pt idx="252">
                  <c:v>8.4</c:v>
                </c:pt>
                <c:pt idx="253">
                  <c:v>8.4333333333333336</c:v>
                </c:pt>
                <c:pt idx="254">
                  <c:v>8.4666666666666668</c:v>
                </c:pt>
                <c:pt idx="255">
                  <c:v>8.5</c:v>
                </c:pt>
                <c:pt idx="256">
                  <c:v>8.5333333333333332</c:v>
                </c:pt>
                <c:pt idx="257">
                  <c:v>8.5666666666666664</c:v>
                </c:pt>
                <c:pt idx="258">
                  <c:v>8.6</c:v>
                </c:pt>
                <c:pt idx="259">
                  <c:v>8.6333333333333329</c:v>
                </c:pt>
                <c:pt idx="260">
                  <c:v>8.6666666666666661</c:v>
                </c:pt>
                <c:pt idx="261">
                  <c:v>8.6999999999999993</c:v>
                </c:pt>
                <c:pt idx="262">
                  <c:v>8.7333333333333325</c:v>
                </c:pt>
                <c:pt idx="263">
                  <c:v>8.7666666666666675</c:v>
                </c:pt>
                <c:pt idx="264">
                  <c:v>8.8000000000000007</c:v>
                </c:pt>
                <c:pt idx="265">
                  <c:v>8.8333333333333339</c:v>
                </c:pt>
                <c:pt idx="266">
                  <c:v>8.8666666666666671</c:v>
                </c:pt>
                <c:pt idx="267">
                  <c:v>8.9</c:v>
                </c:pt>
                <c:pt idx="268">
                  <c:v>8.9333333333333336</c:v>
                </c:pt>
                <c:pt idx="269">
                  <c:v>8.9666666666666668</c:v>
                </c:pt>
                <c:pt idx="270">
                  <c:v>9</c:v>
                </c:pt>
                <c:pt idx="271">
                  <c:v>9.0333333333333332</c:v>
                </c:pt>
                <c:pt idx="272">
                  <c:v>9.0666666666666664</c:v>
                </c:pt>
                <c:pt idx="273">
                  <c:v>9.1</c:v>
                </c:pt>
                <c:pt idx="274">
                  <c:v>9.1333333333333329</c:v>
                </c:pt>
                <c:pt idx="275">
                  <c:v>9.1666666666666661</c:v>
                </c:pt>
                <c:pt idx="276">
                  <c:v>9.1999999999999993</c:v>
                </c:pt>
                <c:pt idx="277">
                  <c:v>9.2333333333333325</c:v>
                </c:pt>
                <c:pt idx="278">
                  <c:v>9.2666666666666675</c:v>
                </c:pt>
                <c:pt idx="279">
                  <c:v>9.3000000000000007</c:v>
                </c:pt>
                <c:pt idx="280">
                  <c:v>9.3333333333333339</c:v>
                </c:pt>
                <c:pt idx="281">
                  <c:v>9.3666666666666671</c:v>
                </c:pt>
                <c:pt idx="282">
                  <c:v>9.4</c:v>
                </c:pt>
                <c:pt idx="283">
                  <c:v>9.4333333333333336</c:v>
                </c:pt>
                <c:pt idx="284">
                  <c:v>9.4666666666666668</c:v>
                </c:pt>
                <c:pt idx="285">
                  <c:v>9.5</c:v>
                </c:pt>
                <c:pt idx="286">
                  <c:v>9.5333333333333332</c:v>
                </c:pt>
                <c:pt idx="287">
                  <c:v>9.5666666666666664</c:v>
                </c:pt>
                <c:pt idx="288">
                  <c:v>9.6</c:v>
                </c:pt>
                <c:pt idx="289">
                  <c:v>9.6333333333333329</c:v>
                </c:pt>
                <c:pt idx="290">
                  <c:v>9.6666666666666661</c:v>
                </c:pt>
                <c:pt idx="291">
                  <c:v>9.6999999999999993</c:v>
                </c:pt>
                <c:pt idx="292">
                  <c:v>9.7333333333333325</c:v>
                </c:pt>
                <c:pt idx="293">
                  <c:v>9.7666666666666675</c:v>
                </c:pt>
                <c:pt idx="294">
                  <c:v>9.8000000000000007</c:v>
                </c:pt>
                <c:pt idx="295">
                  <c:v>9.8333333333333339</c:v>
                </c:pt>
                <c:pt idx="296">
                  <c:v>9.8666666666666671</c:v>
                </c:pt>
                <c:pt idx="297">
                  <c:v>9.9</c:v>
                </c:pt>
                <c:pt idx="298">
                  <c:v>9.9333333333333336</c:v>
                </c:pt>
                <c:pt idx="299">
                  <c:v>9.9666666666666668</c:v>
                </c:pt>
                <c:pt idx="300">
                  <c:v>10</c:v>
                </c:pt>
                <c:pt idx="301">
                  <c:v>10.033333333333333</c:v>
                </c:pt>
                <c:pt idx="302">
                  <c:v>10.066666666666666</c:v>
                </c:pt>
                <c:pt idx="303">
                  <c:v>10.1</c:v>
                </c:pt>
                <c:pt idx="304">
                  <c:v>10.133333333333333</c:v>
                </c:pt>
                <c:pt idx="305">
                  <c:v>10.166666666666666</c:v>
                </c:pt>
                <c:pt idx="306">
                  <c:v>10.199999999999999</c:v>
                </c:pt>
                <c:pt idx="307">
                  <c:v>10.233333333333333</c:v>
                </c:pt>
                <c:pt idx="308">
                  <c:v>10.266666666666667</c:v>
                </c:pt>
                <c:pt idx="309">
                  <c:v>10.3</c:v>
                </c:pt>
                <c:pt idx="310">
                  <c:v>10.333333333333334</c:v>
                </c:pt>
                <c:pt idx="311">
                  <c:v>10.366666666666667</c:v>
                </c:pt>
                <c:pt idx="312">
                  <c:v>10.4</c:v>
                </c:pt>
                <c:pt idx="313">
                  <c:v>10.433333333333334</c:v>
                </c:pt>
                <c:pt idx="314">
                  <c:v>10.466666666666667</c:v>
                </c:pt>
                <c:pt idx="315">
                  <c:v>10.5</c:v>
                </c:pt>
                <c:pt idx="316">
                  <c:v>10.533333333333333</c:v>
                </c:pt>
                <c:pt idx="317">
                  <c:v>10.566666666666666</c:v>
                </c:pt>
                <c:pt idx="318">
                  <c:v>10.6</c:v>
                </c:pt>
                <c:pt idx="319">
                  <c:v>10.633333333333333</c:v>
                </c:pt>
                <c:pt idx="320">
                  <c:v>10.666666666666666</c:v>
                </c:pt>
                <c:pt idx="321">
                  <c:v>10.7</c:v>
                </c:pt>
                <c:pt idx="322">
                  <c:v>10.733333333333333</c:v>
                </c:pt>
                <c:pt idx="323">
                  <c:v>10.766666666666667</c:v>
                </c:pt>
                <c:pt idx="324">
                  <c:v>10.8</c:v>
                </c:pt>
                <c:pt idx="325">
                  <c:v>10.833333333333334</c:v>
                </c:pt>
                <c:pt idx="326">
                  <c:v>10.866666666666667</c:v>
                </c:pt>
                <c:pt idx="327">
                  <c:v>10.9</c:v>
                </c:pt>
                <c:pt idx="328">
                  <c:v>10.933333333333334</c:v>
                </c:pt>
                <c:pt idx="329">
                  <c:v>10.966666666666667</c:v>
                </c:pt>
                <c:pt idx="330">
                  <c:v>11</c:v>
                </c:pt>
                <c:pt idx="331">
                  <c:v>11.033333333333333</c:v>
                </c:pt>
                <c:pt idx="332">
                  <c:v>11.066666666666666</c:v>
                </c:pt>
                <c:pt idx="333">
                  <c:v>11.1</c:v>
                </c:pt>
                <c:pt idx="334">
                  <c:v>11.133333333333333</c:v>
                </c:pt>
                <c:pt idx="335">
                  <c:v>11.166666666666666</c:v>
                </c:pt>
                <c:pt idx="336">
                  <c:v>11.2</c:v>
                </c:pt>
                <c:pt idx="337">
                  <c:v>11.233333333333333</c:v>
                </c:pt>
                <c:pt idx="338">
                  <c:v>11.266666666666667</c:v>
                </c:pt>
                <c:pt idx="339">
                  <c:v>11.3</c:v>
                </c:pt>
                <c:pt idx="340">
                  <c:v>11.333333333333334</c:v>
                </c:pt>
                <c:pt idx="341">
                  <c:v>11.366666666666667</c:v>
                </c:pt>
                <c:pt idx="342">
                  <c:v>11.4</c:v>
                </c:pt>
                <c:pt idx="343">
                  <c:v>11.433333333333334</c:v>
                </c:pt>
                <c:pt idx="344">
                  <c:v>11.466666666666667</c:v>
                </c:pt>
                <c:pt idx="345">
                  <c:v>11.5</c:v>
                </c:pt>
                <c:pt idx="346">
                  <c:v>11.533333333333333</c:v>
                </c:pt>
                <c:pt idx="347">
                  <c:v>11.566666666666666</c:v>
                </c:pt>
                <c:pt idx="348">
                  <c:v>11.6</c:v>
                </c:pt>
                <c:pt idx="349">
                  <c:v>11.633333333333333</c:v>
                </c:pt>
                <c:pt idx="350">
                  <c:v>11.666666666666666</c:v>
                </c:pt>
                <c:pt idx="351">
                  <c:v>11.7</c:v>
                </c:pt>
                <c:pt idx="352">
                  <c:v>11.733333333333333</c:v>
                </c:pt>
                <c:pt idx="353">
                  <c:v>11.766666666666667</c:v>
                </c:pt>
                <c:pt idx="354">
                  <c:v>11.8</c:v>
                </c:pt>
                <c:pt idx="355">
                  <c:v>11.833333333333334</c:v>
                </c:pt>
                <c:pt idx="356">
                  <c:v>11.866666666666667</c:v>
                </c:pt>
                <c:pt idx="357">
                  <c:v>11.9</c:v>
                </c:pt>
                <c:pt idx="358">
                  <c:v>11.933333333333334</c:v>
                </c:pt>
                <c:pt idx="359">
                  <c:v>11.966666666666667</c:v>
                </c:pt>
                <c:pt idx="360">
                  <c:v>12</c:v>
                </c:pt>
                <c:pt idx="361">
                  <c:v>12.033333333333333</c:v>
                </c:pt>
                <c:pt idx="362">
                  <c:v>12.066666666666666</c:v>
                </c:pt>
                <c:pt idx="363">
                  <c:v>12.1</c:v>
                </c:pt>
                <c:pt idx="364">
                  <c:v>12.133333333333333</c:v>
                </c:pt>
                <c:pt idx="365">
                  <c:v>12.166666666666666</c:v>
                </c:pt>
                <c:pt idx="366">
                  <c:v>12.2</c:v>
                </c:pt>
                <c:pt idx="367">
                  <c:v>12.233333333333333</c:v>
                </c:pt>
                <c:pt idx="368">
                  <c:v>12.266666666666667</c:v>
                </c:pt>
                <c:pt idx="369">
                  <c:v>12.3</c:v>
                </c:pt>
                <c:pt idx="370">
                  <c:v>12.333333333333334</c:v>
                </c:pt>
                <c:pt idx="371">
                  <c:v>12.366666666666667</c:v>
                </c:pt>
                <c:pt idx="372">
                  <c:v>12.4</c:v>
                </c:pt>
                <c:pt idx="373">
                  <c:v>12.433333333333334</c:v>
                </c:pt>
                <c:pt idx="374">
                  <c:v>12.466666666666667</c:v>
                </c:pt>
                <c:pt idx="375">
                  <c:v>12.5</c:v>
                </c:pt>
                <c:pt idx="376">
                  <c:v>12.533333333333333</c:v>
                </c:pt>
                <c:pt idx="377">
                  <c:v>12.566666666666666</c:v>
                </c:pt>
                <c:pt idx="378">
                  <c:v>12.6</c:v>
                </c:pt>
                <c:pt idx="379">
                  <c:v>12.633333333333333</c:v>
                </c:pt>
                <c:pt idx="380">
                  <c:v>12.666666666666666</c:v>
                </c:pt>
                <c:pt idx="381">
                  <c:v>12.7</c:v>
                </c:pt>
                <c:pt idx="382">
                  <c:v>12.733333333333333</c:v>
                </c:pt>
                <c:pt idx="383">
                  <c:v>12.766666666666667</c:v>
                </c:pt>
                <c:pt idx="384">
                  <c:v>12.8</c:v>
                </c:pt>
                <c:pt idx="385">
                  <c:v>12.833333333333334</c:v>
                </c:pt>
                <c:pt idx="386">
                  <c:v>12.866666666666667</c:v>
                </c:pt>
                <c:pt idx="387">
                  <c:v>12.9</c:v>
                </c:pt>
                <c:pt idx="388">
                  <c:v>12.933333333333334</c:v>
                </c:pt>
                <c:pt idx="389">
                  <c:v>12.966666666666667</c:v>
                </c:pt>
                <c:pt idx="390">
                  <c:v>13</c:v>
                </c:pt>
                <c:pt idx="391">
                  <c:v>13.033333333333333</c:v>
                </c:pt>
                <c:pt idx="392">
                  <c:v>13.066666666666666</c:v>
                </c:pt>
                <c:pt idx="393">
                  <c:v>13.1</c:v>
                </c:pt>
                <c:pt idx="394">
                  <c:v>13.133333333333333</c:v>
                </c:pt>
                <c:pt idx="395">
                  <c:v>13.166666666666666</c:v>
                </c:pt>
                <c:pt idx="396">
                  <c:v>13.2</c:v>
                </c:pt>
                <c:pt idx="397">
                  <c:v>13.233333333333333</c:v>
                </c:pt>
                <c:pt idx="398">
                  <c:v>13.266666666666667</c:v>
                </c:pt>
                <c:pt idx="399">
                  <c:v>13.3</c:v>
                </c:pt>
                <c:pt idx="400">
                  <c:v>13.333333333333334</c:v>
                </c:pt>
                <c:pt idx="401">
                  <c:v>13.366666666666667</c:v>
                </c:pt>
                <c:pt idx="402">
                  <c:v>13.4</c:v>
                </c:pt>
                <c:pt idx="403">
                  <c:v>13.433333333333334</c:v>
                </c:pt>
                <c:pt idx="404">
                  <c:v>13.466666666666667</c:v>
                </c:pt>
                <c:pt idx="405">
                  <c:v>13.5</c:v>
                </c:pt>
                <c:pt idx="406">
                  <c:v>13.533333333333333</c:v>
                </c:pt>
                <c:pt idx="407">
                  <c:v>13.566666666666666</c:v>
                </c:pt>
                <c:pt idx="408">
                  <c:v>13.6</c:v>
                </c:pt>
                <c:pt idx="409">
                  <c:v>13.633333333333333</c:v>
                </c:pt>
                <c:pt idx="410">
                  <c:v>13.666666666666666</c:v>
                </c:pt>
                <c:pt idx="411">
                  <c:v>13.7</c:v>
                </c:pt>
                <c:pt idx="412">
                  <c:v>13.733333333333333</c:v>
                </c:pt>
                <c:pt idx="413">
                  <c:v>13.766666666666667</c:v>
                </c:pt>
                <c:pt idx="414">
                  <c:v>13.8</c:v>
                </c:pt>
                <c:pt idx="415">
                  <c:v>13.833333333333334</c:v>
                </c:pt>
                <c:pt idx="416">
                  <c:v>13.866666666666667</c:v>
                </c:pt>
                <c:pt idx="417">
                  <c:v>13.9</c:v>
                </c:pt>
                <c:pt idx="418">
                  <c:v>13.933333333333334</c:v>
                </c:pt>
                <c:pt idx="419">
                  <c:v>13.966666666666667</c:v>
                </c:pt>
                <c:pt idx="420">
                  <c:v>14</c:v>
                </c:pt>
                <c:pt idx="421">
                  <c:v>14.033333333333333</c:v>
                </c:pt>
                <c:pt idx="422">
                  <c:v>14.066666666666666</c:v>
                </c:pt>
                <c:pt idx="423">
                  <c:v>14.1</c:v>
                </c:pt>
                <c:pt idx="424">
                  <c:v>14.133333333333333</c:v>
                </c:pt>
                <c:pt idx="425">
                  <c:v>14.166666666666666</c:v>
                </c:pt>
                <c:pt idx="426">
                  <c:v>14.2</c:v>
                </c:pt>
                <c:pt idx="427">
                  <c:v>14.233333333333333</c:v>
                </c:pt>
                <c:pt idx="428">
                  <c:v>14.266666666666667</c:v>
                </c:pt>
                <c:pt idx="429">
                  <c:v>14.3</c:v>
                </c:pt>
                <c:pt idx="430">
                  <c:v>14.333333333333334</c:v>
                </c:pt>
                <c:pt idx="431">
                  <c:v>14.366666666666667</c:v>
                </c:pt>
                <c:pt idx="432">
                  <c:v>14.4</c:v>
                </c:pt>
                <c:pt idx="433">
                  <c:v>14.433333333333334</c:v>
                </c:pt>
                <c:pt idx="434">
                  <c:v>14.466666666666667</c:v>
                </c:pt>
                <c:pt idx="435">
                  <c:v>14.5</c:v>
                </c:pt>
                <c:pt idx="436">
                  <c:v>14.533333333333333</c:v>
                </c:pt>
                <c:pt idx="437">
                  <c:v>14.566666666666666</c:v>
                </c:pt>
                <c:pt idx="438">
                  <c:v>14.6</c:v>
                </c:pt>
                <c:pt idx="439">
                  <c:v>14.633333333333333</c:v>
                </c:pt>
                <c:pt idx="440">
                  <c:v>14.666666666666666</c:v>
                </c:pt>
                <c:pt idx="441">
                  <c:v>14.7</c:v>
                </c:pt>
                <c:pt idx="442">
                  <c:v>14.733333333333333</c:v>
                </c:pt>
                <c:pt idx="443">
                  <c:v>14.766666666666667</c:v>
                </c:pt>
                <c:pt idx="444">
                  <c:v>14.8</c:v>
                </c:pt>
                <c:pt idx="445">
                  <c:v>14.833333333333334</c:v>
                </c:pt>
                <c:pt idx="446">
                  <c:v>14.866666666666667</c:v>
                </c:pt>
                <c:pt idx="447">
                  <c:v>14.9</c:v>
                </c:pt>
                <c:pt idx="448">
                  <c:v>14.933333333333334</c:v>
                </c:pt>
                <c:pt idx="449">
                  <c:v>14.966666666666667</c:v>
                </c:pt>
                <c:pt idx="450">
                  <c:v>15</c:v>
                </c:pt>
                <c:pt idx="451">
                  <c:v>15.033333333333333</c:v>
                </c:pt>
                <c:pt idx="452">
                  <c:v>15.066666666666666</c:v>
                </c:pt>
                <c:pt idx="453">
                  <c:v>15.1</c:v>
                </c:pt>
                <c:pt idx="454">
                  <c:v>15.133333333333333</c:v>
                </c:pt>
                <c:pt idx="455">
                  <c:v>15.166666666666666</c:v>
                </c:pt>
                <c:pt idx="456">
                  <c:v>15.2</c:v>
                </c:pt>
                <c:pt idx="457">
                  <c:v>15.233333333333333</c:v>
                </c:pt>
                <c:pt idx="458">
                  <c:v>15.266666666666667</c:v>
                </c:pt>
                <c:pt idx="459">
                  <c:v>15.3</c:v>
                </c:pt>
                <c:pt idx="460">
                  <c:v>15.333333333333334</c:v>
                </c:pt>
                <c:pt idx="461">
                  <c:v>15.366666666666667</c:v>
                </c:pt>
                <c:pt idx="462">
                  <c:v>15.4</c:v>
                </c:pt>
                <c:pt idx="463">
                  <c:v>15.433333333333334</c:v>
                </c:pt>
                <c:pt idx="464">
                  <c:v>15.466666666666667</c:v>
                </c:pt>
                <c:pt idx="465">
                  <c:v>15.5</c:v>
                </c:pt>
                <c:pt idx="466">
                  <c:v>15.533333333333333</c:v>
                </c:pt>
                <c:pt idx="467">
                  <c:v>15.566666666666666</c:v>
                </c:pt>
                <c:pt idx="468">
                  <c:v>15.6</c:v>
                </c:pt>
                <c:pt idx="469">
                  <c:v>15.633333333333333</c:v>
                </c:pt>
                <c:pt idx="470">
                  <c:v>15.666666666666666</c:v>
                </c:pt>
                <c:pt idx="471">
                  <c:v>15.7</c:v>
                </c:pt>
                <c:pt idx="472">
                  <c:v>15.733333333333333</c:v>
                </c:pt>
                <c:pt idx="473">
                  <c:v>15.766666666666667</c:v>
                </c:pt>
                <c:pt idx="474">
                  <c:v>15.8</c:v>
                </c:pt>
                <c:pt idx="475">
                  <c:v>15.833333333333334</c:v>
                </c:pt>
                <c:pt idx="476">
                  <c:v>15.866666666666667</c:v>
                </c:pt>
                <c:pt idx="477">
                  <c:v>15.9</c:v>
                </c:pt>
                <c:pt idx="478">
                  <c:v>15.933333333333334</c:v>
                </c:pt>
                <c:pt idx="479">
                  <c:v>15.966666666666667</c:v>
                </c:pt>
                <c:pt idx="480">
                  <c:v>16</c:v>
                </c:pt>
                <c:pt idx="481">
                  <c:v>16.033333333333335</c:v>
                </c:pt>
                <c:pt idx="482">
                  <c:v>16.066666666666666</c:v>
                </c:pt>
                <c:pt idx="483">
                  <c:v>16.100000000000001</c:v>
                </c:pt>
                <c:pt idx="484">
                  <c:v>16.133333333333333</c:v>
                </c:pt>
                <c:pt idx="485">
                  <c:v>16.166666666666668</c:v>
                </c:pt>
                <c:pt idx="486">
                  <c:v>16.2</c:v>
                </c:pt>
                <c:pt idx="487">
                  <c:v>16.233333333333334</c:v>
                </c:pt>
                <c:pt idx="488">
                  <c:v>16.266666666666666</c:v>
                </c:pt>
                <c:pt idx="489">
                  <c:v>16.3</c:v>
                </c:pt>
                <c:pt idx="490">
                  <c:v>16.333333333333332</c:v>
                </c:pt>
                <c:pt idx="491">
                  <c:v>16.366666666666667</c:v>
                </c:pt>
                <c:pt idx="492">
                  <c:v>16.399999999999999</c:v>
                </c:pt>
                <c:pt idx="493">
                  <c:v>16.433333333333334</c:v>
                </c:pt>
                <c:pt idx="494">
                  <c:v>16.466666666666665</c:v>
                </c:pt>
                <c:pt idx="495">
                  <c:v>16.5</c:v>
                </c:pt>
                <c:pt idx="496">
                  <c:v>16.533333333333335</c:v>
                </c:pt>
                <c:pt idx="497">
                  <c:v>16.566666666666666</c:v>
                </c:pt>
                <c:pt idx="498">
                  <c:v>16.600000000000001</c:v>
                </c:pt>
                <c:pt idx="499">
                  <c:v>16.633333333333333</c:v>
                </c:pt>
                <c:pt idx="500">
                  <c:v>16.666666666666668</c:v>
                </c:pt>
                <c:pt idx="501">
                  <c:v>16.7</c:v>
                </c:pt>
                <c:pt idx="502">
                  <c:v>16.733333333333334</c:v>
                </c:pt>
                <c:pt idx="503">
                  <c:v>16.766666666666666</c:v>
                </c:pt>
                <c:pt idx="504">
                  <c:v>16.8</c:v>
                </c:pt>
                <c:pt idx="505">
                  <c:v>16.833333333333332</c:v>
                </c:pt>
                <c:pt idx="506">
                  <c:v>16.866666666666667</c:v>
                </c:pt>
                <c:pt idx="507">
                  <c:v>16.899999999999999</c:v>
                </c:pt>
                <c:pt idx="508">
                  <c:v>16.933333333333334</c:v>
                </c:pt>
                <c:pt idx="509">
                  <c:v>16.966666666666665</c:v>
                </c:pt>
                <c:pt idx="510">
                  <c:v>17</c:v>
                </c:pt>
                <c:pt idx="511">
                  <c:v>17.033333333333335</c:v>
                </c:pt>
                <c:pt idx="512">
                  <c:v>17.066666666666666</c:v>
                </c:pt>
                <c:pt idx="513">
                  <c:v>17.100000000000001</c:v>
                </c:pt>
                <c:pt idx="514">
                  <c:v>17.133333333333333</c:v>
                </c:pt>
                <c:pt idx="515">
                  <c:v>17.166666666666668</c:v>
                </c:pt>
                <c:pt idx="516">
                  <c:v>17.2</c:v>
                </c:pt>
                <c:pt idx="517">
                  <c:v>17.233333333333334</c:v>
                </c:pt>
                <c:pt idx="518">
                  <c:v>17.266666666666666</c:v>
                </c:pt>
                <c:pt idx="519">
                  <c:v>17.3</c:v>
                </c:pt>
                <c:pt idx="520">
                  <c:v>17.333333333333332</c:v>
                </c:pt>
                <c:pt idx="521">
                  <c:v>17.366666666666667</c:v>
                </c:pt>
                <c:pt idx="522">
                  <c:v>17.399999999999999</c:v>
                </c:pt>
                <c:pt idx="523">
                  <c:v>17.433333333333334</c:v>
                </c:pt>
                <c:pt idx="524">
                  <c:v>17.466666666666665</c:v>
                </c:pt>
                <c:pt idx="525">
                  <c:v>17.5</c:v>
                </c:pt>
                <c:pt idx="526">
                  <c:v>17.533333333333335</c:v>
                </c:pt>
                <c:pt idx="527">
                  <c:v>17.566666666666666</c:v>
                </c:pt>
                <c:pt idx="528">
                  <c:v>17.600000000000001</c:v>
                </c:pt>
                <c:pt idx="529">
                  <c:v>17.633333333333333</c:v>
                </c:pt>
                <c:pt idx="530">
                  <c:v>17.666666666666668</c:v>
                </c:pt>
                <c:pt idx="531">
                  <c:v>17.7</c:v>
                </c:pt>
                <c:pt idx="532">
                  <c:v>17.733333333333334</c:v>
                </c:pt>
                <c:pt idx="533">
                  <c:v>17.766666666666666</c:v>
                </c:pt>
                <c:pt idx="534">
                  <c:v>17.8</c:v>
                </c:pt>
                <c:pt idx="535">
                  <c:v>17.833333333333332</c:v>
                </c:pt>
                <c:pt idx="536">
                  <c:v>17.866666666666667</c:v>
                </c:pt>
                <c:pt idx="537">
                  <c:v>17.899999999999999</c:v>
                </c:pt>
                <c:pt idx="538">
                  <c:v>17.933333333333334</c:v>
                </c:pt>
                <c:pt idx="539">
                  <c:v>17.966666666666665</c:v>
                </c:pt>
                <c:pt idx="540">
                  <c:v>18</c:v>
                </c:pt>
                <c:pt idx="541">
                  <c:v>18.033333333333335</c:v>
                </c:pt>
                <c:pt idx="542">
                  <c:v>18.066666666666666</c:v>
                </c:pt>
                <c:pt idx="543">
                  <c:v>18.100000000000001</c:v>
                </c:pt>
                <c:pt idx="544">
                  <c:v>18.133333333333333</c:v>
                </c:pt>
                <c:pt idx="545">
                  <c:v>18.166666666666668</c:v>
                </c:pt>
                <c:pt idx="546">
                  <c:v>18.2</c:v>
                </c:pt>
                <c:pt idx="547">
                  <c:v>18.233333333333334</c:v>
                </c:pt>
                <c:pt idx="548">
                  <c:v>18.266666666666666</c:v>
                </c:pt>
                <c:pt idx="549">
                  <c:v>18.3</c:v>
                </c:pt>
                <c:pt idx="550">
                  <c:v>18.333333333333332</c:v>
                </c:pt>
                <c:pt idx="551">
                  <c:v>18.366666666666667</c:v>
                </c:pt>
                <c:pt idx="552">
                  <c:v>18.399999999999999</c:v>
                </c:pt>
                <c:pt idx="553">
                  <c:v>18.433333333333334</c:v>
                </c:pt>
                <c:pt idx="554">
                  <c:v>18.466666666666665</c:v>
                </c:pt>
                <c:pt idx="555">
                  <c:v>18.5</c:v>
                </c:pt>
                <c:pt idx="556">
                  <c:v>18.533333333333335</c:v>
                </c:pt>
                <c:pt idx="557">
                  <c:v>18.566666666666666</c:v>
                </c:pt>
                <c:pt idx="558">
                  <c:v>18.600000000000001</c:v>
                </c:pt>
                <c:pt idx="559">
                  <c:v>18.633333333333333</c:v>
                </c:pt>
                <c:pt idx="560">
                  <c:v>18.666666666666668</c:v>
                </c:pt>
                <c:pt idx="561">
                  <c:v>18.7</c:v>
                </c:pt>
                <c:pt idx="562">
                  <c:v>18.733333333333334</c:v>
                </c:pt>
                <c:pt idx="563">
                  <c:v>18.766666666666666</c:v>
                </c:pt>
                <c:pt idx="564">
                  <c:v>18.8</c:v>
                </c:pt>
                <c:pt idx="565">
                  <c:v>18.833333333333332</c:v>
                </c:pt>
                <c:pt idx="566">
                  <c:v>18.866666666666667</c:v>
                </c:pt>
                <c:pt idx="567">
                  <c:v>18.899999999999999</c:v>
                </c:pt>
                <c:pt idx="568">
                  <c:v>18.933333333333334</c:v>
                </c:pt>
                <c:pt idx="569">
                  <c:v>18.966666666666665</c:v>
                </c:pt>
                <c:pt idx="570">
                  <c:v>19</c:v>
                </c:pt>
                <c:pt idx="571">
                  <c:v>19.033333333333335</c:v>
                </c:pt>
                <c:pt idx="572">
                  <c:v>19.066666666666666</c:v>
                </c:pt>
                <c:pt idx="573">
                  <c:v>19.100000000000001</c:v>
                </c:pt>
                <c:pt idx="574">
                  <c:v>19.133333333333333</c:v>
                </c:pt>
                <c:pt idx="575">
                  <c:v>19.166666666666668</c:v>
                </c:pt>
                <c:pt idx="576">
                  <c:v>19.2</c:v>
                </c:pt>
                <c:pt idx="577">
                  <c:v>19.233333333333334</c:v>
                </c:pt>
                <c:pt idx="578">
                  <c:v>19.266666666666666</c:v>
                </c:pt>
                <c:pt idx="579">
                  <c:v>19.3</c:v>
                </c:pt>
                <c:pt idx="580">
                  <c:v>19.333333333333332</c:v>
                </c:pt>
                <c:pt idx="581">
                  <c:v>19.366666666666667</c:v>
                </c:pt>
                <c:pt idx="582">
                  <c:v>19.399999999999999</c:v>
                </c:pt>
                <c:pt idx="583">
                  <c:v>19.433333333333334</c:v>
                </c:pt>
                <c:pt idx="584">
                  <c:v>19.466666666666665</c:v>
                </c:pt>
                <c:pt idx="585">
                  <c:v>19.5</c:v>
                </c:pt>
                <c:pt idx="586">
                  <c:v>19.533333333333335</c:v>
                </c:pt>
                <c:pt idx="587">
                  <c:v>19.566666666666666</c:v>
                </c:pt>
                <c:pt idx="588">
                  <c:v>19.600000000000001</c:v>
                </c:pt>
                <c:pt idx="589">
                  <c:v>19.633333333333333</c:v>
                </c:pt>
                <c:pt idx="590">
                  <c:v>19.666666666666668</c:v>
                </c:pt>
                <c:pt idx="591">
                  <c:v>19.7</c:v>
                </c:pt>
                <c:pt idx="592">
                  <c:v>19.733333333333334</c:v>
                </c:pt>
                <c:pt idx="593">
                  <c:v>19.766666666666666</c:v>
                </c:pt>
                <c:pt idx="594">
                  <c:v>19.8</c:v>
                </c:pt>
                <c:pt idx="595">
                  <c:v>19.833333333333332</c:v>
                </c:pt>
                <c:pt idx="596">
                  <c:v>19.866666666666667</c:v>
                </c:pt>
                <c:pt idx="597">
                  <c:v>19.899999999999999</c:v>
                </c:pt>
                <c:pt idx="598">
                  <c:v>19.933333333333334</c:v>
                </c:pt>
                <c:pt idx="599">
                  <c:v>19.966666666666665</c:v>
                </c:pt>
                <c:pt idx="600">
                  <c:v>20</c:v>
                </c:pt>
                <c:pt idx="601">
                  <c:v>20.033333333333335</c:v>
                </c:pt>
                <c:pt idx="602">
                  <c:v>20.066666666666666</c:v>
                </c:pt>
                <c:pt idx="603">
                  <c:v>20.100000000000001</c:v>
                </c:pt>
                <c:pt idx="604">
                  <c:v>20.133333333333333</c:v>
                </c:pt>
                <c:pt idx="605">
                  <c:v>20.166666666666668</c:v>
                </c:pt>
                <c:pt idx="606">
                  <c:v>20.2</c:v>
                </c:pt>
                <c:pt idx="607">
                  <c:v>20.233333333333334</c:v>
                </c:pt>
                <c:pt idx="608">
                  <c:v>20.266666666666666</c:v>
                </c:pt>
                <c:pt idx="609">
                  <c:v>20.3</c:v>
                </c:pt>
                <c:pt idx="610">
                  <c:v>20.333333333333332</c:v>
                </c:pt>
                <c:pt idx="611">
                  <c:v>20.366666666666667</c:v>
                </c:pt>
                <c:pt idx="612">
                  <c:v>20.399999999999999</c:v>
                </c:pt>
                <c:pt idx="613">
                  <c:v>20.433333333333334</c:v>
                </c:pt>
                <c:pt idx="614">
                  <c:v>20.466666666666665</c:v>
                </c:pt>
                <c:pt idx="615">
                  <c:v>20.5</c:v>
                </c:pt>
                <c:pt idx="616">
                  <c:v>20.533333333333335</c:v>
                </c:pt>
                <c:pt idx="617">
                  <c:v>20.566666666666666</c:v>
                </c:pt>
                <c:pt idx="618">
                  <c:v>20.6</c:v>
                </c:pt>
                <c:pt idx="619">
                  <c:v>20.633333333333333</c:v>
                </c:pt>
                <c:pt idx="620">
                  <c:v>20.666666666666668</c:v>
                </c:pt>
                <c:pt idx="621">
                  <c:v>20.7</c:v>
                </c:pt>
                <c:pt idx="622">
                  <c:v>20.733333333333334</c:v>
                </c:pt>
                <c:pt idx="623">
                  <c:v>20.766666666666666</c:v>
                </c:pt>
                <c:pt idx="624">
                  <c:v>20.8</c:v>
                </c:pt>
                <c:pt idx="625">
                  <c:v>20.833333333333332</c:v>
                </c:pt>
                <c:pt idx="626">
                  <c:v>20.866666666666667</c:v>
                </c:pt>
                <c:pt idx="627">
                  <c:v>20.9</c:v>
                </c:pt>
                <c:pt idx="628">
                  <c:v>20.933333333333334</c:v>
                </c:pt>
                <c:pt idx="629">
                  <c:v>20.966666666666665</c:v>
                </c:pt>
                <c:pt idx="630">
                  <c:v>21</c:v>
                </c:pt>
                <c:pt idx="631">
                  <c:v>21.033333333333335</c:v>
                </c:pt>
                <c:pt idx="632">
                  <c:v>21.066666666666666</c:v>
                </c:pt>
                <c:pt idx="633">
                  <c:v>21.1</c:v>
                </c:pt>
                <c:pt idx="634">
                  <c:v>21.133333333333333</c:v>
                </c:pt>
                <c:pt idx="635">
                  <c:v>21.166666666666668</c:v>
                </c:pt>
                <c:pt idx="636">
                  <c:v>21.2</c:v>
                </c:pt>
                <c:pt idx="637">
                  <c:v>21.233333333333334</c:v>
                </c:pt>
                <c:pt idx="638">
                  <c:v>21.266666666666666</c:v>
                </c:pt>
                <c:pt idx="639">
                  <c:v>21.3</c:v>
                </c:pt>
                <c:pt idx="640">
                  <c:v>21.333333333333332</c:v>
                </c:pt>
                <c:pt idx="641">
                  <c:v>21.366666666666667</c:v>
                </c:pt>
                <c:pt idx="642">
                  <c:v>21.4</c:v>
                </c:pt>
                <c:pt idx="643">
                  <c:v>21.433333333333334</c:v>
                </c:pt>
                <c:pt idx="644">
                  <c:v>21.466666666666665</c:v>
                </c:pt>
                <c:pt idx="645">
                  <c:v>21.5</c:v>
                </c:pt>
                <c:pt idx="646">
                  <c:v>21.533333333333335</c:v>
                </c:pt>
                <c:pt idx="647">
                  <c:v>21.566666666666666</c:v>
                </c:pt>
                <c:pt idx="648">
                  <c:v>21.6</c:v>
                </c:pt>
                <c:pt idx="649">
                  <c:v>21.633333333333333</c:v>
                </c:pt>
                <c:pt idx="650">
                  <c:v>21.666666666666668</c:v>
                </c:pt>
                <c:pt idx="651">
                  <c:v>21.7</c:v>
                </c:pt>
                <c:pt idx="652">
                  <c:v>21.733333333333334</c:v>
                </c:pt>
                <c:pt idx="653">
                  <c:v>21.766666666666666</c:v>
                </c:pt>
                <c:pt idx="654">
                  <c:v>21.8</c:v>
                </c:pt>
                <c:pt idx="655">
                  <c:v>21.833333333333332</c:v>
                </c:pt>
                <c:pt idx="656">
                  <c:v>21.866666666666667</c:v>
                </c:pt>
                <c:pt idx="657">
                  <c:v>21.9</c:v>
                </c:pt>
                <c:pt idx="658">
                  <c:v>21.933333333333334</c:v>
                </c:pt>
                <c:pt idx="659">
                  <c:v>21.966666666666665</c:v>
                </c:pt>
                <c:pt idx="660">
                  <c:v>22</c:v>
                </c:pt>
                <c:pt idx="661">
                  <c:v>22.033333333333335</c:v>
                </c:pt>
                <c:pt idx="662">
                  <c:v>22.066666666666666</c:v>
                </c:pt>
                <c:pt idx="663">
                  <c:v>22.1</c:v>
                </c:pt>
                <c:pt idx="664">
                  <c:v>22.133333333333333</c:v>
                </c:pt>
                <c:pt idx="665">
                  <c:v>22.166666666666668</c:v>
                </c:pt>
                <c:pt idx="666">
                  <c:v>22.2</c:v>
                </c:pt>
                <c:pt idx="667">
                  <c:v>22.233333333333334</c:v>
                </c:pt>
                <c:pt idx="668">
                  <c:v>22.266666666666666</c:v>
                </c:pt>
                <c:pt idx="669">
                  <c:v>22.3</c:v>
                </c:pt>
                <c:pt idx="670">
                  <c:v>22.333333333333332</c:v>
                </c:pt>
                <c:pt idx="671">
                  <c:v>22.366666666666667</c:v>
                </c:pt>
                <c:pt idx="672">
                  <c:v>22.4</c:v>
                </c:pt>
                <c:pt idx="673">
                  <c:v>22.433333333333334</c:v>
                </c:pt>
                <c:pt idx="674">
                  <c:v>22.466666666666665</c:v>
                </c:pt>
                <c:pt idx="675">
                  <c:v>22.5</c:v>
                </c:pt>
                <c:pt idx="676">
                  <c:v>22.533333333333335</c:v>
                </c:pt>
                <c:pt idx="677">
                  <c:v>22.566666666666666</c:v>
                </c:pt>
                <c:pt idx="678">
                  <c:v>22.6</c:v>
                </c:pt>
                <c:pt idx="679">
                  <c:v>22.633333333333333</c:v>
                </c:pt>
                <c:pt idx="680">
                  <c:v>22.666666666666668</c:v>
                </c:pt>
                <c:pt idx="681">
                  <c:v>22.7</c:v>
                </c:pt>
                <c:pt idx="682">
                  <c:v>22.733333333333334</c:v>
                </c:pt>
                <c:pt idx="683">
                  <c:v>22.766666666666666</c:v>
                </c:pt>
                <c:pt idx="684">
                  <c:v>22.8</c:v>
                </c:pt>
                <c:pt idx="685">
                  <c:v>22.833333333333332</c:v>
                </c:pt>
                <c:pt idx="686">
                  <c:v>22.866666666666667</c:v>
                </c:pt>
                <c:pt idx="687">
                  <c:v>22.9</c:v>
                </c:pt>
                <c:pt idx="688">
                  <c:v>22.933333333333334</c:v>
                </c:pt>
                <c:pt idx="689">
                  <c:v>22.966666666666665</c:v>
                </c:pt>
                <c:pt idx="690">
                  <c:v>23</c:v>
                </c:pt>
                <c:pt idx="691">
                  <c:v>23.033333333333335</c:v>
                </c:pt>
                <c:pt idx="692">
                  <c:v>23.066666666666666</c:v>
                </c:pt>
                <c:pt idx="693">
                  <c:v>23.1</c:v>
                </c:pt>
                <c:pt idx="694">
                  <c:v>23.133333333333333</c:v>
                </c:pt>
                <c:pt idx="695">
                  <c:v>23.166666666666668</c:v>
                </c:pt>
                <c:pt idx="696">
                  <c:v>23.2</c:v>
                </c:pt>
                <c:pt idx="697">
                  <c:v>23.233333333333334</c:v>
                </c:pt>
                <c:pt idx="698">
                  <c:v>23.266666666666666</c:v>
                </c:pt>
                <c:pt idx="699">
                  <c:v>23.3</c:v>
                </c:pt>
                <c:pt idx="700">
                  <c:v>23.333333333333332</c:v>
                </c:pt>
                <c:pt idx="701">
                  <c:v>23.366666666666667</c:v>
                </c:pt>
                <c:pt idx="702">
                  <c:v>23.4</c:v>
                </c:pt>
                <c:pt idx="703">
                  <c:v>23.433333333333334</c:v>
                </c:pt>
                <c:pt idx="704">
                  <c:v>23.466666666666665</c:v>
                </c:pt>
                <c:pt idx="705">
                  <c:v>23.5</c:v>
                </c:pt>
                <c:pt idx="706">
                  <c:v>23.533333333333335</c:v>
                </c:pt>
                <c:pt idx="707">
                  <c:v>23.566666666666666</c:v>
                </c:pt>
                <c:pt idx="708">
                  <c:v>23.6</c:v>
                </c:pt>
                <c:pt idx="709">
                  <c:v>23.633333333333333</c:v>
                </c:pt>
                <c:pt idx="710">
                  <c:v>23.666666666666668</c:v>
                </c:pt>
                <c:pt idx="711">
                  <c:v>23.7</c:v>
                </c:pt>
                <c:pt idx="712">
                  <c:v>23.733333333333334</c:v>
                </c:pt>
                <c:pt idx="713">
                  <c:v>23.766666666666666</c:v>
                </c:pt>
                <c:pt idx="714">
                  <c:v>23.8</c:v>
                </c:pt>
                <c:pt idx="715">
                  <c:v>23.833333333333332</c:v>
                </c:pt>
                <c:pt idx="716">
                  <c:v>23.866666666666667</c:v>
                </c:pt>
                <c:pt idx="717">
                  <c:v>23.9</c:v>
                </c:pt>
                <c:pt idx="718">
                  <c:v>23.933333333333334</c:v>
                </c:pt>
                <c:pt idx="719">
                  <c:v>23.966666666666665</c:v>
                </c:pt>
                <c:pt idx="720">
                  <c:v>24</c:v>
                </c:pt>
                <c:pt idx="721">
                  <c:v>24.033333333333335</c:v>
                </c:pt>
                <c:pt idx="722">
                  <c:v>24.066666666666666</c:v>
                </c:pt>
                <c:pt idx="723">
                  <c:v>24.1</c:v>
                </c:pt>
                <c:pt idx="724">
                  <c:v>24.133333333333333</c:v>
                </c:pt>
                <c:pt idx="725">
                  <c:v>24.166666666666668</c:v>
                </c:pt>
                <c:pt idx="726">
                  <c:v>24.2</c:v>
                </c:pt>
                <c:pt idx="727">
                  <c:v>24.233333333333334</c:v>
                </c:pt>
                <c:pt idx="728">
                  <c:v>24.266666666666666</c:v>
                </c:pt>
                <c:pt idx="729">
                  <c:v>24.3</c:v>
                </c:pt>
                <c:pt idx="730">
                  <c:v>24.333333333333332</c:v>
                </c:pt>
                <c:pt idx="731">
                  <c:v>24.366666666666667</c:v>
                </c:pt>
                <c:pt idx="732">
                  <c:v>24.4</c:v>
                </c:pt>
                <c:pt idx="733">
                  <c:v>24.433333333333334</c:v>
                </c:pt>
                <c:pt idx="734">
                  <c:v>24.466666666666665</c:v>
                </c:pt>
                <c:pt idx="735">
                  <c:v>24.5</c:v>
                </c:pt>
                <c:pt idx="736">
                  <c:v>24.533333333333335</c:v>
                </c:pt>
                <c:pt idx="737">
                  <c:v>24.566666666666666</c:v>
                </c:pt>
                <c:pt idx="738">
                  <c:v>24.6</c:v>
                </c:pt>
                <c:pt idx="739">
                  <c:v>24.633333333333333</c:v>
                </c:pt>
                <c:pt idx="740">
                  <c:v>24.666666666666668</c:v>
                </c:pt>
                <c:pt idx="741">
                  <c:v>24.7</c:v>
                </c:pt>
                <c:pt idx="742">
                  <c:v>24.733333333333334</c:v>
                </c:pt>
                <c:pt idx="743">
                  <c:v>24.766666666666666</c:v>
                </c:pt>
                <c:pt idx="744">
                  <c:v>24.8</c:v>
                </c:pt>
                <c:pt idx="745">
                  <c:v>24.833333333333332</c:v>
                </c:pt>
                <c:pt idx="746">
                  <c:v>24.866666666666667</c:v>
                </c:pt>
                <c:pt idx="747">
                  <c:v>24.9</c:v>
                </c:pt>
                <c:pt idx="748">
                  <c:v>24.933333333333334</c:v>
                </c:pt>
                <c:pt idx="749">
                  <c:v>24.966666666666665</c:v>
                </c:pt>
                <c:pt idx="750">
                  <c:v>25</c:v>
                </c:pt>
                <c:pt idx="751">
                  <c:v>25.033333333333335</c:v>
                </c:pt>
                <c:pt idx="752">
                  <c:v>25.066666666666666</c:v>
                </c:pt>
                <c:pt idx="753">
                  <c:v>25.1</c:v>
                </c:pt>
                <c:pt idx="754">
                  <c:v>25.133333333333333</c:v>
                </c:pt>
                <c:pt idx="755">
                  <c:v>25.166666666666668</c:v>
                </c:pt>
                <c:pt idx="756">
                  <c:v>25.2</c:v>
                </c:pt>
                <c:pt idx="757">
                  <c:v>25.233333333333334</c:v>
                </c:pt>
                <c:pt idx="758">
                  <c:v>25.266666666666666</c:v>
                </c:pt>
                <c:pt idx="759">
                  <c:v>25.3</c:v>
                </c:pt>
                <c:pt idx="760">
                  <c:v>25.333333333333332</c:v>
                </c:pt>
                <c:pt idx="761">
                  <c:v>25.366666666666667</c:v>
                </c:pt>
                <c:pt idx="762">
                  <c:v>25.4</c:v>
                </c:pt>
                <c:pt idx="763">
                  <c:v>25.433333333333334</c:v>
                </c:pt>
                <c:pt idx="764">
                  <c:v>25.466666666666665</c:v>
                </c:pt>
                <c:pt idx="765">
                  <c:v>25.5</c:v>
                </c:pt>
                <c:pt idx="766">
                  <c:v>25.533333333333335</c:v>
                </c:pt>
                <c:pt idx="767">
                  <c:v>25.566666666666666</c:v>
                </c:pt>
                <c:pt idx="768">
                  <c:v>25.6</c:v>
                </c:pt>
                <c:pt idx="769">
                  <c:v>25.633333333333333</c:v>
                </c:pt>
                <c:pt idx="770">
                  <c:v>25.666666666666668</c:v>
                </c:pt>
                <c:pt idx="771">
                  <c:v>25.7</c:v>
                </c:pt>
                <c:pt idx="772">
                  <c:v>25.733333333333334</c:v>
                </c:pt>
                <c:pt idx="773">
                  <c:v>25.766666666666666</c:v>
                </c:pt>
                <c:pt idx="774">
                  <c:v>25.8</c:v>
                </c:pt>
                <c:pt idx="775">
                  <c:v>25.833333333333332</c:v>
                </c:pt>
                <c:pt idx="776">
                  <c:v>25.866666666666667</c:v>
                </c:pt>
                <c:pt idx="777">
                  <c:v>25.9</c:v>
                </c:pt>
                <c:pt idx="778">
                  <c:v>25.933333333333334</c:v>
                </c:pt>
                <c:pt idx="779">
                  <c:v>25.966666666666665</c:v>
                </c:pt>
                <c:pt idx="780">
                  <c:v>26</c:v>
                </c:pt>
                <c:pt idx="781">
                  <c:v>26.033333333333335</c:v>
                </c:pt>
                <c:pt idx="782">
                  <c:v>26.066666666666666</c:v>
                </c:pt>
                <c:pt idx="783">
                  <c:v>26.1</c:v>
                </c:pt>
                <c:pt idx="784">
                  <c:v>26.133333333333333</c:v>
                </c:pt>
                <c:pt idx="785">
                  <c:v>26.166666666666668</c:v>
                </c:pt>
                <c:pt idx="786">
                  <c:v>26.2</c:v>
                </c:pt>
                <c:pt idx="787">
                  <c:v>26.233333333333334</c:v>
                </c:pt>
                <c:pt idx="788">
                  <c:v>26.266666666666666</c:v>
                </c:pt>
                <c:pt idx="789">
                  <c:v>26.3</c:v>
                </c:pt>
                <c:pt idx="790">
                  <c:v>26.333333333333332</c:v>
                </c:pt>
                <c:pt idx="791">
                  <c:v>26.366666666666667</c:v>
                </c:pt>
                <c:pt idx="792">
                  <c:v>26.4</c:v>
                </c:pt>
                <c:pt idx="793">
                  <c:v>26.433333333333334</c:v>
                </c:pt>
                <c:pt idx="794">
                  <c:v>26.466666666666665</c:v>
                </c:pt>
                <c:pt idx="795">
                  <c:v>26.5</c:v>
                </c:pt>
                <c:pt idx="796">
                  <c:v>26.533333333333335</c:v>
                </c:pt>
                <c:pt idx="797">
                  <c:v>26.566666666666666</c:v>
                </c:pt>
                <c:pt idx="798">
                  <c:v>26.6</c:v>
                </c:pt>
                <c:pt idx="799">
                  <c:v>26.633333333333333</c:v>
                </c:pt>
                <c:pt idx="800">
                  <c:v>26.666666666666668</c:v>
                </c:pt>
                <c:pt idx="801">
                  <c:v>26.7</c:v>
                </c:pt>
                <c:pt idx="802">
                  <c:v>26.733333333333334</c:v>
                </c:pt>
                <c:pt idx="803">
                  <c:v>26.766666666666666</c:v>
                </c:pt>
                <c:pt idx="804">
                  <c:v>26.8</c:v>
                </c:pt>
                <c:pt idx="805">
                  <c:v>26.833333333333332</c:v>
                </c:pt>
                <c:pt idx="806">
                  <c:v>26.866666666666667</c:v>
                </c:pt>
                <c:pt idx="807">
                  <c:v>26.9</c:v>
                </c:pt>
                <c:pt idx="808">
                  <c:v>26.933333333333334</c:v>
                </c:pt>
                <c:pt idx="809">
                  <c:v>26.966666666666665</c:v>
                </c:pt>
                <c:pt idx="810">
                  <c:v>27</c:v>
                </c:pt>
                <c:pt idx="811">
                  <c:v>27.033333333333335</c:v>
                </c:pt>
                <c:pt idx="812">
                  <c:v>27.066666666666666</c:v>
                </c:pt>
                <c:pt idx="813">
                  <c:v>27.1</c:v>
                </c:pt>
                <c:pt idx="814">
                  <c:v>27.133333333333333</c:v>
                </c:pt>
                <c:pt idx="815">
                  <c:v>27.166666666666668</c:v>
                </c:pt>
                <c:pt idx="816">
                  <c:v>27.2</c:v>
                </c:pt>
                <c:pt idx="817">
                  <c:v>27.233333333333334</c:v>
                </c:pt>
                <c:pt idx="818">
                  <c:v>27.266666666666666</c:v>
                </c:pt>
                <c:pt idx="819">
                  <c:v>27.3</c:v>
                </c:pt>
                <c:pt idx="820">
                  <c:v>27.333333333333332</c:v>
                </c:pt>
                <c:pt idx="821">
                  <c:v>27.366666666666667</c:v>
                </c:pt>
                <c:pt idx="822">
                  <c:v>27.4</c:v>
                </c:pt>
                <c:pt idx="823">
                  <c:v>27.433333333333334</c:v>
                </c:pt>
                <c:pt idx="824">
                  <c:v>27.466666666666665</c:v>
                </c:pt>
                <c:pt idx="825">
                  <c:v>27.5</c:v>
                </c:pt>
                <c:pt idx="826">
                  <c:v>27.533333333333335</c:v>
                </c:pt>
                <c:pt idx="827">
                  <c:v>27.566666666666666</c:v>
                </c:pt>
                <c:pt idx="828">
                  <c:v>27.6</c:v>
                </c:pt>
                <c:pt idx="829">
                  <c:v>27.633333333333333</c:v>
                </c:pt>
                <c:pt idx="830">
                  <c:v>27.666666666666668</c:v>
                </c:pt>
                <c:pt idx="831">
                  <c:v>27.7</c:v>
                </c:pt>
                <c:pt idx="832">
                  <c:v>27.733333333333334</c:v>
                </c:pt>
                <c:pt idx="833">
                  <c:v>27.766666666666666</c:v>
                </c:pt>
                <c:pt idx="834">
                  <c:v>27.8</c:v>
                </c:pt>
                <c:pt idx="835">
                  <c:v>27.833333333333332</c:v>
                </c:pt>
                <c:pt idx="836">
                  <c:v>27.866666666666667</c:v>
                </c:pt>
                <c:pt idx="837">
                  <c:v>27.9</c:v>
                </c:pt>
                <c:pt idx="838">
                  <c:v>27.933333333333334</c:v>
                </c:pt>
                <c:pt idx="839">
                  <c:v>27.966666666666665</c:v>
                </c:pt>
                <c:pt idx="840">
                  <c:v>28</c:v>
                </c:pt>
                <c:pt idx="841">
                  <c:v>28.033333333333335</c:v>
                </c:pt>
                <c:pt idx="842">
                  <c:v>28.066666666666666</c:v>
                </c:pt>
                <c:pt idx="843">
                  <c:v>28.1</c:v>
                </c:pt>
                <c:pt idx="844">
                  <c:v>28.133333333333333</c:v>
                </c:pt>
                <c:pt idx="845">
                  <c:v>28.166666666666668</c:v>
                </c:pt>
                <c:pt idx="846">
                  <c:v>28.2</c:v>
                </c:pt>
                <c:pt idx="847">
                  <c:v>28.233333333333334</c:v>
                </c:pt>
                <c:pt idx="848">
                  <c:v>28.266666666666666</c:v>
                </c:pt>
                <c:pt idx="849">
                  <c:v>28.3</c:v>
                </c:pt>
                <c:pt idx="850">
                  <c:v>28.333333333333332</c:v>
                </c:pt>
                <c:pt idx="851">
                  <c:v>28.366666666666667</c:v>
                </c:pt>
                <c:pt idx="852">
                  <c:v>28.4</c:v>
                </c:pt>
                <c:pt idx="853">
                  <c:v>28.433333333333334</c:v>
                </c:pt>
                <c:pt idx="854">
                  <c:v>28.466666666666665</c:v>
                </c:pt>
                <c:pt idx="855">
                  <c:v>28.5</c:v>
                </c:pt>
                <c:pt idx="856">
                  <c:v>28.533333333333335</c:v>
                </c:pt>
                <c:pt idx="857">
                  <c:v>28.566666666666666</c:v>
                </c:pt>
                <c:pt idx="858">
                  <c:v>28.6</c:v>
                </c:pt>
                <c:pt idx="859">
                  <c:v>28.633333333333333</c:v>
                </c:pt>
                <c:pt idx="860">
                  <c:v>28.666666666666668</c:v>
                </c:pt>
                <c:pt idx="861">
                  <c:v>28.7</c:v>
                </c:pt>
                <c:pt idx="862">
                  <c:v>28.733333333333334</c:v>
                </c:pt>
                <c:pt idx="863">
                  <c:v>28.766666666666666</c:v>
                </c:pt>
                <c:pt idx="864">
                  <c:v>28.8</c:v>
                </c:pt>
                <c:pt idx="865">
                  <c:v>28.833333333333332</c:v>
                </c:pt>
                <c:pt idx="866">
                  <c:v>28.866666666666667</c:v>
                </c:pt>
                <c:pt idx="867">
                  <c:v>28.9</c:v>
                </c:pt>
                <c:pt idx="868">
                  <c:v>28.933333333333334</c:v>
                </c:pt>
                <c:pt idx="869">
                  <c:v>28.966666666666665</c:v>
                </c:pt>
                <c:pt idx="870">
                  <c:v>29</c:v>
                </c:pt>
                <c:pt idx="871">
                  <c:v>29.033333333333335</c:v>
                </c:pt>
                <c:pt idx="872">
                  <c:v>29.066666666666666</c:v>
                </c:pt>
                <c:pt idx="873">
                  <c:v>29.1</c:v>
                </c:pt>
                <c:pt idx="874">
                  <c:v>29.133333333333333</c:v>
                </c:pt>
                <c:pt idx="875">
                  <c:v>29.166666666666668</c:v>
                </c:pt>
                <c:pt idx="876">
                  <c:v>29.2</c:v>
                </c:pt>
                <c:pt idx="877">
                  <c:v>29.233333333333334</c:v>
                </c:pt>
                <c:pt idx="878">
                  <c:v>29.266666666666666</c:v>
                </c:pt>
                <c:pt idx="879">
                  <c:v>29.3</c:v>
                </c:pt>
                <c:pt idx="880">
                  <c:v>29.333333333333332</c:v>
                </c:pt>
                <c:pt idx="881">
                  <c:v>29.366666666666667</c:v>
                </c:pt>
                <c:pt idx="882">
                  <c:v>29.4</c:v>
                </c:pt>
                <c:pt idx="883">
                  <c:v>29.433333333333334</c:v>
                </c:pt>
                <c:pt idx="884">
                  <c:v>29.466666666666665</c:v>
                </c:pt>
                <c:pt idx="885">
                  <c:v>29.5</c:v>
                </c:pt>
                <c:pt idx="886">
                  <c:v>29.533333333333335</c:v>
                </c:pt>
                <c:pt idx="887">
                  <c:v>29.566666666666666</c:v>
                </c:pt>
                <c:pt idx="888">
                  <c:v>29.6</c:v>
                </c:pt>
                <c:pt idx="889">
                  <c:v>29.633333333333333</c:v>
                </c:pt>
                <c:pt idx="890">
                  <c:v>29.666666666666668</c:v>
                </c:pt>
                <c:pt idx="891">
                  <c:v>29.7</c:v>
                </c:pt>
                <c:pt idx="892">
                  <c:v>29.733333333333334</c:v>
                </c:pt>
                <c:pt idx="893">
                  <c:v>29.766666666666666</c:v>
                </c:pt>
                <c:pt idx="894">
                  <c:v>29.8</c:v>
                </c:pt>
                <c:pt idx="895">
                  <c:v>29.833333333333332</c:v>
                </c:pt>
                <c:pt idx="896">
                  <c:v>29.866666666666667</c:v>
                </c:pt>
                <c:pt idx="897">
                  <c:v>29.9</c:v>
                </c:pt>
                <c:pt idx="898">
                  <c:v>29.933333333333334</c:v>
                </c:pt>
                <c:pt idx="899">
                  <c:v>29.966666666666665</c:v>
                </c:pt>
                <c:pt idx="900">
                  <c:v>30</c:v>
                </c:pt>
              </c:numCache>
            </c:numRef>
          </c:xVal>
          <c:yVal>
            <c:numRef>
              <c:f>'力(2秒)'!$N$2:$N$902</c:f>
              <c:numCache>
                <c:formatCode>General</c:formatCode>
                <c:ptCount val="901"/>
                <c:pt idx="29">
                  <c:v>2.1457669499290328</c:v>
                </c:pt>
                <c:pt idx="30">
                  <c:v>2.1176475449152976</c:v>
                </c:pt>
                <c:pt idx="31">
                  <c:v>2.0476559455088048</c:v>
                </c:pt>
                <c:pt idx="32">
                  <c:v>1.9838512041002223</c:v>
                </c:pt>
                <c:pt idx="33">
                  <c:v>1.9205783719376417</c:v>
                </c:pt>
                <c:pt idx="34">
                  <c:v>1.8950922748880386</c:v>
                </c:pt>
                <c:pt idx="35">
                  <c:v>1.9221756288394309</c:v>
                </c:pt>
                <c:pt idx="36">
                  <c:v>1.9051509359694776</c:v>
                </c:pt>
                <c:pt idx="37">
                  <c:v>1.8665546199492036</c:v>
                </c:pt>
                <c:pt idx="38">
                  <c:v>1.8867485612071007</c:v>
                </c:pt>
                <c:pt idx="39">
                  <c:v>1.8005727087664372</c:v>
                </c:pt>
                <c:pt idx="40">
                  <c:v>1.7366274854819752</c:v>
                </c:pt>
                <c:pt idx="41">
                  <c:v>1.6816707981658692</c:v>
                </c:pt>
                <c:pt idx="42">
                  <c:v>1.6097488058310969</c:v>
                </c:pt>
                <c:pt idx="43">
                  <c:v>1.5941719432464057</c:v>
                </c:pt>
                <c:pt idx="44">
                  <c:v>1.6337891949376282</c:v>
                </c:pt>
                <c:pt idx="45">
                  <c:v>1.6777479498184673</c:v>
                </c:pt>
                <c:pt idx="46">
                  <c:v>1.6405735267408421</c:v>
                </c:pt>
                <c:pt idx="47">
                  <c:v>1.6838052017233227</c:v>
                </c:pt>
                <c:pt idx="48">
                  <c:v>1.7071709396417498</c:v>
                </c:pt>
                <c:pt idx="49">
                  <c:v>1.7073058836277222</c:v>
                </c:pt>
                <c:pt idx="50">
                  <c:v>1.7324567049252466</c:v>
                </c:pt>
                <c:pt idx="51">
                  <c:v>1.7528906940277316</c:v>
                </c:pt>
                <c:pt idx="52">
                  <c:v>1.7872726813570434</c:v>
                </c:pt>
                <c:pt idx="53">
                  <c:v>1.8123796619417247</c:v>
                </c:pt>
                <c:pt idx="54">
                  <c:v>1.7724288226787432</c:v>
                </c:pt>
                <c:pt idx="55">
                  <c:v>1.7477737553448209</c:v>
                </c:pt>
                <c:pt idx="56">
                  <c:v>1.7304185817648983</c:v>
                </c:pt>
                <c:pt idx="57">
                  <c:v>1.7177178515655296</c:v>
                </c:pt>
                <c:pt idx="58">
                  <c:v>1.7016192855103396</c:v>
                </c:pt>
                <c:pt idx="59">
                  <c:v>1.6333417490848869</c:v>
                </c:pt>
                <c:pt idx="60">
                  <c:v>1.5466899269597114</c:v>
                </c:pt>
                <c:pt idx="61">
                  <c:v>1.5588549039541839</c:v>
                </c:pt>
                <c:pt idx="62">
                  <c:v>1.4885053455739978</c:v>
                </c:pt>
                <c:pt idx="63">
                  <c:v>1.4387738702424144</c:v>
                </c:pt>
                <c:pt idx="64">
                  <c:v>1.4930030802699841</c:v>
                </c:pt>
                <c:pt idx="65">
                  <c:v>1.5453925628360841</c:v>
                </c:pt>
                <c:pt idx="66">
                  <c:v>1.597185757645516</c:v>
                </c:pt>
                <c:pt idx="67">
                  <c:v>1.6384263842357285</c:v>
                </c:pt>
                <c:pt idx="68">
                  <c:v>1.6754622474676877</c:v>
                </c:pt>
                <c:pt idx="69">
                  <c:v>1.6689527225402467</c:v>
                </c:pt>
                <c:pt idx="70">
                  <c:v>1.6290958007781926</c:v>
                </c:pt>
                <c:pt idx="71">
                  <c:v>1.5791571891797693</c:v>
                </c:pt>
                <c:pt idx="72">
                  <c:v>1.5726631507593589</c:v>
                </c:pt>
                <c:pt idx="73">
                  <c:v>1.6651740495748293</c:v>
                </c:pt>
                <c:pt idx="74">
                  <c:v>1.7418185117597458</c:v>
                </c:pt>
                <c:pt idx="75">
                  <c:v>1.8619405073734168</c:v>
                </c:pt>
                <c:pt idx="76">
                  <c:v>1.9998870289028163</c:v>
                </c:pt>
                <c:pt idx="77">
                  <c:v>2.0496512456354696</c:v>
                </c:pt>
                <c:pt idx="78">
                  <c:v>2.0732673029248994</c:v>
                </c:pt>
                <c:pt idx="79">
                  <c:v>2.1572537743341194</c:v>
                </c:pt>
                <c:pt idx="80">
                  <c:v>2.1354986668600011</c:v>
                </c:pt>
                <c:pt idx="81">
                  <c:v>2.0539086297927822</c:v>
                </c:pt>
                <c:pt idx="82">
                  <c:v>1.9733576755524129</c:v>
                </c:pt>
                <c:pt idx="83">
                  <c:v>1.9258216828279529</c:v>
                </c:pt>
                <c:pt idx="84">
                  <c:v>1.9019285692642431</c:v>
                </c:pt>
                <c:pt idx="85">
                  <c:v>1.8814520700927779</c:v>
                </c:pt>
                <c:pt idx="86">
                  <c:v>1.9417309200537627</c:v>
                </c:pt>
                <c:pt idx="87">
                  <c:v>1.9793751123495091</c:v>
                </c:pt>
                <c:pt idx="88">
                  <c:v>2.0094237378753386</c:v>
                </c:pt>
                <c:pt idx="89">
                  <c:v>1.9191442251594724</c:v>
                </c:pt>
                <c:pt idx="90">
                  <c:v>1.7911768122160798</c:v>
                </c:pt>
                <c:pt idx="91">
                  <c:v>1.6466407937198755</c:v>
                </c:pt>
                <c:pt idx="92">
                  <c:v>1.5269184756384651</c:v>
                </c:pt>
                <c:pt idx="93">
                  <c:v>1.4147338940126095</c:v>
                </c:pt>
                <c:pt idx="94">
                  <c:v>1.2464669792261553</c:v>
                </c:pt>
                <c:pt idx="95">
                  <c:v>1.1075977668063328</c:v>
                </c:pt>
                <c:pt idx="96">
                  <c:v>0.94178080785615625</c:v>
                </c:pt>
                <c:pt idx="97">
                  <c:v>0.78147386461117585</c:v>
                </c:pt>
                <c:pt idx="98">
                  <c:v>0.64692448641449551</c:v>
                </c:pt>
                <c:pt idx="99">
                  <c:v>0.47617193948206898</c:v>
                </c:pt>
                <c:pt idx="100">
                  <c:v>0.33252660422071229</c:v>
                </c:pt>
                <c:pt idx="101">
                  <c:v>0.22425746525016824</c:v>
                </c:pt>
                <c:pt idx="102">
                  <c:v>0.11992734166657457</c:v>
                </c:pt>
                <c:pt idx="103">
                  <c:v>5.295076433046287E-2</c:v>
                </c:pt>
                <c:pt idx="104">
                  <c:v>-5.7865360101072821E-2</c:v>
                </c:pt>
                <c:pt idx="105">
                  <c:v>-0.11695407560154857</c:v>
                </c:pt>
                <c:pt idx="106">
                  <c:v>-0.11846943489012077</c:v>
                </c:pt>
                <c:pt idx="107">
                  <c:v>-0.18135570462014089</c:v>
                </c:pt>
                <c:pt idx="108">
                  <c:v>-0.18571114683619158</c:v>
                </c:pt>
                <c:pt idx="109">
                  <c:v>-0.23010609485814154</c:v>
                </c:pt>
                <c:pt idx="110">
                  <c:v>-0.27267545580407454</c:v>
                </c:pt>
                <c:pt idx="111">
                  <c:v>-0.34668183718824364</c:v>
                </c:pt>
                <c:pt idx="112">
                  <c:v>-0.3860025173303962</c:v>
                </c:pt>
                <c:pt idx="113">
                  <c:v>-0.31991454230541205</c:v>
                </c:pt>
                <c:pt idx="114">
                  <c:v>-0.2096870137686789</c:v>
                </c:pt>
                <c:pt idx="115">
                  <c:v>-8.5188829194029772E-2</c:v>
                </c:pt>
                <c:pt idx="116">
                  <c:v>5.7753291219640693E-2</c:v>
                </c:pt>
                <c:pt idx="117">
                  <c:v>0.25634047409484506</c:v>
                </c:pt>
                <c:pt idx="118">
                  <c:v>0.41598402807048296</c:v>
                </c:pt>
                <c:pt idx="119">
                  <c:v>0.56755549142398232</c:v>
                </c:pt>
                <c:pt idx="120">
                  <c:v>0.72756109895042076</c:v>
                </c:pt>
                <c:pt idx="121">
                  <c:v>0.82824800659821074</c:v>
                </c:pt>
                <c:pt idx="122">
                  <c:v>0.89132886042054482</c:v>
                </c:pt>
                <c:pt idx="123">
                  <c:v>0.9168752867047314</c:v>
                </c:pt>
                <c:pt idx="124">
                  <c:v>0.91869373574535229</c:v>
                </c:pt>
                <c:pt idx="125">
                  <c:v>0.9983724954340164</c:v>
                </c:pt>
                <c:pt idx="126">
                  <c:v>1.0780399811683006</c:v>
                </c:pt>
                <c:pt idx="127">
                  <c:v>1.1953802484506972</c:v>
                </c:pt>
                <c:pt idx="128">
                  <c:v>1.2844933147204536</c:v>
                </c:pt>
                <c:pt idx="129">
                  <c:v>1.436062879449759</c:v>
                </c:pt>
                <c:pt idx="130">
                  <c:v>1.5702654639994194</c:v>
                </c:pt>
                <c:pt idx="131">
                  <c:v>1.7568406608155838</c:v>
                </c:pt>
                <c:pt idx="132">
                  <c:v>1.9271361601660877</c:v>
                </c:pt>
                <c:pt idx="133">
                  <c:v>2.0249793980347732</c:v>
                </c:pt>
                <c:pt idx="134">
                  <c:v>2.1057568533510067</c:v>
                </c:pt>
                <c:pt idx="135">
                  <c:v>2.1840680731945015</c:v>
                </c:pt>
                <c:pt idx="136">
                  <c:v>2.3486562334208019</c:v>
                </c:pt>
                <c:pt idx="137">
                  <c:v>2.4895643848364131</c:v>
                </c:pt>
                <c:pt idx="138">
                  <c:v>2.6004074055970623</c:v>
                </c:pt>
                <c:pt idx="139">
                  <c:v>2.7507378573766101</c:v>
                </c:pt>
                <c:pt idx="140">
                  <c:v>3.0081868447175779</c:v>
                </c:pt>
                <c:pt idx="141">
                  <c:v>3.2395602138965347</c:v>
                </c:pt>
                <c:pt idx="142">
                  <c:v>3.4450430288531333</c:v>
                </c:pt>
                <c:pt idx="143">
                  <c:v>3.5205969668858041</c:v>
                </c:pt>
                <c:pt idx="144">
                  <c:v>3.5864730575561574</c:v>
                </c:pt>
                <c:pt idx="145">
                  <c:v>3.6010484103818681</c:v>
                </c:pt>
                <c:pt idx="146">
                  <c:v>3.5882654175711264</c:v>
                </c:pt>
                <c:pt idx="147">
                  <c:v>3.5336285782396848</c:v>
                </c:pt>
                <c:pt idx="148">
                  <c:v>3.4916186028439187</c:v>
                </c:pt>
                <c:pt idx="149">
                  <c:v>3.4173518474825086</c:v>
                </c:pt>
                <c:pt idx="150">
                  <c:v>3.3381933316645811</c:v>
                </c:pt>
                <c:pt idx="151">
                  <c:v>3.111918712565803</c:v>
                </c:pt>
                <c:pt idx="152">
                  <c:v>2.8375371289056814</c:v>
                </c:pt>
                <c:pt idx="153">
                  <c:v>2.534144689155656</c:v>
                </c:pt>
                <c:pt idx="154">
                  <c:v>2.2461504647426671</c:v>
                </c:pt>
                <c:pt idx="155">
                  <c:v>2.0828611486949722</c:v>
                </c:pt>
                <c:pt idx="156">
                  <c:v>1.8696709790888018</c:v>
                </c:pt>
                <c:pt idx="157">
                  <c:v>1.7108380605134852</c:v>
                </c:pt>
                <c:pt idx="158">
                  <c:v>1.5731532138891466</c:v>
                </c:pt>
                <c:pt idx="159">
                  <c:v>1.3848298490579225</c:v>
                </c:pt>
                <c:pt idx="160">
                  <c:v>1.1635456608256083</c:v>
                </c:pt>
                <c:pt idx="161">
                  <c:v>1.0500148936740432</c:v>
                </c:pt>
                <c:pt idx="162">
                  <c:v>0.86567192166884188</c:v>
                </c:pt>
                <c:pt idx="163">
                  <c:v>0.74907681569964191</c:v>
                </c:pt>
                <c:pt idx="164">
                  <c:v>0.68989286253574789</c:v>
                </c:pt>
                <c:pt idx="165">
                  <c:v>0.64446552024847947</c:v>
                </c:pt>
                <c:pt idx="166">
                  <c:v>0.82045182425552132</c:v>
                </c:pt>
                <c:pt idx="167">
                  <c:v>0.96192203362440409</c:v>
                </c:pt>
                <c:pt idx="168">
                  <c:v>1.1186395551174251</c:v>
                </c:pt>
                <c:pt idx="169">
                  <c:v>1.2307487980198681</c:v>
                </c:pt>
                <c:pt idx="170">
                  <c:v>1.3921914098962771</c:v>
                </c:pt>
                <c:pt idx="171">
                  <c:v>1.6321289995723536</c:v>
                </c:pt>
                <c:pt idx="172">
                  <c:v>1.7739327787221144</c:v>
                </c:pt>
                <c:pt idx="173">
                  <c:v>1.8815065183182675</c:v>
                </c:pt>
                <c:pt idx="174">
                  <c:v>2.0154609333567115</c:v>
                </c:pt>
                <c:pt idx="175">
                  <c:v>2.1078838059666678</c:v>
                </c:pt>
                <c:pt idx="176">
                  <c:v>2.1733495032963162</c:v>
                </c:pt>
                <c:pt idx="177">
                  <c:v>2.3605483430553353</c:v>
                </c:pt>
                <c:pt idx="178">
                  <c:v>2.5385947986148429</c:v>
                </c:pt>
                <c:pt idx="179">
                  <c:v>2.5944515360996938</c:v>
                </c:pt>
                <c:pt idx="180">
                  <c:v>2.707202883294753</c:v>
                </c:pt>
                <c:pt idx="181">
                  <c:v>2.8290215060196662</c:v>
                </c:pt>
                <c:pt idx="182">
                  <c:v>2.9441593470344034</c:v>
                </c:pt>
                <c:pt idx="183">
                  <c:v>3.0597431507800068</c:v>
                </c:pt>
                <c:pt idx="184">
                  <c:v>3.1008870837958771</c:v>
                </c:pt>
                <c:pt idx="185">
                  <c:v>3.1115475417379521</c:v>
                </c:pt>
                <c:pt idx="186">
                  <c:v>3.0656657126553797</c:v>
                </c:pt>
                <c:pt idx="187">
                  <c:v>3.1479631556578318</c:v>
                </c:pt>
                <c:pt idx="188">
                  <c:v>3.1738667398457467</c:v>
                </c:pt>
                <c:pt idx="189">
                  <c:v>3.2339862715967542</c:v>
                </c:pt>
                <c:pt idx="190">
                  <c:v>3.2582580218308328</c:v>
                </c:pt>
                <c:pt idx="191">
                  <c:v>3.2620810290824185</c:v>
                </c:pt>
                <c:pt idx="192">
                  <c:v>3.3075466509216027</c:v>
                </c:pt>
                <c:pt idx="193">
                  <c:v>3.3365326863976943</c:v>
                </c:pt>
                <c:pt idx="194">
                  <c:v>3.336162461097711</c:v>
                </c:pt>
                <c:pt idx="195">
                  <c:v>3.3291132407277866</c:v>
                </c:pt>
                <c:pt idx="196">
                  <c:v>3.3494507984077324</c:v>
                </c:pt>
                <c:pt idx="197">
                  <c:v>3.2957854528163604</c:v>
                </c:pt>
                <c:pt idx="198">
                  <c:v>3.270322287672597</c:v>
                </c:pt>
                <c:pt idx="199">
                  <c:v>3.1411517611324613</c:v>
                </c:pt>
                <c:pt idx="200">
                  <c:v>3.0347190790789038</c:v>
                </c:pt>
                <c:pt idx="201">
                  <c:v>2.9529800525705414</c:v>
                </c:pt>
                <c:pt idx="202">
                  <c:v>2.7476827769373551</c:v>
                </c:pt>
                <c:pt idx="203">
                  <c:v>2.4451836592488116</c:v>
                </c:pt>
                <c:pt idx="204">
                  <c:v>2.1051307815607232</c:v>
                </c:pt>
                <c:pt idx="205">
                  <c:v>1.7750673862428683</c:v>
                </c:pt>
                <c:pt idx="206">
                  <c:v>1.4155581593635334</c:v>
                </c:pt>
                <c:pt idx="207">
                  <c:v>1.0912290445857373</c:v>
                </c:pt>
                <c:pt idx="208">
                  <c:v>0.8905406123154096</c:v>
                </c:pt>
                <c:pt idx="209">
                  <c:v>0.75172159916023007</c:v>
                </c:pt>
                <c:pt idx="210">
                  <c:v>0.66025789274015023</c:v>
                </c:pt>
                <c:pt idx="211">
                  <c:v>0.58837422865540745</c:v>
                </c:pt>
                <c:pt idx="212">
                  <c:v>0.49613849862126141</c:v>
                </c:pt>
                <c:pt idx="213">
                  <c:v>0.40491228204734409</c:v>
                </c:pt>
                <c:pt idx="214">
                  <c:v>0.2359880420745116</c:v>
                </c:pt>
                <c:pt idx="215">
                  <c:v>0.11802965874091577</c:v>
                </c:pt>
                <c:pt idx="216">
                  <c:v>2.3281063268619895E-2</c:v>
                </c:pt>
                <c:pt idx="217">
                  <c:v>-3.6931842302559963E-2</c:v>
                </c:pt>
                <c:pt idx="218">
                  <c:v>-9.6499505322617016E-2</c:v>
                </c:pt>
                <c:pt idx="219">
                  <c:v>-0.11715928377501267</c:v>
                </c:pt>
                <c:pt idx="220">
                  <c:v>-0.23975605480943254</c:v>
                </c:pt>
                <c:pt idx="221">
                  <c:v>-0.29361511906259524</c:v>
                </c:pt>
                <c:pt idx="222">
                  <c:v>-0.31541886134498104</c:v>
                </c:pt>
                <c:pt idx="223">
                  <c:v>-0.32486764449811045</c:v>
                </c:pt>
                <c:pt idx="224">
                  <c:v>-0.33108340317741924</c:v>
                </c:pt>
                <c:pt idx="225">
                  <c:v>-0.44822915766931021</c:v>
                </c:pt>
                <c:pt idx="226">
                  <c:v>-0.45697697181606289</c:v>
                </c:pt>
                <c:pt idx="227">
                  <c:v>-0.50941205240695764</c:v>
                </c:pt>
                <c:pt idx="228">
                  <c:v>-0.47751781756155098</c:v>
                </c:pt>
                <c:pt idx="229">
                  <c:v>-0.40733905678886689</c:v>
                </c:pt>
                <c:pt idx="230">
                  <c:v>-0.3252957627378058</c:v>
                </c:pt>
                <c:pt idx="231">
                  <c:v>-0.16891943998391837</c:v>
                </c:pt>
                <c:pt idx="232">
                  <c:v>3.4505524238286116E-2</c:v>
                </c:pt>
                <c:pt idx="233">
                  <c:v>0.1970808650257142</c:v>
                </c:pt>
                <c:pt idx="234">
                  <c:v>0.30759932501560783</c:v>
                </c:pt>
                <c:pt idx="235">
                  <c:v>0.41582508056066808</c:v>
                </c:pt>
                <c:pt idx="236">
                  <c:v>0.48142007338422804</c:v>
                </c:pt>
                <c:pt idx="237">
                  <c:v>0.54355224832297622</c:v>
                </c:pt>
                <c:pt idx="238">
                  <c:v>0.67534714896574977</c:v>
                </c:pt>
                <c:pt idx="239">
                  <c:v>0.88800455503987452</c:v>
                </c:pt>
                <c:pt idx="240">
                  <c:v>1.1414025559068528</c:v>
                </c:pt>
                <c:pt idx="241">
                  <c:v>1.4516958229099877</c:v>
                </c:pt>
                <c:pt idx="242">
                  <c:v>1.7430882971810029</c:v>
                </c:pt>
                <c:pt idx="243">
                  <c:v>2.0443993230431152</c:v>
                </c:pt>
                <c:pt idx="244">
                  <c:v>2.3021147527297616</c:v>
                </c:pt>
                <c:pt idx="245">
                  <c:v>2.5657574128522627</c:v>
                </c:pt>
                <c:pt idx="246">
                  <c:v>2.7771776482394186</c:v>
                </c:pt>
                <c:pt idx="247">
                  <c:v>3.0653269234298555</c:v>
                </c:pt>
                <c:pt idx="248">
                  <c:v>3.4358802344154813</c:v>
                </c:pt>
                <c:pt idx="249">
                  <c:v>3.7516071109245495</c:v>
                </c:pt>
                <c:pt idx="250">
                  <c:v>3.9797985347556204</c:v>
                </c:pt>
                <c:pt idx="251">
                  <c:v>4.097003302385744</c:v>
                </c:pt>
                <c:pt idx="252">
                  <c:v>4.1469243708298231</c:v>
                </c:pt>
                <c:pt idx="253">
                  <c:v>4.1443831297853935</c:v>
                </c:pt>
                <c:pt idx="254">
                  <c:v>4.0922719716547356</c:v>
                </c:pt>
                <c:pt idx="255">
                  <c:v>4.1629017024633228</c:v>
                </c:pt>
                <c:pt idx="256">
                  <c:v>4.1933418759104848</c:v>
                </c:pt>
                <c:pt idx="257">
                  <c:v>4.1312851225782383</c:v>
                </c:pt>
                <c:pt idx="258">
                  <c:v>4.0439997639725727</c:v>
                </c:pt>
                <c:pt idx="259">
                  <c:v>3.9355588054596344</c:v>
                </c:pt>
                <c:pt idx="260">
                  <c:v>3.7348274713864229</c:v>
                </c:pt>
                <c:pt idx="261">
                  <c:v>3.6137135048514302</c:v>
                </c:pt>
                <c:pt idx="262">
                  <c:v>3.4751829215474315</c:v>
                </c:pt>
                <c:pt idx="263">
                  <c:v>3.43779400842925</c:v>
                </c:pt>
                <c:pt idx="264">
                  <c:v>3.3678413176713069</c:v>
                </c:pt>
                <c:pt idx="265">
                  <c:v>3.3165484166769068</c:v>
                </c:pt>
                <c:pt idx="266">
                  <c:v>3.2848162531197991</c:v>
                </c:pt>
                <c:pt idx="267">
                  <c:v>3.143342015647435</c:v>
                </c:pt>
                <c:pt idx="268">
                  <c:v>2.9398995665024978</c:v>
                </c:pt>
                <c:pt idx="269">
                  <c:v>2.7073223770398287</c:v>
                </c:pt>
                <c:pt idx="270">
                  <c:v>2.452293010177744</c:v>
                </c:pt>
                <c:pt idx="271">
                  <c:v>2.2369030676299269</c:v>
                </c:pt>
                <c:pt idx="272">
                  <c:v>2.0469857159265392</c:v>
                </c:pt>
                <c:pt idx="273">
                  <c:v>1.9127405634993773</c:v>
                </c:pt>
                <c:pt idx="274">
                  <c:v>1.7900787031418506</c:v>
                </c:pt>
                <c:pt idx="275">
                  <c:v>1.6448290122495171</c:v>
                </c:pt>
                <c:pt idx="276">
                  <c:v>1.558107848198671</c:v>
                </c:pt>
                <c:pt idx="277">
                  <c:v>1.5649594426928819</c:v>
                </c:pt>
                <c:pt idx="278">
                  <c:v>1.5557626188060227</c:v>
                </c:pt>
                <c:pt idx="279">
                  <c:v>1.6186513175505155</c:v>
                </c:pt>
                <c:pt idx="280">
                  <c:v>1.6738063960088232</c:v>
                </c:pt>
                <c:pt idx="281">
                  <c:v>1.6953609960397715</c:v>
                </c:pt>
                <c:pt idx="282">
                  <c:v>1.6654787840045446</c:v>
                </c:pt>
                <c:pt idx="283">
                  <c:v>1.5871882092629033</c:v>
                </c:pt>
                <c:pt idx="284">
                  <c:v>1.4858380112505496</c:v>
                </c:pt>
                <c:pt idx="285">
                  <c:v>1.3003540691072875</c:v>
                </c:pt>
                <c:pt idx="286">
                  <c:v>1.2910596483183581</c:v>
                </c:pt>
                <c:pt idx="287">
                  <c:v>1.2183503745260857</c:v>
                </c:pt>
                <c:pt idx="288">
                  <c:v>1.1933101913636901</c:v>
                </c:pt>
                <c:pt idx="289">
                  <c:v>1.1915217144872565</c:v>
                </c:pt>
                <c:pt idx="290">
                  <c:v>1.1610941272413426</c:v>
                </c:pt>
                <c:pt idx="291">
                  <c:v>1.0968524059271081</c:v>
                </c:pt>
                <c:pt idx="292">
                  <c:v>1.1241378504343449</c:v>
                </c:pt>
                <c:pt idx="293">
                  <c:v>1.2526816905971108</c:v>
                </c:pt>
                <c:pt idx="294">
                  <c:v>1.3621240185763897</c:v>
                </c:pt>
                <c:pt idx="295">
                  <c:v>1.4576509804497544</c:v>
                </c:pt>
                <c:pt idx="296">
                  <c:v>1.5494989313021945</c:v>
                </c:pt>
                <c:pt idx="297">
                  <c:v>1.6524744210347917</c:v>
                </c:pt>
                <c:pt idx="298">
                  <c:v>1.7029266310000146</c:v>
                </c:pt>
                <c:pt idx="299">
                  <c:v>1.7716564563212911</c:v>
                </c:pt>
                <c:pt idx="300">
                  <c:v>1.7737009779086126</c:v>
                </c:pt>
                <c:pt idx="301">
                  <c:v>1.8170361544436868</c:v>
                </c:pt>
                <c:pt idx="302">
                  <c:v>1.7842352573277074</c:v>
                </c:pt>
                <c:pt idx="303">
                  <c:v>1.8169710671904657</c:v>
                </c:pt>
                <c:pt idx="304">
                  <c:v>1.8698142939220679</c:v>
                </c:pt>
                <c:pt idx="305">
                  <c:v>1.9797304912404212</c:v>
                </c:pt>
                <c:pt idx="306">
                  <c:v>2.0984257934566175</c:v>
                </c:pt>
                <c:pt idx="307">
                  <c:v>2.1354348542671855</c:v>
                </c:pt>
                <c:pt idx="308">
                  <c:v>2.2198732716822183</c:v>
                </c:pt>
                <c:pt idx="309">
                  <c:v>2.2392466774914714</c:v>
                </c:pt>
                <c:pt idx="310">
                  <c:v>2.365217717943028</c:v>
                </c:pt>
                <c:pt idx="311">
                  <c:v>2.535851843037122</c:v>
                </c:pt>
                <c:pt idx="312">
                  <c:v>2.6846307553078379</c:v>
                </c:pt>
                <c:pt idx="313">
                  <c:v>2.7813693225187466</c:v>
                </c:pt>
                <c:pt idx="314">
                  <c:v>2.7758294336474361</c:v>
                </c:pt>
                <c:pt idx="315">
                  <c:v>2.8344312834717513</c:v>
                </c:pt>
                <c:pt idx="316">
                  <c:v>2.9850732100237716</c:v>
                </c:pt>
                <c:pt idx="317">
                  <c:v>3.149808523181798</c:v>
                </c:pt>
                <c:pt idx="318">
                  <c:v>3.2465867412810243</c:v>
                </c:pt>
                <c:pt idx="319">
                  <c:v>3.3477577072223603</c:v>
                </c:pt>
                <c:pt idx="320">
                  <c:v>3.4854488656734555</c:v>
                </c:pt>
                <c:pt idx="321">
                  <c:v>3.7308255793670395</c:v>
                </c:pt>
                <c:pt idx="322">
                  <c:v>3.8520174806238479</c:v>
                </c:pt>
                <c:pt idx="323">
                  <c:v>3.8753966597986271</c:v>
                </c:pt>
                <c:pt idx="324">
                  <c:v>3.8493530970662406</c:v>
                </c:pt>
                <c:pt idx="325">
                  <c:v>3.7878972104474262</c:v>
                </c:pt>
                <c:pt idx="326">
                  <c:v>3.716303221192101</c:v>
                </c:pt>
                <c:pt idx="327">
                  <c:v>3.6527069098265232</c:v>
                </c:pt>
                <c:pt idx="328">
                  <c:v>3.6349108147368701</c:v>
                </c:pt>
                <c:pt idx="329">
                  <c:v>3.6054430462797469</c:v>
                </c:pt>
                <c:pt idx="330">
                  <c:v>3.6337984270085597</c:v>
                </c:pt>
                <c:pt idx="331">
                  <c:v>3.6341865812401495</c:v>
                </c:pt>
                <c:pt idx="332">
                  <c:v>3.614761795137039</c:v>
                </c:pt>
                <c:pt idx="333">
                  <c:v>3.5160411726010889</c:v>
                </c:pt>
                <c:pt idx="334">
                  <c:v>3.4422666360315812</c:v>
                </c:pt>
                <c:pt idx="335">
                  <c:v>3.3065793993955492</c:v>
                </c:pt>
                <c:pt idx="336">
                  <c:v>3.1606167929824518</c:v>
                </c:pt>
                <c:pt idx="337">
                  <c:v>2.955539081672907</c:v>
                </c:pt>
                <c:pt idx="338">
                  <c:v>2.6658990813433889</c:v>
                </c:pt>
                <c:pt idx="339">
                  <c:v>2.3836960389232442</c:v>
                </c:pt>
                <c:pt idx="340">
                  <c:v>2.2164312643448776</c:v>
                </c:pt>
                <c:pt idx="341">
                  <c:v>2.1174954266265713</c:v>
                </c:pt>
                <c:pt idx="342">
                  <c:v>2.0676732863081511</c:v>
                </c:pt>
                <c:pt idx="343">
                  <c:v>2.1041667782386746</c:v>
                </c:pt>
                <c:pt idx="344">
                  <c:v>2.2024127215632641</c:v>
                </c:pt>
                <c:pt idx="345">
                  <c:v>2.2458377709863515</c:v>
                </c:pt>
                <c:pt idx="346">
                  <c:v>2.3897868020281936</c:v>
                </c:pt>
                <c:pt idx="347">
                  <c:v>2.5068913500839161</c:v>
                </c:pt>
                <c:pt idx="348">
                  <c:v>2.5454118805645365</c:v>
                </c:pt>
                <c:pt idx="349">
                  <c:v>2.5799056617716469</c:v>
                </c:pt>
                <c:pt idx="350">
                  <c:v>2.6818811591197003</c:v>
                </c:pt>
                <c:pt idx="351">
                  <c:v>2.7893772940983403</c:v>
                </c:pt>
                <c:pt idx="352">
                  <c:v>2.7732749401372878</c:v>
                </c:pt>
                <c:pt idx="353">
                  <c:v>2.7545149001101761</c:v>
                </c:pt>
                <c:pt idx="354">
                  <c:v>2.7619167584635478</c:v>
                </c:pt>
                <c:pt idx="355">
                  <c:v>2.7074425007339609</c:v>
                </c:pt>
                <c:pt idx="356">
                  <c:v>2.7912183931473686</c:v>
                </c:pt>
                <c:pt idx="357">
                  <c:v>3.0107591702213545</c:v>
                </c:pt>
                <c:pt idx="358">
                  <c:v>3.1753367749181329</c:v>
                </c:pt>
                <c:pt idx="359">
                  <c:v>3.3200268077085777</c:v>
                </c:pt>
                <c:pt idx="360">
                  <c:v>3.3514333153059286</c:v>
                </c:pt>
                <c:pt idx="361">
                  <c:v>3.4303536155382548</c:v>
                </c:pt>
                <c:pt idx="362">
                  <c:v>3.5434548239144683</c:v>
                </c:pt>
                <c:pt idx="363">
                  <c:v>3.5965674032809525</c:v>
                </c:pt>
                <c:pt idx="364">
                  <c:v>3.5190831931049771</c:v>
                </c:pt>
                <c:pt idx="365">
                  <c:v>3.4000667335406929</c:v>
                </c:pt>
                <c:pt idx="366">
                  <c:v>3.2846324543406071</c:v>
                </c:pt>
                <c:pt idx="367">
                  <c:v>3.2164175175749219</c:v>
                </c:pt>
                <c:pt idx="368">
                  <c:v>3.4301669332614213</c:v>
                </c:pt>
                <c:pt idx="369">
                  <c:v>3.5792784719460586</c:v>
                </c:pt>
                <c:pt idx="370">
                  <c:v>3.7352041313110624</c:v>
                </c:pt>
                <c:pt idx="371">
                  <c:v>3.9929323298493093</c:v>
                </c:pt>
                <c:pt idx="372">
                  <c:v>4.305854666544767</c:v>
                </c:pt>
                <c:pt idx="373">
                  <c:v>4.5499676537259468</c:v>
                </c:pt>
                <c:pt idx="374">
                  <c:v>4.6564972920564491</c:v>
                </c:pt>
                <c:pt idx="375">
                  <c:v>4.6258085485860878</c:v>
                </c:pt>
                <c:pt idx="376">
                  <c:v>4.5232406308423725</c:v>
                </c:pt>
                <c:pt idx="377">
                  <c:v>4.4251087078396321</c:v>
                </c:pt>
                <c:pt idx="378">
                  <c:v>4.3557653394497464</c:v>
                </c:pt>
                <c:pt idx="379">
                  <c:v>4.3102981862591996</c:v>
                </c:pt>
                <c:pt idx="380">
                  <c:v>4.2410251507919785</c:v>
                </c:pt>
                <c:pt idx="381">
                  <c:v>4.1595244445279489</c:v>
                </c:pt>
                <c:pt idx="382">
                  <c:v>4.1068446169826647</c:v>
                </c:pt>
                <c:pt idx="383">
                  <c:v>4.0422128498620138</c:v>
                </c:pt>
                <c:pt idx="384">
                  <c:v>3.9234478016762839</c:v>
                </c:pt>
                <c:pt idx="385">
                  <c:v>3.7913140942565486</c:v>
                </c:pt>
                <c:pt idx="386">
                  <c:v>3.6401408855965576</c:v>
                </c:pt>
                <c:pt idx="387">
                  <c:v>3.4208639813091333</c:v>
                </c:pt>
                <c:pt idx="388">
                  <c:v>3.257257908944784</c:v>
                </c:pt>
                <c:pt idx="389">
                  <c:v>3.0589717567163217</c:v>
                </c:pt>
                <c:pt idx="390">
                  <c:v>2.8144111540357395</c:v>
                </c:pt>
                <c:pt idx="391">
                  <c:v>2.5632591299596816</c:v>
                </c:pt>
                <c:pt idx="392">
                  <c:v>2.4295364416358924</c:v>
                </c:pt>
                <c:pt idx="393">
                  <c:v>2.2193898219669066</c:v>
                </c:pt>
                <c:pt idx="394">
                  <c:v>2.0566689788187005</c:v>
                </c:pt>
                <c:pt idx="395">
                  <c:v>1.823107903624416</c:v>
                </c:pt>
                <c:pt idx="396">
                  <c:v>1.7159183068063568</c:v>
                </c:pt>
                <c:pt idx="397">
                  <c:v>1.6703592932384166</c:v>
                </c:pt>
                <c:pt idx="398">
                  <c:v>1.6416911960208178</c:v>
                </c:pt>
                <c:pt idx="399">
                  <c:v>1.5820413961720159</c:v>
                </c:pt>
                <c:pt idx="400">
                  <c:v>1.6269253471943257</c:v>
                </c:pt>
                <c:pt idx="401">
                  <c:v>1.6659357435420825</c:v>
                </c:pt>
                <c:pt idx="402">
                  <c:v>1.7734442493908198</c:v>
                </c:pt>
                <c:pt idx="403">
                  <c:v>1.9717977138803366</c:v>
                </c:pt>
                <c:pt idx="404">
                  <c:v>2.1320782452411633</c:v>
                </c:pt>
                <c:pt idx="405">
                  <c:v>2.2332724451047476</c:v>
                </c:pt>
                <c:pt idx="406">
                  <c:v>2.3036457634039791</c:v>
                </c:pt>
                <c:pt idx="407">
                  <c:v>2.4643468404937909</c:v>
                </c:pt>
                <c:pt idx="408">
                  <c:v>2.6655001528830287</c:v>
                </c:pt>
                <c:pt idx="409">
                  <c:v>2.859694583387395</c:v>
                </c:pt>
                <c:pt idx="410">
                  <c:v>2.9455334989531559</c:v>
                </c:pt>
                <c:pt idx="411">
                  <c:v>3.1328235002095224</c:v>
                </c:pt>
                <c:pt idx="412">
                  <c:v>3.4086651103471999</c:v>
                </c:pt>
                <c:pt idx="413">
                  <c:v>3.6081259962567565</c:v>
                </c:pt>
                <c:pt idx="414">
                  <c:v>3.9403517534279167</c:v>
                </c:pt>
                <c:pt idx="415">
                  <c:v>4.1332459596381455</c:v>
                </c:pt>
                <c:pt idx="416">
                  <c:v>4.1949623618048664</c:v>
                </c:pt>
                <c:pt idx="417">
                  <c:v>4.3700595197911074</c:v>
                </c:pt>
                <c:pt idx="418">
                  <c:v>4.4669426598795265</c:v>
                </c:pt>
                <c:pt idx="419">
                  <c:v>4.6117766784535519</c:v>
                </c:pt>
                <c:pt idx="420">
                  <c:v>4.7533057330210458</c:v>
                </c:pt>
                <c:pt idx="421">
                  <c:v>4.8636285639263814</c:v>
                </c:pt>
                <c:pt idx="422">
                  <c:v>5.077247098577609</c:v>
                </c:pt>
                <c:pt idx="423">
                  <c:v>5.2440990923301678</c:v>
                </c:pt>
                <c:pt idx="424">
                  <c:v>5.4073315895831122</c:v>
                </c:pt>
                <c:pt idx="425">
                  <c:v>5.5545557316918925</c:v>
                </c:pt>
                <c:pt idx="426">
                  <c:v>5.6724593406653492</c:v>
                </c:pt>
                <c:pt idx="427">
                  <c:v>5.5671949928389903</c:v>
                </c:pt>
                <c:pt idx="428">
                  <c:v>5.5185270646961255</c:v>
                </c:pt>
                <c:pt idx="429">
                  <c:v>5.4178800841654171</c:v>
                </c:pt>
                <c:pt idx="430">
                  <c:v>5.2556630743478872</c:v>
                </c:pt>
                <c:pt idx="431">
                  <c:v>4.9662111440911643</c:v>
                </c:pt>
                <c:pt idx="432">
                  <c:v>4.7372378855260173</c:v>
                </c:pt>
                <c:pt idx="433">
                  <c:v>4.5527395388583685</c:v>
                </c:pt>
                <c:pt idx="434">
                  <c:v>4.4843949753209547</c:v>
                </c:pt>
                <c:pt idx="435">
                  <c:v>4.5133606863584719</c:v>
                </c:pt>
                <c:pt idx="436">
                  <c:v>4.576934142384637</c:v>
                </c:pt>
                <c:pt idx="437">
                  <c:v>4.6473291469081586</c:v>
                </c:pt>
                <c:pt idx="438">
                  <c:v>4.7074593713544965</c:v>
                </c:pt>
                <c:pt idx="439">
                  <c:v>4.7913727319923947</c:v>
                </c:pt>
                <c:pt idx="440">
                  <c:v>4.8366092416312148</c:v>
                </c:pt>
                <c:pt idx="441">
                  <c:v>4.9391127760016529</c:v>
                </c:pt>
                <c:pt idx="442">
                  <c:v>5.0620072127835121</c:v>
                </c:pt>
                <c:pt idx="443">
                  <c:v>5.2959223848498747</c:v>
                </c:pt>
                <c:pt idx="444">
                  <c:v>5.4948972127194216</c:v>
                </c:pt>
                <c:pt idx="445">
                  <c:v>5.6220644188605027</c:v>
                </c:pt>
                <c:pt idx="446">
                  <c:v>5.7133885795734942</c:v>
                </c:pt>
                <c:pt idx="447">
                  <c:v>5.7630803027693753</c:v>
                </c:pt>
                <c:pt idx="448">
                  <c:v>5.8042715760931634</c:v>
                </c:pt>
                <c:pt idx="449">
                  <c:v>5.8810828336216296</c:v>
                </c:pt>
                <c:pt idx="450">
                  <c:v>6.1865139975790626</c:v>
                </c:pt>
                <c:pt idx="451">
                  <c:v>6.3577909824933831</c:v>
                </c:pt>
                <c:pt idx="452">
                  <c:v>6.520494073814497</c:v>
                </c:pt>
                <c:pt idx="453">
                  <c:v>6.5456764861391132</c:v>
                </c:pt>
                <c:pt idx="454">
                  <c:v>6.6400433297380674</c:v>
                </c:pt>
                <c:pt idx="455">
                  <c:v>6.7670612440163298</c:v>
                </c:pt>
                <c:pt idx="456">
                  <c:v>6.8642065183840684</c:v>
                </c:pt>
                <c:pt idx="457">
                  <c:v>6.939368445040607</c:v>
                </c:pt>
                <c:pt idx="458">
                  <c:v>6.9699715830391131</c:v>
                </c:pt>
                <c:pt idx="459">
                  <c:v>6.9928047232789421</c:v>
                </c:pt>
                <c:pt idx="460">
                  <c:v>7.0409833184022039</c:v>
                </c:pt>
                <c:pt idx="461">
                  <c:v>6.9437543224146641</c:v>
                </c:pt>
                <c:pt idx="462">
                  <c:v>6.7176903865976811</c:v>
                </c:pt>
                <c:pt idx="463">
                  <c:v>6.4953300045695146</c:v>
                </c:pt>
                <c:pt idx="464">
                  <c:v>6.3128382047776403</c:v>
                </c:pt>
                <c:pt idx="465">
                  <c:v>6.177635920994863</c:v>
                </c:pt>
                <c:pt idx="466">
                  <c:v>5.9810651062675104</c:v>
                </c:pt>
                <c:pt idx="467">
                  <c:v>5.949210175082877</c:v>
                </c:pt>
                <c:pt idx="468">
                  <c:v>5.8246031761537029</c:v>
                </c:pt>
                <c:pt idx="469">
                  <c:v>5.8704517271686347</c:v>
                </c:pt>
                <c:pt idx="470">
                  <c:v>5.8747920407876233</c:v>
                </c:pt>
                <c:pt idx="471">
                  <c:v>5.9215415693267204</c:v>
                </c:pt>
                <c:pt idx="472">
                  <c:v>6.1206443864577489</c:v>
                </c:pt>
                <c:pt idx="473">
                  <c:v>6.3102038069597324</c:v>
                </c:pt>
                <c:pt idx="474">
                  <c:v>6.60206088189247</c:v>
                </c:pt>
                <c:pt idx="475">
                  <c:v>6.8619862892317194</c:v>
                </c:pt>
                <c:pt idx="476">
                  <c:v>6.8556562838943949</c:v>
                </c:pt>
                <c:pt idx="477">
                  <c:v>6.8602245792668866</c:v>
                </c:pt>
                <c:pt idx="478">
                  <c:v>6.8337488656502074</c:v>
                </c:pt>
                <c:pt idx="479">
                  <c:v>6.7512787159629566</c:v>
                </c:pt>
                <c:pt idx="480">
                  <c:v>6.6751848063690593</c:v>
                </c:pt>
                <c:pt idx="481">
                  <c:v>6.5521064248863388</c:v>
                </c:pt>
                <c:pt idx="482">
                  <c:v>6.4656835507202057</c:v>
                </c:pt>
                <c:pt idx="483">
                  <c:v>6.5288189803726198</c:v>
                </c:pt>
                <c:pt idx="484">
                  <c:v>6.6240275447585875</c:v>
                </c:pt>
                <c:pt idx="485">
                  <c:v>6.5948507134016134</c:v>
                </c:pt>
                <c:pt idx="486">
                  <c:v>6.6251481582222009</c:v>
                </c:pt>
                <c:pt idx="487">
                  <c:v>6.570420921476039</c:v>
                </c:pt>
                <c:pt idx="488">
                  <c:v>6.5484198105461013</c:v>
                </c:pt>
                <c:pt idx="489">
                  <c:v>6.5128767282702098</c:v>
                </c:pt>
                <c:pt idx="490">
                  <c:v>6.5616193475904252</c:v>
                </c:pt>
                <c:pt idx="491">
                  <c:v>6.523338999842947</c:v>
                </c:pt>
                <c:pt idx="492">
                  <c:v>6.6720839442801045</c:v>
                </c:pt>
                <c:pt idx="493">
                  <c:v>6.8063163961389703</c:v>
                </c:pt>
                <c:pt idx="494">
                  <c:v>6.9870773914499953</c:v>
                </c:pt>
                <c:pt idx="495">
                  <c:v>7.067462973542801</c:v>
                </c:pt>
                <c:pt idx="496">
                  <c:v>7.2026435629419669</c:v>
                </c:pt>
                <c:pt idx="497">
                  <c:v>7.2611912901350424</c:v>
                </c:pt>
                <c:pt idx="498">
                  <c:v>7.3756206352980547</c:v>
                </c:pt>
                <c:pt idx="499">
                  <c:v>7.5641517191892227</c:v>
                </c:pt>
                <c:pt idx="500">
                  <c:v>7.6736214559957316</c:v>
                </c:pt>
                <c:pt idx="501">
                  <c:v>7.8994332943014864</c:v>
                </c:pt>
                <c:pt idx="502">
                  <c:v>7.9992177806230966</c:v>
                </c:pt>
                <c:pt idx="503">
                  <c:v>8.0298175269477436</c:v>
                </c:pt>
                <c:pt idx="504">
                  <c:v>8.1346433448880759</c:v>
                </c:pt>
                <c:pt idx="505">
                  <c:v>8.3675029839391133</c:v>
                </c:pt>
                <c:pt idx="506">
                  <c:v>8.5891859362132124</c:v>
                </c:pt>
                <c:pt idx="507">
                  <c:v>8.798193496889791</c:v>
                </c:pt>
                <c:pt idx="508">
                  <c:v>8.9344224160314702</c:v>
                </c:pt>
                <c:pt idx="509">
                  <c:v>8.6855186384074319</c:v>
                </c:pt>
                <c:pt idx="510">
                  <c:v>8.5186774472690043</c:v>
                </c:pt>
                <c:pt idx="511">
                  <c:v>8.4911273042763344</c:v>
                </c:pt>
                <c:pt idx="512">
                  <c:v>8.5592923649011645</c:v>
                </c:pt>
                <c:pt idx="513">
                  <c:v>8.60401338876067</c:v>
                </c:pt>
                <c:pt idx="514">
                  <c:v>8.5868045117917209</c:v>
                </c:pt>
                <c:pt idx="515">
                  <c:v>8.6752155547187755</c:v>
                </c:pt>
                <c:pt idx="516">
                  <c:v>8.848014654788793</c:v>
                </c:pt>
                <c:pt idx="517">
                  <c:v>9.1173818193998954</c:v>
                </c:pt>
                <c:pt idx="518">
                  <c:v>9.2973233912636264</c:v>
                </c:pt>
                <c:pt idx="519">
                  <c:v>9.5532555417008975</c:v>
                </c:pt>
                <c:pt idx="520">
                  <c:v>9.9338719395947628</c:v>
                </c:pt>
                <c:pt idx="521">
                  <c:v>10.341235784864717</c:v>
                </c:pt>
                <c:pt idx="522">
                  <c:v>10.807236993278082</c:v>
                </c:pt>
                <c:pt idx="523">
                  <c:v>11.241119904486593</c:v>
                </c:pt>
                <c:pt idx="524">
                  <c:v>11.790415671871612</c:v>
                </c:pt>
                <c:pt idx="525">
                  <c:v>12.379809264191968</c:v>
                </c:pt>
                <c:pt idx="526">
                  <c:v>12.782011043026953</c:v>
                </c:pt>
                <c:pt idx="527">
                  <c:v>13.303492415164806</c:v>
                </c:pt>
                <c:pt idx="528">
                  <c:v>13.515003429813094</c:v>
                </c:pt>
                <c:pt idx="529">
                  <c:v>13.777296334968774</c:v>
                </c:pt>
                <c:pt idx="530">
                  <c:v>13.965074594299171</c:v>
                </c:pt>
                <c:pt idx="531">
                  <c:v>14.039429769972777</c:v>
                </c:pt>
                <c:pt idx="532">
                  <c:v>13.985506241996347</c:v>
                </c:pt>
                <c:pt idx="533">
                  <c:v>13.758765119549807</c:v>
                </c:pt>
                <c:pt idx="534">
                  <c:v>13.579942492424221</c:v>
                </c:pt>
                <c:pt idx="535">
                  <c:v>13.553595192292933</c:v>
                </c:pt>
                <c:pt idx="536">
                  <c:v>13.491289178313206</c:v>
                </c:pt>
                <c:pt idx="537">
                  <c:v>13.525231535291075</c:v>
                </c:pt>
                <c:pt idx="538">
                  <c:v>13.624817272452814</c:v>
                </c:pt>
                <c:pt idx="539">
                  <c:v>13.73170954903974</c:v>
                </c:pt>
                <c:pt idx="540">
                  <c:v>13.895564191656776</c:v>
                </c:pt>
                <c:pt idx="541">
                  <c:v>14.317969394083034</c:v>
                </c:pt>
                <c:pt idx="542">
                  <c:v>14.646897642603806</c:v>
                </c:pt>
                <c:pt idx="543">
                  <c:v>14.789468466440614</c:v>
                </c:pt>
                <c:pt idx="544">
                  <c:v>15.151481605056857</c:v>
                </c:pt>
                <c:pt idx="545">
                  <c:v>15.500475178436846</c:v>
                </c:pt>
                <c:pt idx="546">
                  <c:v>15.820737077024742</c:v>
                </c:pt>
                <c:pt idx="547">
                  <c:v>16.080639823973147</c:v>
                </c:pt>
                <c:pt idx="548">
                  <c:v>16.360975743370556</c:v>
                </c:pt>
                <c:pt idx="549">
                  <c:v>16.780832714808327</c:v>
                </c:pt>
                <c:pt idx="550">
                  <c:v>17.372864333949526</c:v>
                </c:pt>
                <c:pt idx="551">
                  <c:v>17.854365976487546</c:v>
                </c:pt>
                <c:pt idx="552">
                  <c:v>18.215098187387262</c:v>
                </c:pt>
                <c:pt idx="553">
                  <c:v>18.696642115668425</c:v>
                </c:pt>
                <c:pt idx="554">
                  <c:v>19.252959510506123</c:v>
                </c:pt>
                <c:pt idx="555">
                  <c:v>19.674331941448347</c:v>
                </c:pt>
                <c:pt idx="556">
                  <c:v>20.165887413456254</c:v>
                </c:pt>
                <c:pt idx="557">
                  <c:v>20.734986082775123</c:v>
                </c:pt>
                <c:pt idx="558">
                  <c:v>21.305812820562355</c:v>
                </c:pt>
                <c:pt idx="559">
                  <c:v>21.861504560969134</c:v>
                </c:pt>
                <c:pt idx="560">
                  <c:v>22.148901194874735</c:v>
                </c:pt>
                <c:pt idx="561">
                  <c:v>22.520828086029393</c:v>
                </c:pt>
                <c:pt idx="562">
                  <c:v>22.823341698796959</c:v>
                </c:pt>
                <c:pt idx="563">
                  <c:v>23.18756883575934</c:v>
                </c:pt>
                <c:pt idx="564">
                  <c:v>23.368667923397339</c:v>
                </c:pt>
                <c:pt idx="565">
                  <c:v>23.794793203149734</c:v>
                </c:pt>
                <c:pt idx="566">
                  <c:v>24.244988402481425</c:v>
                </c:pt>
                <c:pt idx="567">
                  <c:v>24.869991098781352</c:v>
                </c:pt>
                <c:pt idx="568">
                  <c:v>25.702215876793677</c:v>
                </c:pt>
                <c:pt idx="569">
                  <c:v>26.507601567216245</c:v>
                </c:pt>
                <c:pt idx="570">
                  <c:v>27.306604573121223</c:v>
                </c:pt>
                <c:pt idx="571">
                  <c:v>28.372788703151905</c:v>
                </c:pt>
                <c:pt idx="572">
                  <c:v>29.352356325845758</c:v>
                </c:pt>
                <c:pt idx="573">
                  <c:v>30.310052524519143</c:v>
                </c:pt>
                <c:pt idx="574">
                  <c:v>31.262704876059882</c:v>
                </c:pt>
                <c:pt idx="575">
                  <c:v>32.119957695271893</c:v>
                </c:pt>
                <c:pt idx="576">
                  <c:v>33.052123214576014</c:v>
                </c:pt>
                <c:pt idx="577">
                  <c:v>34.21501708798035</c:v>
                </c:pt>
                <c:pt idx="578">
                  <c:v>35.10153345906852</c:v>
                </c:pt>
                <c:pt idx="579">
                  <c:v>35.999903497771193</c:v>
                </c:pt>
                <c:pt idx="580">
                  <c:v>36.909585589713984</c:v>
                </c:pt>
                <c:pt idx="581">
                  <c:v>38.079240205255317</c:v>
                </c:pt>
                <c:pt idx="582">
                  <c:v>39.289746278557352</c:v>
                </c:pt>
                <c:pt idx="583">
                  <c:v>40.377490863017222</c:v>
                </c:pt>
                <c:pt idx="584">
                  <c:v>41.373219755453739</c:v>
                </c:pt>
                <c:pt idx="585">
                  <c:v>42.495978481521668</c:v>
                </c:pt>
                <c:pt idx="586">
                  <c:v>43.677276240844243</c:v>
                </c:pt>
                <c:pt idx="587">
                  <c:v>44.984490901003717</c:v>
                </c:pt>
                <c:pt idx="588">
                  <c:v>46.298913863967741</c:v>
                </c:pt>
                <c:pt idx="589">
                  <c:v>47.078169908516863</c:v>
                </c:pt>
                <c:pt idx="590">
                  <c:v>46.268171129572664</c:v>
                </c:pt>
                <c:pt idx="591">
                  <c:v>44.348157500119292</c:v>
                </c:pt>
                <c:pt idx="592">
                  <c:v>41.408058835575147</c:v>
                </c:pt>
                <c:pt idx="593">
                  <c:v>37.621037789106097</c:v>
                </c:pt>
                <c:pt idx="594">
                  <c:v>32.966227537691431</c:v>
                </c:pt>
                <c:pt idx="595">
                  <c:v>27.828217346367612</c:v>
                </c:pt>
                <c:pt idx="596">
                  <c:v>21.949029467814206</c:v>
                </c:pt>
                <c:pt idx="597">
                  <c:v>15.569058008994489</c:v>
                </c:pt>
                <c:pt idx="598">
                  <c:v>8.734663926066391</c:v>
                </c:pt>
                <c:pt idx="599">
                  <c:v>1.4451973613762066</c:v>
                </c:pt>
                <c:pt idx="600">
                  <c:v>-6.442861216637926</c:v>
                </c:pt>
                <c:pt idx="601">
                  <c:v>-14.587162712163641</c:v>
                </c:pt>
                <c:pt idx="602">
                  <c:v>-22.716751200672814</c:v>
                </c:pt>
                <c:pt idx="603">
                  <c:v>-31.084847348993051</c:v>
                </c:pt>
                <c:pt idx="604">
                  <c:v>-39.498812847178115</c:v>
                </c:pt>
                <c:pt idx="605">
                  <c:v>-47.758803897520998</c:v>
                </c:pt>
                <c:pt idx="606">
                  <c:v>-55.922901516266769</c:v>
                </c:pt>
                <c:pt idx="607">
                  <c:v>-63.760873609959226</c:v>
                </c:pt>
                <c:pt idx="608">
                  <c:v>-71.341344133139231</c:v>
                </c:pt>
                <c:pt idx="609">
                  <c:v>-78.654643041728576</c:v>
                </c:pt>
                <c:pt idx="610">
                  <c:v>-85.498029966960743</c:v>
                </c:pt>
                <c:pt idx="611">
                  <c:v>-91.901501808125772</c:v>
                </c:pt>
                <c:pt idx="612">
                  <c:v>-98.004501730264238</c:v>
                </c:pt>
                <c:pt idx="613">
                  <c:v>-103.58697784304414</c:v>
                </c:pt>
                <c:pt idx="614">
                  <c:v>-108.49679877852014</c:v>
                </c:pt>
                <c:pt idx="615">
                  <c:v>-112.81110960571864</c:v>
                </c:pt>
                <c:pt idx="616">
                  <c:v>-116.6405388142899</c:v>
                </c:pt>
                <c:pt idx="617">
                  <c:v>-119.85413921989665</c:v>
                </c:pt>
                <c:pt idx="618">
                  <c:v>-122.35384700792113</c:v>
                </c:pt>
                <c:pt idx="619">
                  <c:v>-124.05504531156444</c:v>
                </c:pt>
                <c:pt idx="620">
                  <c:v>-125.16613982002714</c:v>
                </c:pt>
                <c:pt idx="621">
                  <c:v>-125.42843911883961</c:v>
                </c:pt>
                <c:pt idx="622">
                  <c:v>-125.05562019520291</c:v>
                </c:pt>
                <c:pt idx="623">
                  <c:v>-123.76089753572163</c:v>
                </c:pt>
                <c:pt idx="624">
                  <c:v>-121.91171147009324</c:v>
                </c:pt>
                <c:pt idx="625">
                  <c:v>-119.36941131602434</c:v>
                </c:pt>
                <c:pt idx="626">
                  <c:v>-116.29115387871057</c:v>
                </c:pt>
                <c:pt idx="627">
                  <c:v>-112.54271004148791</c:v>
                </c:pt>
                <c:pt idx="628">
                  <c:v>-108.14612487090629</c:v>
                </c:pt>
                <c:pt idx="629">
                  <c:v>-103.23717469627917</c:v>
                </c:pt>
                <c:pt idx="630">
                  <c:v>-98.04621561888267</c:v>
                </c:pt>
                <c:pt idx="631">
                  <c:v>-92.261927801334195</c:v>
                </c:pt>
                <c:pt idx="632">
                  <c:v>-86.042779888820974</c:v>
                </c:pt>
                <c:pt idx="633">
                  <c:v>-79.489112068727366</c:v>
                </c:pt>
                <c:pt idx="634">
                  <c:v>-72.551110028373117</c:v>
                </c:pt>
                <c:pt idx="635">
                  <c:v>-65.487287368198309</c:v>
                </c:pt>
                <c:pt idx="636">
                  <c:v>-58.431653895323855</c:v>
                </c:pt>
                <c:pt idx="637">
                  <c:v>-51.077712600654593</c:v>
                </c:pt>
                <c:pt idx="638">
                  <c:v>-43.888110303566179</c:v>
                </c:pt>
                <c:pt idx="639">
                  <c:v>-36.773729193389897</c:v>
                </c:pt>
                <c:pt idx="640">
                  <c:v>-30.222086206283951</c:v>
                </c:pt>
                <c:pt idx="641">
                  <c:v>-24.009171459060205</c:v>
                </c:pt>
                <c:pt idx="642">
                  <c:v>-18.317169875226625</c:v>
                </c:pt>
                <c:pt idx="643">
                  <c:v>-13.144546198951266</c:v>
                </c:pt>
                <c:pt idx="644">
                  <c:v>-8.7949447367184597</c:v>
                </c:pt>
                <c:pt idx="645">
                  <c:v>-5.557112024787223</c:v>
                </c:pt>
                <c:pt idx="646">
                  <c:v>-3.3376615284942459</c:v>
                </c:pt>
                <c:pt idx="647">
                  <c:v>-2.3395905728231878</c:v>
                </c:pt>
                <c:pt idx="648">
                  <c:v>-2.1868107245949222</c:v>
                </c:pt>
                <c:pt idx="649">
                  <c:v>-1.7308990869580712</c:v>
                </c:pt>
                <c:pt idx="650">
                  <c:v>-1.2616395843589501</c:v>
                </c:pt>
                <c:pt idx="651">
                  <c:v>-0.68959264275610599</c:v>
                </c:pt>
                <c:pt idx="652">
                  <c:v>-0.1907573545860968</c:v>
                </c:pt>
                <c:pt idx="653">
                  <c:v>0.24638007143825091</c:v>
                </c:pt>
                <c:pt idx="654">
                  <c:v>0.42686479360522245</c:v>
                </c:pt>
                <c:pt idx="655">
                  <c:v>0.64193578266038609</c:v>
                </c:pt>
                <c:pt idx="656">
                  <c:v>0.71984702676657908</c:v>
                </c:pt>
                <c:pt idx="657">
                  <c:v>0.7776050224257155</c:v>
                </c:pt>
                <c:pt idx="658">
                  <c:v>0.68836410436100326</c:v>
                </c:pt>
                <c:pt idx="659">
                  <c:v>0.62027940198395093</c:v>
                </c:pt>
                <c:pt idx="660">
                  <c:v>0.50814354002476447</c:v>
                </c:pt>
                <c:pt idx="661">
                  <c:v>0.37606608005861575</c:v>
                </c:pt>
                <c:pt idx="662">
                  <c:v>0.27641344937565487</c:v>
                </c:pt>
                <c:pt idx="663">
                  <c:v>0.16747767143506848</c:v>
                </c:pt>
                <c:pt idx="664">
                  <c:v>2.2619121401155094E-2</c:v>
                </c:pt>
                <c:pt idx="665">
                  <c:v>6.428384439599236E-3</c:v>
                </c:pt>
                <c:pt idx="666">
                  <c:v>-0.13498475047098069</c:v>
                </c:pt>
                <c:pt idx="667">
                  <c:v>-0.32990146070922982</c:v>
                </c:pt>
                <c:pt idx="668">
                  <c:v>-0.55532955452166166</c:v>
                </c:pt>
                <c:pt idx="669">
                  <c:v>-0.86038592840224182</c:v>
                </c:pt>
                <c:pt idx="670">
                  <c:v>-0.98592028151400168</c:v>
                </c:pt>
                <c:pt idx="671">
                  <c:v>-1.0581493722360114</c:v>
                </c:pt>
                <c:pt idx="672">
                  <c:v>-1.0113684076788179</c:v>
                </c:pt>
                <c:pt idx="673">
                  <c:v>-0.96237885678399271</c:v>
                </c:pt>
                <c:pt idx="674">
                  <c:v>-0.89543672856181777</c:v>
                </c:pt>
                <c:pt idx="675">
                  <c:v>-0.83252693268598243</c:v>
                </c:pt>
                <c:pt idx="676">
                  <c:v>-0.75483700139075305</c:v>
                </c:pt>
                <c:pt idx="677">
                  <c:v>-0.72108619244623362</c:v>
                </c:pt>
                <c:pt idx="678">
                  <c:v>-0.70258939412143795</c:v>
                </c:pt>
                <c:pt idx="679">
                  <c:v>-0.60296071259018247</c:v>
                </c:pt>
                <c:pt idx="680">
                  <c:v>-0.53534637517581207</c:v>
                </c:pt>
                <c:pt idx="681">
                  <c:v>-0.3974958953058193</c:v>
                </c:pt>
                <c:pt idx="682">
                  <c:v>-0.27189514527436759</c:v>
                </c:pt>
                <c:pt idx="683">
                  <c:v>-0.1753075490222811</c:v>
                </c:pt>
                <c:pt idx="684">
                  <c:v>-0.13042742585764835</c:v>
                </c:pt>
                <c:pt idx="685">
                  <c:v>-1.3924531620335598E-2</c:v>
                </c:pt>
                <c:pt idx="686">
                  <c:v>4.6659047342491627E-2</c:v>
                </c:pt>
                <c:pt idx="687">
                  <c:v>6.7530086407424722E-2</c:v>
                </c:pt>
                <c:pt idx="688">
                  <c:v>8.0227712598033352E-2</c:v>
                </c:pt>
                <c:pt idx="689">
                  <c:v>5.7906450702869372E-2</c:v>
                </c:pt>
                <c:pt idx="690">
                  <c:v>-2.5893138519107881E-2</c:v>
                </c:pt>
                <c:pt idx="691">
                  <c:v>-9.6524148917888367E-2</c:v>
                </c:pt>
                <c:pt idx="692">
                  <c:v>-0.17745838242740278</c:v>
                </c:pt>
                <c:pt idx="693">
                  <c:v>-0.30377197410330697</c:v>
                </c:pt>
                <c:pt idx="694">
                  <c:v>-0.32959338156958612</c:v>
                </c:pt>
                <c:pt idx="695">
                  <c:v>-0.37025415167329162</c:v>
                </c:pt>
                <c:pt idx="696">
                  <c:v>-0.40501524645264642</c:v>
                </c:pt>
                <c:pt idx="697">
                  <c:v>-0.3452666390452398</c:v>
                </c:pt>
                <c:pt idx="698">
                  <c:v>-0.29554357169267559</c:v>
                </c:pt>
                <c:pt idx="699">
                  <c:v>-0.25989821970403998</c:v>
                </c:pt>
                <c:pt idx="700">
                  <c:v>-0.24137789463849524</c:v>
                </c:pt>
                <c:pt idx="701">
                  <c:v>-0.25983662710989941</c:v>
                </c:pt>
                <c:pt idx="702">
                  <c:v>-0.3466553982994538</c:v>
                </c:pt>
                <c:pt idx="703">
                  <c:v>-0.42966069862684081</c:v>
                </c:pt>
                <c:pt idx="704">
                  <c:v>-0.42056548218399081</c:v>
                </c:pt>
                <c:pt idx="705">
                  <c:v>-0.3884885475199244</c:v>
                </c:pt>
                <c:pt idx="706">
                  <c:v>-0.35775117152070796</c:v>
                </c:pt>
                <c:pt idx="707">
                  <c:v>-0.3431154318960552</c:v>
                </c:pt>
                <c:pt idx="708">
                  <c:v>-0.30442812467317681</c:v>
                </c:pt>
                <c:pt idx="709">
                  <c:v>-0.22120111353911615</c:v>
                </c:pt>
                <c:pt idx="710">
                  <c:v>-0.198902955958873</c:v>
                </c:pt>
                <c:pt idx="711">
                  <c:v>-0.33406006859243415</c:v>
                </c:pt>
                <c:pt idx="712">
                  <c:v>-0.38690615268881828</c:v>
                </c:pt>
                <c:pt idx="713">
                  <c:v>-0.46010786883165755</c:v>
                </c:pt>
                <c:pt idx="714">
                  <c:v>-0.56703651527530508</c:v>
                </c:pt>
                <c:pt idx="715">
                  <c:v>-0.68686280768566077</c:v>
                </c:pt>
                <c:pt idx="716">
                  <c:v>-0.8652965236327288</c:v>
                </c:pt>
                <c:pt idx="717">
                  <c:v>-0.94876237559013943</c:v>
                </c:pt>
                <c:pt idx="718">
                  <c:v>-0.99156724308017641</c:v>
                </c:pt>
                <c:pt idx="719">
                  <c:v>-1.050593422040073</c:v>
                </c:pt>
                <c:pt idx="720">
                  <c:v>-1.098696263010549</c:v>
                </c:pt>
                <c:pt idx="721">
                  <c:v>-1.1505865350641526</c:v>
                </c:pt>
                <c:pt idx="722">
                  <c:v>-1.224557322882025</c:v>
                </c:pt>
                <c:pt idx="723">
                  <c:v>-1.2558282923906621</c:v>
                </c:pt>
                <c:pt idx="724">
                  <c:v>-1.2731643041820013</c:v>
                </c:pt>
                <c:pt idx="725">
                  <c:v>-1.2054477589405697</c:v>
                </c:pt>
                <c:pt idx="726">
                  <c:v>-1.1594063219192692</c:v>
                </c:pt>
                <c:pt idx="727">
                  <c:v>-1.1075704189265803</c:v>
                </c:pt>
                <c:pt idx="728">
                  <c:v>-1.0182921187585856</c:v>
                </c:pt>
                <c:pt idx="729">
                  <c:v>-0.93890159992511446</c:v>
                </c:pt>
                <c:pt idx="730">
                  <c:v>-0.83172790673933372</c:v>
                </c:pt>
                <c:pt idx="731">
                  <c:v>-0.78630857394806897</c:v>
                </c:pt>
                <c:pt idx="732">
                  <c:v>-0.71167439627067597</c:v>
                </c:pt>
                <c:pt idx="733">
                  <c:v>-0.63974212056222279</c:v>
                </c:pt>
                <c:pt idx="734">
                  <c:v>-0.60094745043844666</c:v>
                </c:pt>
                <c:pt idx="735">
                  <c:v>-0.58083491801077558</c:v>
                </c:pt>
                <c:pt idx="736">
                  <c:v>-0.56414575457695815</c:v>
                </c:pt>
                <c:pt idx="737">
                  <c:v>-0.52616862609133219</c:v>
                </c:pt>
                <c:pt idx="738">
                  <c:v>-0.52314367979291276</c:v>
                </c:pt>
                <c:pt idx="739">
                  <c:v>-0.48878816241582185</c:v>
                </c:pt>
                <c:pt idx="740">
                  <c:v>-0.51560987450947049</c:v>
                </c:pt>
                <c:pt idx="741">
                  <c:v>-0.54762668741962628</c:v>
                </c:pt>
                <c:pt idx="742">
                  <c:v>-0.56508220587523805</c:v>
                </c:pt>
                <c:pt idx="743">
                  <c:v>-0.51105583037483937</c:v>
                </c:pt>
                <c:pt idx="744">
                  <c:v>-0.48091403066534838</c:v>
                </c:pt>
                <c:pt idx="745">
                  <c:v>-0.48768113795632961</c:v>
                </c:pt>
                <c:pt idx="746">
                  <c:v>-0.47538029899711692</c:v>
                </c:pt>
                <c:pt idx="747">
                  <c:v>-0.49225582106135823</c:v>
                </c:pt>
                <c:pt idx="748">
                  <c:v>-0.47414895809936586</c:v>
                </c:pt>
                <c:pt idx="749">
                  <c:v>-0.42324753448848035</c:v>
                </c:pt>
                <c:pt idx="750">
                  <c:v>-0.36663635345350076</c:v>
                </c:pt>
                <c:pt idx="751">
                  <c:v>-0.24045931679284158</c:v>
                </c:pt>
                <c:pt idx="752">
                  <c:v>-4.1737187809774201E-2</c:v>
                </c:pt>
                <c:pt idx="753">
                  <c:v>7.1546875789456982E-2</c:v>
                </c:pt>
                <c:pt idx="754">
                  <c:v>0.23679574235446982</c:v>
                </c:pt>
                <c:pt idx="755">
                  <c:v>0.3387814922463448</c:v>
                </c:pt>
                <c:pt idx="756">
                  <c:v>0.4503830942841151</c:v>
                </c:pt>
                <c:pt idx="757">
                  <c:v>0.5159050227288885</c:v>
                </c:pt>
                <c:pt idx="758">
                  <c:v>0.54723617343831599</c:v>
                </c:pt>
                <c:pt idx="759">
                  <c:v>0.52313394696253457</c:v>
                </c:pt>
                <c:pt idx="760">
                  <c:v>0.52900853440815188</c:v>
                </c:pt>
                <c:pt idx="761">
                  <c:v>0.58445490038904091</c:v>
                </c:pt>
                <c:pt idx="762">
                  <c:v>0.60169892749014564</c:v>
                </c:pt>
                <c:pt idx="763">
                  <c:v>0.61282867817367093</c:v>
                </c:pt>
                <c:pt idx="764">
                  <c:v>0.61970557568413576</c:v>
                </c:pt>
                <c:pt idx="765">
                  <c:v>0.54016425500978682</c:v>
                </c:pt>
                <c:pt idx="766">
                  <c:v>0.488418668359688</c:v>
                </c:pt>
                <c:pt idx="767">
                  <c:v>0.37188925757060637</c:v>
                </c:pt>
                <c:pt idx="768">
                  <c:v>0.22362697916730229</c:v>
                </c:pt>
                <c:pt idx="769">
                  <c:v>9.1329304259596511E-2</c:v>
                </c:pt>
                <c:pt idx="770">
                  <c:v>6.3806750976419926E-2</c:v>
                </c:pt>
                <c:pt idx="771">
                  <c:v>-3.5735004843211245E-2</c:v>
                </c:pt>
                <c:pt idx="772">
                  <c:v>-0.14917790678659634</c:v>
                </c:pt>
                <c:pt idx="773">
                  <c:v>-0.23430091063060324</c:v>
                </c:pt>
                <c:pt idx="774">
                  <c:v>-0.21206549616466169</c:v>
                </c:pt>
                <c:pt idx="775">
                  <c:v>-0.17729038294858609</c:v>
                </c:pt>
                <c:pt idx="776">
                  <c:v>-0.13558987497557365</c:v>
                </c:pt>
                <c:pt idx="777">
                  <c:v>-0.10320424622072392</c:v>
                </c:pt>
                <c:pt idx="778">
                  <c:v>-5.7024569233997291E-2</c:v>
                </c:pt>
                <c:pt idx="779">
                  <c:v>-1.435060071895275E-2</c:v>
                </c:pt>
                <c:pt idx="780">
                  <c:v>-3.6798548665928107E-3</c:v>
                </c:pt>
                <c:pt idx="781">
                  <c:v>4.7694134098932361E-2</c:v>
                </c:pt>
                <c:pt idx="782">
                  <c:v>9.3696539382281313E-2</c:v>
                </c:pt>
                <c:pt idx="783">
                  <c:v>0.20260275235988784</c:v>
                </c:pt>
                <c:pt idx="784">
                  <c:v>0.29767089326320539</c:v>
                </c:pt>
                <c:pt idx="785">
                  <c:v>0.39599014217216505</c:v>
                </c:pt>
                <c:pt idx="786">
                  <c:v>0.50484248846318724</c:v>
                </c:pt>
                <c:pt idx="787">
                  <c:v>0.55003943023891144</c:v>
                </c:pt>
                <c:pt idx="788">
                  <c:v>0.56970630334358141</c:v>
                </c:pt>
                <c:pt idx="789">
                  <c:v>0.54245077952638743</c:v>
                </c:pt>
                <c:pt idx="790">
                  <c:v>0.54770600886273624</c:v>
                </c:pt>
                <c:pt idx="791">
                  <c:v>0.52542835103982688</c:v>
                </c:pt>
                <c:pt idx="792">
                  <c:v>0.45500258564705992</c:v>
                </c:pt>
                <c:pt idx="793">
                  <c:v>0.41227065992470358</c:v>
                </c:pt>
                <c:pt idx="794">
                  <c:v>0.31722808642039152</c:v>
                </c:pt>
                <c:pt idx="795">
                  <c:v>0.22732350310763058</c:v>
                </c:pt>
                <c:pt idx="796">
                  <c:v>0.122244510512627</c:v>
                </c:pt>
                <c:pt idx="797">
                  <c:v>2.2579167276081287E-3</c:v>
                </c:pt>
                <c:pt idx="798">
                  <c:v>-3.4053447031328218E-2</c:v>
                </c:pt>
                <c:pt idx="799">
                  <c:v>-2.1014720837702974E-2</c:v>
                </c:pt>
                <c:pt idx="800">
                  <c:v>-5.4596280717453718E-2</c:v>
                </c:pt>
                <c:pt idx="801">
                  <c:v>-2.380289232767839E-2</c:v>
                </c:pt>
                <c:pt idx="802">
                  <c:v>1.4778622111301662E-2</c:v>
                </c:pt>
                <c:pt idx="803">
                  <c:v>6.9433310944527404E-3</c:v>
                </c:pt>
                <c:pt idx="804">
                  <c:v>-1.2373677697030263E-2</c:v>
                </c:pt>
                <c:pt idx="805">
                  <c:v>2.0372319548523088E-3</c:v>
                </c:pt>
                <c:pt idx="806">
                  <c:v>5.6091628310276281E-2</c:v>
                </c:pt>
                <c:pt idx="807">
                  <c:v>0.14338147564538348</c:v>
                </c:pt>
                <c:pt idx="808">
                  <c:v>0.24330993667394546</c:v>
                </c:pt>
                <c:pt idx="809">
                  <c:v>0.33739150660884737</c:v>
                </c:pt>
                <c:pt idx="810">
                  <c:v>0.36315140648098121</c:v>
                </c:pt>
                <c:pt idx="811">
                  <c:v>0.37234850168045952</c:v>
                </c:pt>
                <c:pt idx="812">
                  <c:v>0.44863043484396836</c:v>
                </c:pt>
                <c:pt idx="813">
                  <c:v>0.43278177966181275</c:v>
                </c:pt>
                <c:pt idx="814">
                  <c:v>0.42841589586911527</c:v>
                </c:pt>
                <c:pt idx="815">
                  <c:v>0.34612496785897334</c:v>
                </c:pt>
                <c:pt idx="816">
                  <c:v>0.25523002494315872</c:v>
                </c:pt>
                <c:pt idx="817">
                  <c:v>0.24654262818950665</c:v>
                </c:pt>
                <c:pt idx="818">
                  <c:v>0.28551943395315055</c:v>
                </c:pt>
                <c:pt idx="819">
                  <c:v>0.35411286147802229</c:v>
                </c:pt>
                <c:pt idx="820">
                  <c:v>0.41118138700798823</c:v>
                </c:pt>
                <c:pt idx="821">
                  <c:v>0.44232060349027102</c:v>
                </c:pt>
                <c:pt idx="822">
                  <c:v>0.4038281215884455</c:v>
                </c:pt>
                <c:pt idx="823">
                  <c:v>0.34812909871871422</c:v>
                </c:pt>
                <c:pt idx="824">
                  <c:v>0.31886250779371816</c:v>
                </c:pt>
                <c:pt idx="825">
                  <c:v>0.26650525094830868</c:v>
                </c:pt>
                <c:pt idx="826">
                  <c:v>0.24163540398387282</c:v>
                </c:pt>
                <c:pt idx="827">
                  <c:v>0.19284427486383637</c:v>
                </c:pt>
                <c:pt idx="828">
                  <c:v>7.5832463737425387E-2</c:v>
                </c:pt>
                <c:pt idx="829">
                  <c:v>-3.7609474822841611E-2</c:v>
                </c:pt>
                <c:pt idx="830">
                  <c:v>-0.19661876426072533</c:v>
                </c:pt>
                <c:pt idx="831">
                  <c:v>-0.22772238714855478</c:v>
                </c:pt>
                <c:pt idx="832">
                  <c:v>-0.20189296679143018</c:v>
                </c:pt>
                <c:pt idx="833">
                  <c:v>-0.22661854564071532</c:v>
                </c:pt>
                <c:pt idx="834">
                  <c:v>-0.30824462228991434</c:v>
                </c:pt>
                <c:pt idx="835">
                  <c:v>-0.42427580265269704</c:v>
                </c:pt>
                <c:pt idx="836">
                  <c:v>-0.4848936260111838</c:v>
                </c:pt>
                <c:pt idx="837">
                  <c:v>-0.54702880403336762</c:v>
                </c:pt>
                <c:pt idx="838">
                  <c:v>-0.63737188421685709</c:v>
                </c:pt>
                <c:pt idx="839">
                  <c:v>-0.71901873897716351</c:v>
                </c:pt>
                <c:pt idx="840">
                  <c:v>-0.76372889868915583</c:v>
                </c:pt>
                <c:pt idx="841">
                  <c:v>-0.81476434860195723</c:v>
                </c:pt>
                <c:pt idx="842">
                  <c:v>-0.90756356693276385</c:v>
                </c:pt>
                <c:pt idx="843">
                  <c:v>-1.0170715858616795</c:v>
                </c:pt>
                <c:pt idx="844">
                  <c:v>-1.1033189667643815</c:v>
                </c:pt>
                <c:pt idx="845">
                  <c:v>-1.2413991050293929</c:v>
                </c:pt>
                <c:pt idx="846">
                  <c:v>-1.2949163043740293</c:v>
                </c:pt>
                <c:pt idx="847">
                  <c:v>-1.3629800556123792</c:v>
                </c:pt>
                <c:pt idx="848">
                  <c:v>-1.4304453703929048</c:v>
                </c:pt>
                <c:pt idx="849">
                  <c:v>-1.5184473401341692</c:v>
                </c:pt>
                <c:pt idx="850">
                  <c:v>-1.590171610209405</c:v>
                </c:pt>
                <c:pt idx="851">
                  <c:v>-1.6089057422530637</c:v>
                </c:pt>
                <c:pt idx="852">
                  <c:v>-1.5688545344123506</c:v>
                </c:pt>
                <c:pt idx="853">
                  <c:v>-1.4257717154221337</c:v>
                </c:pt>
                <c:pt idx="854">
                  <c:v>-1.2674412802692918</c:v>
                </c:pt>
                <c:pt idx="855">
                  <c:v>-1.0801352760808236</c:v>
                </c:pt>
                <c:pt idx="856">
                  <c:v>-0.89026435261614811</c:v>
                </c:pt>
                <c:pt idx="857">
                  <c:v>-0.78557400051816184</c:v>
                </c:pt>
                <c:pt idx="858">
                  <c:v>-0.71104022110852494</c:v>
                </c:pt>
                <c:pt idx="859">
                  <c:v>-0.57930535466251942</c:v>
                </c:pt>
                <c:pt idx="860">
                  <c:v>-0.52259179748707074</c:v>
                </c:pt>
                <c:pt idx="861">
                  <c:v>-0.52518035844945599</c:v>
                </c:pt>
                <c:pt idx="862">
                  <c:v>-0.48484268304415573</c:v>
                </c:pt>
                <c:pt idx="863">
                  <c:v>-0.33908760768984059</c:v>
                </c:pt>
                <c:pt idx="864">
                  <c:v>-0.19265921004245651</c:v>
                </c:pt>
                <c:pt idx="865">
                  <c:v>-2.8276427594226997E-2</c:v>
                </c:pt>
                <c:pt idx="866">
                  <c:v>9.1534894516789256E-2</c:v>
                </c:pt>
                <c:pt idx="867">
                  <c:v>0.16669092313681352</c:v>
                </c:pt>
                <c:pt idx="868">
                  <c:v>0.22600175670224537</c:v>
                </c:pt>
                <c:pt idx="869">
                  <c:v>0.28483454598447266</c:v>
                </c:pt>
                <c:pt idx="870">
                  <c:v>0.2996068597078409</c:v>
                </c:pt>
                <c:pt idx="871">
                  <c:v>0.2419341694251960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3D9B-49DC-9545-DF7CC56C084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97311935"/>
        <c:axId val="897295615"/>
      </c:scatterChart>
      <c:valAx>
        <c:axId val="897311935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ja-JP" altLang="en-US" sz="1800" baseline="0"/>
                  <a:t>時間</a:t>
                </a:r>
                <a:r>
                  <a:rPr lang="en-US" altLang="ja-JP" sz="1800" baseline="0"/>
                  <a:t> [s]</a:t>
                </a:r>
                <a:endParaRPr lang="ja-JP" altLang="en-US" sz="1800" baseline="0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ja-JP" altLang="en-US"/>
            </a:p>
          </c:txPr>
        </c:title>
        <c:numFmt formatCode="General" sourceLinked="1"/>
        <c:majorTickMark val="none"/>
        <c:minorTickMark val="none"/>
        <c:tickLblPos val="low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897295615"/>
        <c:crosses val="autoZero"/>
        <c:crossBetween val="midCat"/>
      </c:valAx>
      <c:valAx>
        <c:axId val="897295615"/>
        <c:scaling>
          <c:orientation val="minMax"/>
          <c:min val="-1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altLang="ja-JP" sz="1800" b="0" i="0" u="none" strike="noStrike" kern="1200" baseline="0">
                    <a:solidFill>
                      <a:sysClr val="windowText" lastClr="000000">
                        <a:lumMod val="65000"/>
                        <a:lumOff val="35000"/>
                      </a:sysClr>
                    </a:solidFill>
                  </a:rPr>
                  <a:t>x</a:t>
                </a:r>
                <a:r>
                  <a:rPr lang="ja-JP" altLang="en-US" sz="1800" b="0" i="0" u="none" strike="noStrike" kern="1200" baseline="0">
                    <a:solidFill>
                      <a:sysClr val="windowText" lastClr="000000">
                        <a:lumMod val="65000"/>
                        <a:lumOff val="35000"/>
                      </a:sysClr>
                    </a:solidFill>
                  </a:rPr>
                  <a:t>方向の</a:t>
                </a:r>
                <a:r>
                  <a:rPr lang="ja-JP" altLang="en-US" sz="1800" baseline="0"/>
                  <a:t>力</a:t>
                </a:r>
                <a:r>
                  <a:rPr lang="en-US" altLang="ja-JP" sz="1800" baseline="0"/>
                  <a:t>  [dyne]</a:t>
                </a:r>
                <a:endParaRPr lang="ja-JP" altLang="en-US" sz="1800" baseline="0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ja-JP" alt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897311935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1982374878507234"/>
          <c:y val="3.7816193877067521E-2"/>
          <c:w val="0.72813164801768182"/>
          <c:h val="0.16789217441347815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8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6216207576225336"/>
          <c:y val="4.3187991972920843E-2"/>
          <c:w val="0.79893032140288833"/>
          <c:h val="0.78054728886103431"/>
        </c:manualLayout>
      </c:layout>
      <c:scatterChart>
        <c:scatterStyle val="lineMarker"/>
        <c:varyColors val="0"/>
        <c:ser>
          <c:idx val="0"/>
          <c:order val="0"/>
          <c:tx>
            <c:strRef>
              <c:f>'力(2秒)'!$H$1</c:f>
              <c:strCache>
                <c:ptCount val="1"/>
                <c:pt idx="0">
                  <c:v>AのFy</c:v>
                </c:pt>
              </c:strCache>
            </c:strRef>
          </c:tx>
          <c:spPr>
            <a:ln w="381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力(2秒)'!$A$2:$A$902</c:f>
              <c:numCache>
                <c:formatCode>General</c:formatCode>
                <c:ptCount val="901"/>
                <c:pt idx="0">
                  <c:v>0</c:v>
                </c:pt>
                <c:pt idx="1">
                  <c:v>3.3333333333333333E-2</c:v>
                </c:pt>
                <c:pt idx="2">
                  <c:v>6.6666666666666666E-2</c:v>
                </c:pt>
                <c:pt idx="3">
                  <c:v>0.1</c:v>
                </c:pt>
                <c:pt idx="4">
                  <c:v>0.13333333333333333</c:v>
                </c:pt>
                <c:pt idx="5">
                  <c:v>0.16666666666666666</c:v>
                </c:pt>
                <c:pt idx="6">
                  <c:v>0.2</c:v>
                </c:pt>
                <c:pt idx="7">
                  <c:v>0.23333333333333334</c:v>
                </c:pt>
                <c:pt idx="8">
                  <c:v>0.26666666666666666</c:v>
                </c:pt>
                <c:pt idx="9">
                  <c:v>0.3</c:v>
                </c:pt>
                <c:pt idx="10">
                  <c:v>0.33333333333333331</c:v>
                </c:pt>
                <c:pt idx="11">
                  <c:v>0.36666666666666664</c:v>
                </c:pt>
                <c:pt idx="12">
                  <c:v>0.4</c:v>
                </c:pt>
                <c:pt idx="13">
                  <c:v>0.43333333333333335</c:v>
                </c:pt>
                <c:pt idx="14">
                  <c:v>0.46666666666666667</c:v>
                </c:pt>
                <c:pt idx="15">
                  <c:v>0.5</c:v>
                </c:pt>
                <c:pt idx="16">
                  <c:v>0.53333333333333333</c:v>
                </c:pt>
                <c:pt idx="17">
                  <c:v>0.56666666666666665</c:v>
                </c:pt>
                <c:pt idx="18">
                  <c:v>0.6</c:v>
                </c:pt>
                <c:pt idx="19">
                  <c:v>0.6333333333333333</c:v>
                </c:pt>
                <c:pt idx="20">
                  <c:v>0.66666666666666663</c:v>
                </c:pt>
                <c:pt idx="21">
                  <c:v>0.7</c:v>
                </c:pt>
                <c:pt idx="22">
                  <c:v>0.73333333333333328</c:v>
                </c:pt>
                <c:pt idx="23">
                  <c:v>0.76666666666666672</c:v>
                </c:pt>
                <c:pt idx="24">
                  <c:v>0.8</c:v>
                </c:pt>
                <c:pt idx="25">
                  <c:v>0.83333333333333337</c:v>
                </c:pt>
                <c:pt idx="26">
                  <c:v>0.8666666666666667</c:v>
                </c:pt>
                <c:pt idx="27">
                  <c:v>0.9</c:v>
                </c:pt>
                <c:pt idx="28">
                  <c:v>0.93333333333333335</c:v>
                </c:pt>
                <c:pt idx="29">
                  <c:v>0.96666666666666667</c:v>
                </c:pt>
                <c:pt idx="30">
                  <c:v>1</c:v>
                </c:pt>
                <c:pt idx="31">
                  <c:v>1.0333333333333334</c:v>
                </c:pt>
                <c:pt idx="32">
                  <c:v>1.0666666666666667</c:v>
                </c:pt>
                <c:pt idx="33">
                  <c:v>1.1000000000000001</c:v>
                </c:pt>
                <c:pt idx="34">
                  <c:v>1.1333333333333333</c:v>
                </c:pt>
                <c:pt idx="35">
                  <c:v>1.1666666666666667</c:v>
                </c:pt>
                <c:pt idx="36">
                  <c:v>1.2</c:v>
                </c:pt>
                <c:pt idx="37">
                  <c:v>1.2333333333333334</c:v>
                </c:pt>
                <c:pt idx="38">
                  <c:v>1.2666666666666666</c:v>
                </c:pt>
                <c:pt idx="39">
                  <c:v>1.3</c:v>
                </c:pt>
                <c:pt idx="40">
                  <c:v>1.3333333333333333</c:v>
                </c:pt>
                <c:pt idx="41">
                  <c:v>1.3666666666666667</c:v>
                </c:pt>
                <c:pt idx="42">
                  <c:v>1.4</c:v>
                </c:pt>
                <c:pt idx="43">
                  <c:v>1.4333333333333333</c:v>
                </c:pt>
                <c:pt idx="44">
                  <c:v>1.4666666666666666</c:v>
                </c:pt>
                <c:pt idx="45">
                  <c:v>1.5</c:v>
                </c:pt>
                <c:pt idx="46">
                  <c:v>1.5333333333333334</c:v>
                </c:pt>
                <c:pt idx="47">
                  <c:v>1.5666666666666667</c:v>
                </c:pt>
                <c:pt idx="48">
                  <c:v>1.6</c:v>
                </c:pt>
                <c:pt idx="49">
                  <c:v>1.6333333333333333</c:v>
                </c:pt>
                <c:pt idx="50">
                  <c:v>1.6666666666666667</c:v>
                </c:pt>
                <c:pt idx="51">
                  <c:v>1.7</c:v>
                </c:pt>
                <c:pt idx="52">
                  <c:v>1.7333333333333334</c:v>
                </c:pt>
                <c:pt idx="53">
                  <c:v>1.7666666666666666</c:v>
                </c:pt>
                <c:pt idx="54">
                  <c:v>1.8</c:v>
                </c:pt>
                <c:pt idx="55">
                  <c:v>1.8333333333333333</c:v>
                </c:pt>
                <c:pt idx="56">
                  <c:v>1.8666666666666667</c:v>
                </c:pt>
                <c:pt idx="57">
                  <c:v>1.9</c:v>
                </c:pt>
                <c:pt idx="58">
                  <c:v>1.9333333333333333</c:v>
                </c:pt>
                <c:pt idx="59">
                  <c:v>1.9666666666666666</c:v>
                </c:pt>
                <c:pt idx="60">
                  <c:v>2</c:v>
                </c:pt>
                <c:pt idx="61">
                  <c:v>2.0333333333333332</c:v>
                </c:pt>
                <c:pt idx="62">
                  <c:v>2.0666666666666669</c:v>
                </c:pt>
                <c:pt idx="63">
                  <c:v>2.1</c:v>
                </c:pt>
                <c:pt idx="64">
                  <c:v>2.1333333333333333</c:v>
                </c:pt>
                <c:pt idx="65">
                  <c:v>2.1666666666666665</c:v>
                </c:pt>
                <c:pt idx="66">
                  <c:v>2.2000000000000002</c:v>
                </c:pt>
                <c:pt idx="67">
                  <c:v>2.2333333333333334</c:v>
                </c:pt>
                <c:pt idx="68">
                  <c:v>2.2666666666666666</c:v>
                </c:pt>
                <c:pt idx="69">
                  <c:v>2.2999999999999998</c:v>
                </c:pt>
                <c:pt idx="70">
                  <c:v>2.3333333333333335</c:v>
                </c:pt>
                <c:pt idx="71">
                  <c:v>2.3666666666666667</c:v>
                </c:pt>
                <c:pt idx="72">
                  <c:v>2.4</c:v>
                </c:pt>
                <c:pt idx="73">
                  <c:v>2.4333333333333331</c:v>
                </c:pt>
                <c:pt idx="74">
                  <c:v>2.4666666666666668</c:v>
                </c:pt>
                <c:pt idx="75">
                  <c:v>2.5</c:v>
                </c:pt>
                <c:pt idx="76">
                  <c:v>2.5333333333333332</c:v>
                </c:pt>
                <c:pt idx="77">
                  <c:v>2.5666666666666669</c:v>
                </c:pt>
                <c:pt idx="78">
                  <c:v>2.6</c:v>
                </c:pt>
                <c:pt idx="79">
                  <c:v>2.6333333333333333</c:v>
                </c:pt>
                <c:pt idx="80">
                  <c:v>2.6666666666666665</c:v>
                </c:pt>
                <c:pt idx="81">
                  <c:v>2.7</c:v>
                </c:pt>
                <c:pt idx="82">
                  <c:v>2.7333333333333334</c:v>
                </c:pt>
                <c:pt idx="83">
                  <c:v>2.7666666666666666</c:v>
                </c:pt>
                <c:pt idx="84">
                  <c:v>2.8</c:v>
                </c:pt>
                <c:pt idx="85">
                  <c:v>2.8333333333333335</c:v>
                </c:pt>
                <c:pt idx="86">
                  <c:v>2.8666666666666667</c:v>
                </c:pt>
                <c:pt idx="87">
                  <c:v>2.9</c:v>
                </c:pt>
                <c:pt idx="88">
                  <c:v>2.9333333333333331</c:v>
                </c:pt>
                <c:pt idx="89">
                  <c:v>2.9666666666666668</c:v>
                </c:pt>
                <c:pt idx="90">
                  <c:v>3</c:v>
                </c:pt>
                <c:pt idx="91">
                  <c:v>3.0333333333333332</c:v>
                </c:pt>
                <c:pt idx="92">
                  <c:v>3.0666666666666669</c:v>
                </c:pt>
                <c:pt idx="93">
                  <c:v>3.1</c:v>
                </c:pt>
                <c:pt idx="94">
                  <c:v>3.1333333333333333</c:v>
                </c:pt>
                <c:pt idx="95">
                  <c:v>3.1666666666666665</c:v>
                </c:pt>
                <c:pt idx="96">
                  <c:v>3.2</c:v>
                </c:pt>
                <c:pt idx="97">
                  <c:v>3.2333333333333334</c:v>
                </c:pt>
                <c:pt idx="98">
                  <c:v>3.2666666666666666</c:v>
                </c:pt>
                <c:pt idx="99">
                  <c:v>3.3</c:v>
                </c:pt>
                <c:pt idx="100">
                  <c:v>3.3333333333333335</c:v>
                </c:pt>
                <c:pt idx="101">
                  <c:v>3.3666666666666667</c:v>
                </c:pt>
                <c:pt idx="102">
                  <c:v>3.4</c:v>
                </c:pt>
                <c:pt idx="103">
                  <c:v>3.4333333333333331</c:v>
                </c:pt>
                <c:pt idx="104">
                  <c:v>3.4666666666666668</c:v>
                </c:pt>
                <c:pt idx="105">
                  <c:v>3.5</c:v>
                </c:pt>
                <c:pt idx="106">
                  <c:v>3.5333333333333332</c:v>
                </c:pt>
                <c:pt idx="107">
                  <c:v>3.5666666666666669</c:v>
                </c:pt>
                <c:pt idx="108">
                  <c:v>3.6</c:v>
                </c:pt>
                <c:pt idx="109">
                  <c:v>3.6333333333333333</c:v>
                </c:pt>
                <c:pt idx="110">
                  <c:v>3.6666666666666665</c:v>
                </c:pt>
                <c:pt idx="111">
                  <c:v>3.7</c:v>
                </c:pt>
                <c:pt idx="112">
                  <c:v>3.7333333333333334</c:v>
                </c:pt>
                <c:pt idx="113">
                  <c:v>3.7666666666666666</c:v>
                </c:pt>
                <c:pt idx="114">
                  <c:v>3.8</c:v>
                </c:pt>
                <c:pt idx="115">
                  <c:v>3.8333333333333335</c:v>
                </c:pt>
                <c:pt idx="116">
                  <c:v>3.8666666666666667</c:v>
                </c:pt>
                <c:pt idx="117">
                  <c:v>3.9</c:v>
                </c:pt>
                <c:pt idx="118">
                  <c:v>3.9333333333333331</c:v>
                </c:pt>
                <c:pt idx="119">
                  <c:v>3.9666666666666668</c:v>
                </c:pt>
                <c:pt idx="120">
                  <c:v>4</c:v>
                </c:pt>
                <c:pt idx="121">
                  <c:v>4.0333333333333332</c:v>
                </c:pt>
                <c:pt idx="122">
                  <c:v>4.0666666666666664</c:v>
                </c:pt>
                <c:pt idx="123">
                  <c:v>4.0999999999999996</c:v>
                </c:pt>
                <c:pt idx="124">
                  <c:v>4.1333333333333337</c:v>
                </c:pt>
                <c:pt idx="125">
                  <c:v>4.166666666666667</c:v>
                </c:pt>
                <c:pt idx="126">
                  <c:v>4.2</c:v>
                </c:pt>
                <c:pt idx="127">
                  <c:v>4.2333333333333334</c:v>
                </c:pt>
                <c:pt idx="128">
                  <c:v>4.2666666666666666</c:v>
                </c:pt>
                <c:pt idx="129">
                  <c:v>4.3</c:v>
                </c:pt>
                <c:pt idx="130">
                  <c:v>4.333333333333333</c:v>
                </c:pt>
                <c:pt idx="131">
                  <c:v>4.3666666666666663</c:v>
                </c:pt>
                <c:pt idx="132">
                  <c:v>4.4000000000000004</c:v>
                </c:pt>
                <c:pt idx="133">
                  <c:v>4.4333333333333336</c:v>
                </c:pt>
                <c:pt idx="134">
                  <c:v>4.4666666666666668</c:v>
                </c:pt>
                <c:pt idx="135">
                  <c:v>4.5</c:v>
                </c:pt>
                <c:pt idx="136">
                  <c:v>4.5333333333333332</c:v>
                </c:pt>
                <c:pt idx="137">
                  <c:v>4.5666666666666664</c:v>
                </c:pt>
                <c:pt idx="138">
                  <c:v>4.5999999999999996</c:v>
                </c:pt>
                <c:pt idx="139">
                  <c:v>4.6333333333333337</c:v>
                </c:pt>
                <c:pt idx="140">
                  <c:v>4.666666666666667</c:v>
                </c:pt>
                <c:pt idx="141">
                  <c:v>4.7</c:v>
                </c:pt>
                <c:pt idx="142">
                  <c:v>4.7333333333333334</c:v>
                </c:pt>
                <c:pt idx="143">
                  <c:v>4.7666666666666666</c:v>
                </c:pt>
                <c:pt idx="144">
                  <c:v>4.8</c:v>
                </c:pt>
                <c:pt idx="145">
                  <c:v>4.833333333333333</c:v>
                </c:pt>
                <c:pt idx="146">
                  <c:v>4.8666666666666663</c:v>
                </c:pt>
                <c:pt idx="147">
                  <c:v>4.9000000000000004</c:v>
                </c:pt>
                <c:pt idx="148">
                  <c:v>4.9333333333333336</c:v>
                </c:pt>
                <c:pt idx="149">
                  <c:v>4.9666666666666668</c:v>
                </c:pt>
                <c:pt idx="150">
                  <c:v>5</c:v>
                </c:pt>
                <c:pt idx="151">
                  <c:v>5.0333333333333332</c:v>
                </c:pt>
                <c:pt idx="152">
                  <c:v>5.0666666666666664</c:v>
                </c:pt>
                <c:pt idx="153">
                  <c:v>5.0999999999999996</c:v>
                </c:pt>
                <c:pt idx="154">
                  <c:v>5.1333333333333337</c:v>
                </c:pt>
                <c:pt idx="155">
                  <c:v>5.166666666666667</c:v>
                </c:pt>
                <c:pt idx="156">
                  <c:v>5.2</c:v>
                </c:pt>
                <c:pt idx="157">
                  <c:v>5.2333333333333334</c:v>
                </c:pt>
                <c:pt idx="158">
                  <c:v>5.2666666666666666</c:v>
                </c:pt>
                <c:pt idx="159">
                  <c:v>5.3</c:v>
                </c:pt>
                <c:pt idx="160">
                  <c:v>5.333333333333333</c:v>
                </c:pt>
                <c:pt idx="161">
                  <c:v>5.3666666666666663</c:v>
                </c:pt>
                <c:pt idx="162">
                  <c:v>5.4</c:v>
                </c:pt>
                <c:pt idx="163">
                  <c:v>5.4333333333333336</c:v>
                </c:pt>
                <c:pt idx="164">
                  <c:v>5.4666666666666668</c:v>
                </c:pt>
                <c:pt idx="165">
                  <c:v>5.5</c:v>
                </c:pt>
                <c:pt idx="166">
                  <c:v>5.5333333333333332</c:v>
                </c:pt>
                <c:pt idx="167">
                  <c:v>5.5666666666666664</c:v>
                </c:pt>
                <c:pt idx="168">
                  <c:v>5.6</c:v>
                </c:pt>
                <c:pt idx="169">
                  <c:v>5.6333333333333337</c:v>
                </c:pt>
                <c:pt idx="170">
                  <c:v>5.666666666666667</c:v>
                </c:pt>
                <c:pt idx="171">
                  <c:v>5.7</c:v>
                </c:pt>
                <c:pt idx="172">
                  <c:v>5.7333333333333334</c:v>
                </c:pt>
                <c:pt idx="173">
                  <c:v>5.7666666666666666</c:v>
                </c:pt>
                <c:pt idx="174">
                  <c:v>5.8</c:v>
                </c:pt>
                <c:pt idx="175">
                  <c:v>5.833333333333333</c:v>
                </c:pt>
                <c:pt idx="176">
                  <c:v>5.8666666666666663</c:v>
                </c:pt>
                <c:pt idx="177">
                  <c:v>5.9</c:v>
                </c:pt>
                <c:pt idx="178">
                  <c:v>5.9333333333333336</c:v>
                </c:pt>
                <c:pt idx="179">
                  <c:v>5.9666666666666668</c:v>
                </c:pt>
                <c:pt idx="180">
                  <c:v>6</c:v>
                </c:pt>
                <c:pt idx="181">
                  <c:v>6.0333333333333332</c:v>
                </c:pt>
                <c:pt idx="182">
                  <c:v>6.0666666666666664</c:v>
                </c:pt>
                <c:pt idx="183">
                  <c:v>6.1</c:v>
                </c:pt>
                <c:pt idx="184">
                  <c:v>6.1333333333333337</c:v>
                </c:pt>
                <c:pt idx="185">
                  <c:v>6.166666666666667</c:v>
                </c:pt>
                <c:pt idx="186">
                  <c:v>6.2</c:v>
                </c:pt>
                <c:pt idx="187">
                  <c:v>6.2333333333333334</c:v>
                </c:pt>
                <c:pt idx="188">
                  <c:v>6.2666666666666666</c:v>
                </c:pt>
                <c:pt idx="189">
                  <c:v>6.3</c:v>
                </c:pt>
                <c:pt idx="190">
                  <c:v>6.333333333333333</c:v>
                </c:pt>
                <c:pt idx="191">
                  <c:v>6.3666666666666663</c:v>
                </c:pt>
                <c:pt idx="192">
                  <c:v>6.4</c:v>
                </c:pt>
                <c:pt idx="193">
                  <c:v>6.4333333333333336</c:v>
                </c:pt>
                <c:pt idx="194">
                  <c:v>6.4666666666666668</c:v>
                </c:pt>
                <c:pt idx="195">
                  <c:v>6.5</c:v>
                </c:pt>
                <c:pt idx="196">
                  <c:v>6.5333333333333332</c:v>
                </c:pt>
                <c:pt idx="197">
                  <c:v>6.5666666666666664</c:v>
                </c:pt>
                <c:pt idx="198">
                  <c:v>6.6</c:v>
                </c:pt>
                <c:pt idx="199">
                  <c:v>6.6333333333333337</c:v>
                </c:pt>
                <c:pt idx="200">
                  <c:v>6.666666666666667</c:v>
                </c:pt>
                <c:pt idx="201">
                  <c:v>6.7</c:v>
                </c:pt>
                <c:pt idx="202">
                  <c:v>6.7333333333333334</c:v>
                </c:pt>
                <c:pt idx="203">
                  <c:v>6.7666666666666666</c:v>
                </c:pt>
                <c:pt idx="204">
                  <c:v>6.8</c:v>
                </c:pt>
                <c:pt idx="205">
                  <c:v>6.833333333333333</c:v>
                </c:pt>
                <c:pt idx="206">
                  <c:v>6.8666666666666663</c:v>
                </c:pt>
                <c:pt idx="207">
                  <c:v>6.9</c:v>
                </c:pt>
                <c:pt idx="208">
                  <c:v>6.9333333333333336</c:v>
                </c:pt>
                <c:pt idx="209">
                  <c:v>6.9666666666666668</c:v>
                </c:pt>
                <c:pt idx="210">
                  <c:v>7</c:v>
                </c:pt>
                <c:pt idx="211">
                  <c:v>7.0333333333333332</c:v>
                </c:pt>
                <c:pt idx="212">
                  <c:v>7.0666666666666664</c:v>
                </c:pt>
                <c:pt idx="213">
                  <c:v>7.1</c:v>
                </c:pt>
                <c:pt idx="214">
                  <c:v>7.1333333333333337</c:v>
                </c:pt>
                <c:pt idx="215">
                  <c:v>7.166666666666667</c:v>
                </c:pt>
                <c:pt idx="216">
                  <c:v>7.2</c:v>
                </c:pt>
                <c:pt idx="217">
                  <c:v>7.2333333333333334</c:v>
                </c:pt>
                <c:pt idx="218">
                  <c:v>7.2666666666666666</c:v>
                </c:pt>
                <c:pt idx="219">
                  <c:v>7.3</c:v>
                </c:pt>
                <c:pt idx="220">
                  <c:v>7.333333333333333</c:v>
                </c:pt>
                <c:pt idx="221">
                  <c:v>7.3666666666666663</c:v>
                </c:pt>
                <c:pt idx="222">
                  <c:v>7.4</c:v>
                </c:pt>
                <c:pt idx="223">
                  <c:v>7.4333333333333336</c:v>
                </c:pt>
                <c:pt idx="224">
                  <c:v>7.4666666666666668</c:v>
                </c:pt>
                <c:pt idx="225">
                  <c:v>7.5</c:v>
                </c:pt>
                <c:pt idx="226">
                  <c:v>7.5333333333333332</c:v>
                </c:pt>
                <c:pt idx="227">
                  <c:v>7.5666666666666664</c:v>
                </c:pt>
                <c:pt idx="228">
                  <c:v>7.6</c:v>
                </c:pt>
                <c:pt idx="229">
                  <c:v>7.6333333333333337</c:v>
                </c:pt>
                <c:pt idx="230">
                  <c:v>7.666666666666667</c:v>
                </c:pt>
                <c:pt idx="231">
                  <c:v>7.7</c:v>
                </c:pt>
                <c:pt idx="232">
                  <c:v>7.7333333333333334</c:v>
                </c:pt>
                <c:pt idx="233">
                  <c:v>7.7666666666666666</c:v>
                </c:pt>
                <c:pt idx="234">
                  <c:v>7.8</c:v>
                </c:pt>
                <c:pt idx="235">
                  <c:v>7.833333333333333</c:v>
                </c:pt>
                <c:pt idx="236">
                  <c:v>7.8666666666666663</c:v>
                </c:pt>
                <c:pt idx="237">
                  <c:v>7.9</c:v>
                </c:pt>
                <c:pt idx="238">
                  <c:v>7.9333333333333336</c:v>
                </c:pt>
                <c:pt idx="239">
                  <c:v>7.9666666666666668</c:v>
                </c:pt>
                <c:pt idx="240">
                  <c:v>8</c:v>
                </c:pt>
                <c:pt idx="241">
                  <c:v>8.0333333333333332</c:v>
                </c:pt>
                <c:pt idx="242">
                  <c:v>8.0666666666666664</c:v>
                </c:pt>
                <c:pt idx="243">
                  <c:v>8.1</c:v>
                </c:pt>
                <c:pt idx="244">
                  <c:v>8.1333333333333329</c:v>
                </c:pt>
                <c:pt idx="245">
                  <c:v>8.1666666666666661</c:v>
                </c:pt>
                <c:pt idx="246">
                  <c:v>8.1999999999999993</c:v>
                </c:pt>
                <c:pt idx="247">
                  <c:v>8.2333333333333325</c:v>
                </c:pt>
                <c:pt idx="248">
                  <c:v>8.2666666666666675</c:v>
                </c:pt>
                <c:pt idx="249">
                  <c:v>8.3000000000000007</c:v>
                </c:pt>
                <c:pt idx="250">
                  <c:v>8.3333333333333339</c:v>
                </c:pt>
                <c:pt idx="251">
                  <c:v>8.3666666666666671</c:v>
                </c:pt>
                <c:pt idx="252">
                  <c:v>8.4</c:v>
                </c:pt>
                <c:pt idx="253">
                  <c:v>8.4333333333333336</c:v>
                </c:pt>
                <c:pt idx="254">
                  <c:v>8.4666666666666668</c:v>
                </c:pt>
                <c:pt idx="255">
                  <c:v>8.5</c:v>
                </c:pt>
                <c:pt idx="256">
                  <c:v>8.5333333333333332</c:v>
                </c:pt>
                <c:pt idx="257">
                  <c:v>8.5666666666666664</c:v>
                </c:pt>
                <c:pt idx="258">
                  <c:v>8.6</c:v>
                </c:pt>
                <c:pt idx="259">
                  <c:v>8.6333333333333329</c:v>
                </c:pt>
                <c:pt idx="260">
                  <c:v>8.6666666666666661</c:v>
                </c:pt>
                <c:pt idx="261">
                  <c:v>8.6999999999999993</c:v>
                </c:pt>
                <c:pt idx="262">
                  <c:v>8.7333333333333325</c:v>
                </c:pt>
                <c:pt idx="263">
                  <c:v>8.7666666666666675</c:v>
                </c:pt>
                <c:pt idx="264">
                  <c:v>8.8000000000000007</c:v>
                </c:pt>
                <c:pt idx="265">
                  <c:v>8.8333333333333339</c:v>
                </c:pt>
                <c:pt idx="266">
                  <c:v>8.8666666666666671</c:v>
                </c:pt>
                <c:pt idx="267">
                  <c:v>8.9</c:v>
                </c:pt>
                <c:pt idx="268">
                  <c:v>8.9333333333333336</c:v>
                </c:pt>
                <c:pt idx="269">
                  <c:v>8.9666666666666668</c:v>
                </c:pt>
                <c:pt idx="270">
                  <c:v>9</c:v>
                </c:pt>
                <c:pt idx="271">
                  <c:v>9.0333333333333332</c:v>
                </c:pt>
                <c:pt idx="272">
                  <c:v>9.0666666666666664</c:v>
                </c:pt>
                <c:pt idx="273">
                  <c:v>9.1</c:v>
                </c:pt>
                <c:pt idx="274">
                  <c:v>9.1333333333333329</c:v>
                </c:pt>
                <c:pt idx="275">
                  <c:v>9.1666666666666661</c:v>
                </c:pt>
                <c:pt idx="276">
                  <c:v>9.1999999999999993</c:v>
                </c:pt>
                <c:pt idx="277">
                  <c:v>9.2333333333333325</c:v>
                </c:pt>
                <c:pt idx="278">
                  <c:v>9.2666666666666675</c:v>
                </c:pt>
                <c:pt idx="279">
                  <c:v>9.3000000000000007</c:v>
                </c:pt>
                <c:pt idx="280">
                  <c:v>9.3333333333333339</c:v>
                </c:pt>
                <c:pt idx="281">
                  <c:v>9.3666666666666671</c:v>
                </c:pt>
                <c:pt idx="282">
                  <c:v>9.4</c:v>
                </c:pt>
                <c:pt idx="283">
                  <c:v>9.4333333333333336</c:v>
                </c:pt>
                <c:pt idx="284">
                  <c:v>9.4666666666666668</c:v>
                </c:pt>
                <c:pt idx="285">
                  <c:v>9.5</c:v>
                </c:pt>
                <c:pt idx="286">
                  <c:v>9.5333333333333332</c:v>
                </c:pt>
                <c:pt idx="287">
                  <c:v>9.5666666666666664</c:v>
                </c:pt>
                <c:pt idx="288">
                  <c:v>9.6</c:v>
                </c:pt>
                <c:pt idx="289">
                  <c:v>9.6333333333333329</c:v>
                </c:pt>
                <c:pt idx="290">
                  <c:v>9.6666666666666661</c:v>
                </c:pt>
                <c:pt idx="291">
                  <c:v>9.6999999999999993</c:v>
                </c:pt>
                <c:pt idx="292">
                  <c:v>9.7333333333333325</c:v>
                </c:pt>
                <c:pt idx="293">
                  <c:v>9.7666666666666675</c:v>
                </c:pt>
                <c:pt idx="294">
                  <c:v>9.8000000000000007</c:v>
                </c:pt>
                <c:pt idx="295">
                  <c:v>9.8333333333333339</c:v>
                </c:pt>
                <c:pt idx="296">
                  <c:v>9.8666666666666671</c:v>
                </c:pt>
                <c:pt idx="297">
                  <c:v>9.9</c:v>
                </c:pt>
                <c:pt idx="298">
                  <c:v>9.9333333333333336</c:v>
                </c:pt>
                <c:pt idx="299">
                  <c:v>9.9666666666666668</c:v>
                </c:pt>
                <c:pt idx="300">
                  <c:v>10</c:v>
                </c:pt>
                <c:pt idx="301">
                  <c:v>10.033333333333333</c:v>
                </c:pt>
                <c:pt idx="302">
                  <c:v>10.066666666666666</c:v>
                </c:pt>
                <c:pt idx="303">
                  <c:v>10.1</c:v>
                </c:pt>
                <c:pt idx="304">
                  <c:v>10.133333333333333</c:v>
                </c:pt>
                <c:pt idx="305">
                  <c:v>10.166666666666666</c:v>
                </c:pt>
                <c:pt idx="306">
                  <c:v>10.199999999999999</c:v>
                </c:pt>
                <c:pt idx="307">
                  <c:v>10.233333333333333</c:v>
                </c:pt>
                <c:pt idx="308">
                  <c:v>10.266666666666667</c:v>
                </c:pt>
                <c:pt idx="309">
                  <c:v>10.3</c:v>
                </c:pt>
                <c:pt idx="310">
                  <c:v>10.333333333333334</c:v>
                </c:pt>
                <c:pt idx="311">
                  <c:v>10.366666666666667</c:v>
                </c:pt>
                <c:pt idx="312">
                  <c:v>10.4</c:v>
                </c:pt>
                <c:pt idx="313">
                  <c:v>10.433333333333334</c:v>
                </c:pt>
                <c:pt idx="314">
                  <c:v>10.466666666666667</c:v>
                </c:pt>
                <c:pt idx="315">
                  <c:v>10.5</c:v>
                </c:pt>
                <c:pt idx="316">
                  <c:v>10.533333333333333</c:v>
                </c:pt>
                <c:pt idx="317">
                  <c:v>10.566666666666666</c:v>
                </c:pt>
                <c:pt idx="318">
                  <c:v>10.6</c:v>
                </c:pt>
                <c:pt idx="319">
                  <c:v>10.633333333333333</c:v>
                </c:pt>
                <c:pt idx="320">
                  <c:v>10.666666666666666</c:v>
                </c:pt>
                <c:pt idx="321">
                  <c:v>10.7</c:v>
                </c:pt>
                <c:pt idx="322">
                  <c:v>10.733333333333333</c:v>
                </c:pt>
                <c:pt idx="323">
                  <c:v>10.766666666666667</c:v>
                </c:pt>
                <c:pt idx="324">
                  <c:v>10.8</c:v>
                </c:pt>
                <c:pt idx="325">
                  <c:v>10.833333333333334</c:v>
                </c:pt>
                <c:pt idx="326">
                  <c:v>10.866666666666667</c:v>
                </c:pt>
                <c:pt idx="327">
                  <c:v>10.9</c:v>
                </c:pt>
                <c:pt idx="328">
                  <c:v>10.933333333333334</c:v>
                </c:pt>
                <c:pt idx="329">
                  <c:v>10.966666666666667</c:v>
                </c:pt>
                <c:pt idx="330">
                  <c:v>11</c:v>
                </c:pt>
                <c:pt idx="331">
                  <c:v>11.033333333333333</c:v>
                </c:pt>
                <c:pt idx="332">
                  <c:v>11.066666666666666</c:v>
                </c:pt>
                <c:pt idx="333">
                  <c:v>11.1</c:v>
                </c:pt>
                <c:pt idx="334">
                  <c:v>11.133333333333333</c:v>
                </c:pt>
                <c:pt idx="335">
                  <c:v>11.166666666666666</c:v>
                </c:pt>
                <c:pt idx="336">
                  <c:v>11.2</c:v>
                </c:pt>
                <c:pt idx="337">
                  <c:v>11.233333333333333</c:v>
                </c:pt>
                <c:pt idx="338">
                  <c:v>11.266666666666667</c:v>
                </c:pt>
                <c:pt idx="339">
                  <c:v>11.3</c:v>
                </c:pt>
                <c:pt idx="340">
                  <c:v>11.333333333333334</c:v>
                </c:pt>
                <c:pt idx="341">
                  <c:v>11.366666666666667</c:v>
                </c:pt>
                <c:pt idx="342">
                  <c:v>11.4</c:v>
                </c:pt>
                <c:pt idx="343">
                  <c:v>11.433333333333334</c:v>
                </c:pt>
                <c:pt idx="344">
                  <c:v>11.466666666666667</c:v>
                </c:pt>
                <c:pt idx="345">
                  <c:v>11.5</c:v>
                </c:pt>
                <c:pt idx="346">
                  <c:v>11.533333333333333</c:v>
                </c:pt>
                <c:pt idx="347">
                  <c:v>11.566666666666666</c:v>
                </c:pt>
                <c:pt idx="348">
                  <c:v>11.6</c:v>
                </c:pt>
                <c:pt idx="349">
                  <c:v>11.633333333333333</c:v>
                </c:pt>
                <c:pt idx="350">
                  <c:v>11.666666666666666</c:v>
                </c:pt>
                <c:pt idx="351">
                  <c:v>11.7</c:v>
                </c:pt>
                <c:pt idx="352">
                  <c:v>11.733333333333333</c:v>
                </c:pt>
                <c:pt idx="353">
                  <c:v>11.766666666666667</c:v>
                </c:pt>
                <c:pt idx="354">
                  <c:v>11.8</c:v>
                </c:pt>
                <c:pt idx="355">
                  <c:v>11.833333333333334</c:v>
                </c:pt>
                <c:pt idx="356">
                  <c:v>11.866666666666667</c:v>
                </c:pt>
                <c:pt idx="357">
                  <c:v>11.9</c:v>
                </c:pt>
                <c:pt idx="358">
                  <c:v>11.933333333333334</c:v>
                </c:pt>
                <c:pt idx="359">
                  <c:v>11.966666666666667</c:v>
                </c:pt>
                <c:pt idx="360">
                  <c:v>12</c:v>
                </c:pt>
                <c:pt idx="361">
                  <c:v>12.033333333333333</c:v>
                </c:pt>
                <c:pt idx="362">
                  <c:v>12.066666666666666</c:v>
                </c:pt>
                <c:pt idx="363">
                  <c:v>12.1</c:v>
                </c:pt>
                <c:pt idx="364">
                  <c:v>12.133333333333333</c:v>
                </c:pt>
                <c:pt idx="365">
                  <c:v>12.166666666666666</c:v>
                </c:pt>
                <c:pt idx="366">
                  <c:v>12.2</c:v>
                </c:pt>
                <c:pt idx="367">
                  <c:v>12.233333333333333</c:v>
                </c:pt>
                <c:pt idx="368">
                  <c:v>12.266666666666667</c:v>
                </c:pt>
                <c:pt idx="369">
                  <c:v>12.3</c:v>
                </c:pt>
                <c:pt idx="370">
                  <c:v>12.333333333333334</c:v>
                </c:pt>
                <c:pt idx="371">
                  <c:v>12.366666666666667</c:v>
                </c:pt>
                <c:pt idx="372">
                  <c:v>12.4</c:v>
                </c:pt>
                <c:pt idx="373">
                  <c:v>12.433333333333334</c:v>
                </c:pt>
                <c:pt idx="374">
                  <c:v>12.466666666666667</c:v>
                </c:pt>
                <c:pt idx="375">
                  <c:v>12.5</c:v>
                </c:pt>
                <c:pt idx="376">
                  <c:v>12.533333333333333</c:v>
                </c:pt>
                <c:pt idx="377">
                  <c:v>12.566666666666666</c:v>
                </c:pt>
                <c:pt idx="378">
                  <c:v>12.6</c:v>
                </c:pt>
                <c:pt idx="379">
                  <c:v>12.633333333333333</c:v>
                </c:pt>
                <c:pt idx="380">
                  <c:v>12.666666666666666</c:v>
                </c:pt>
                <c:pt idx="381">
                  <c:v>12.7</c:v>
                </c:pt>
                <c:pt idx="382">
                  <c:v>12.733333333333333</c:v>
                </c:pt>
                <c:pt idx="383">
                  <c:v>12.766666666666667</c:v>
                </c:pt>
                <c:pt idx="384">
                  <c:v>12.8</c:v>
                </c:pt>
                <c:pt idx="385">
                  <c:v>12.833333333333334</c:v>
                </c:pt>
                <c:pt idx="386">
                  <c:v>12.866666666666667</c:v>
                </c:pt>
                <c:pt idx="387">
                  <c:v>12.9</c:v>
                </c:pt>
                <c:pt idx="388">
                  <c:v>12.933333333333334</c:v>
                </c:pt>
                <c:pt idx="389">
                  <c:v>12.966666666666667</c:v>
                </c:pt>
                <c:pt idx="390">
                  <c:v>13</c:v>
                </c:pt>
                <c:pt idx="391">
                  <c:v>13.033333333333333</c:v>
                </c:pt>
                <c:pt idx="392">
                  <c:v>13.066666666666666</c:v>
                </c:pt>
                <c:pt idx="393">
                  <c:v>13.1</c:v>
                </c:pt>
                <c:pt idx="394">
                  <c:v>13.133333333333333</c:v>
                </c:pt>
                <c:pt idx="395">
                  <c:v>13.166666666666666</c:v>
                </c:pt>
                <c:pt idx="396">
                  <c:v>13.2</c:v>
                </c:pt>
                <c:pt idx="397">
                  <c:v>13.233333333333333</c:v>
                </c:pt>
                <c:pt idx="398">
                  <c:v>13.266666666666667</c:v>
                </c:pt>
                <c:pt idx="399">
                  <c:v>13.3</c:v>
                </c:pt>
                <c:pt idx="400">
                  <c:v>13.333333333333334</c:v>
                </c:pt>
                <c:pt idx="401">
                  <c:v>13.366666666666667</c:v>
                </c:pt>
                <c:pt idx="402">
                  <c:v>13.4</c:v>
                </c:pt>
                <c:pt idx="403">
                  <c:v>13.433333333333334</c:v>
                </c:pt>
                <c:pt idx="404">
                  <c:v>13.466666666666667</c:v>
                </c:pt>
                <c:pt idx="405">
                  <c:v>13.5</c:v>
                </c:pt>
                <c:pt idx="406">
                  <c:v>13.533333333333333</c:v>
                </c:pt>
                <c:pt idx="407">
                  <c:v>13.566666666666666</c:v>
                </c:pt>
                <c:pt idx="408">
                  <c:v>13.6</c:v>
                </c:pt>
                <c:pt idx="409">
                  <c:v>13.633333333333333</c:v>
                </c:pt>
                <c:pt idx="410">
                  <c:v>13.666666666666666</c:v>
                </c:pt>
                <c:pt idx="411">
                  <c:v>13.7</c:v>
                </c:pt>
                <c:pt idx="412">
                  <c:v>13.733333333333333</c:v>
                </c:pt>
                <c:pt idx="413">
                  <c:v>13.766666666666667</c:v>
                </c:pt>
                <c:pt idx="414">
                  <c:v>13.8</c:v>
                </c:pt>
                <c:pt idx="415">
                  <c:v>13.833333333333334</c:v>
                </c:pt>
                <c:pt idx="416">
                  <c:v>13.866666666666667</c:v>
                </c:pt>
                <c:pt idx="417">
                  <c:v>13.9</c:v>
                </c:pt>
                <c:pt idx="418">
                  <c:v>13.933333333333334</c:v>
                </c:pt>
                <c:pt idx="419">
                  <c:v>13.966666666666667</c:v>
                </c:pt>
                <c:pt idx="420">
                  <c:v>14</c:v>
                </c:pt>
                <c:pt idx="421">
                  <c:v>14.033333333333333</c:v>
                </c:pt>
                <c:pt idx="422">
                  <c:v>14.066666666666666</c:v>
                </c:pt>
                <c:pt idx="423">
                  <c:v>14.1</c:v>
                </c:pt>
                <c:pt idx="424">
                  <c:v>14.133333333333333</c:v>
                </c:pt>
                <c:pt idx="425">
                  <c:v>14.166666666666666</c:v>
                </c:pt>
                <c:pt idx="426">
                  <c:v>14.2</c:v>
                </c:pt>
                <c:pt idx="427">
                  <c:v>14.233333333333333</c:v>
                </c:pt>
                <c:pt idx="428">
                  <c:v>14.266666666666667</c:v>
                </c:pt>
                <c:pt idx="429">
                  <c:v>14.3</c:v>
                </c:pt>
                <c:pt idx="430">
                  <c:v>14.333333333333334</c:v>
                </c:pt>
                <c:pt idx="431">
                  <c:v>14.366666666666667</c:v>
                </c:pt>
                <c:pt idx="432">
                  <c:v>14.4</c:v>
                </c:pt>
                <c:pt idx="433">
                  <c:v>14.433333333333334</c:v>
                </c:pt>
                <c:pt idx="434">
                  <c:v>14.466666666666667</c:v>
                </c:pt>
                <c:pt idx="435">
                  <c:v>14.5</c:v>
                </c:pt>
                <c:pt idx="436">
                  <c:v>14.533333333333333</c:v>
                </c:pt>
                <c:pt idx="437">
                  <c:v>14.566666666666666</c:v>
                </c:pt>
                <c:pt idx="438">
                  <c:v>14.6</c:v>
                </c:pt>
                <c:pt idx="439">
                  <c:v>14.633333333333333</c:v>
                </c:pt>
                <c:pt idx="440">
                  <c:v>14.666666666666666</c:v>
                </c:pt>
                <c:pt idx="441">
                  <c:v>14.7</c:v>
                </c:pt>
                <c:pt idx="442">
                  <c:v>14.733333333333333</c:v>
                </c:pt>
                <c:pt idx="443">
                  <c:v>14.766666666666667</c:v>
                </c:pt>
                <c:pt idx="444">
                  <c:v>14.8</c:v>
                </c:pt>
                <c:pt idx="445">
                  <c:v>14.833333333333334</c:v>
                </c:pt>
                <c:pt idx="446">
                  <c:v>14.866666666666667</c:v>
                </c:pt>
                <c:pt idx="447">
                  <c:v>14.9</c:v>
                </c:pt>
                <c:pt idx="448">
                  <c:v>14.933333333333334</c:v>
                </c:pt>
                <c:pt idx="449">
                  <c:v>14.966666666666667</c:v>
                </c:pt>
                <c:pt idx="450">
                  <c:v>15</c:v>
                </c:pt>
                <c:pt idx="451">
                  <c:v>15.033333333333333</c:v>
                </c:pt>
                <c:pt idx="452">
                  <c:v>15.066666666666666</c:v>
                </c:pt>
                <c:pt idx="453">
                  <c:v>15.1</c:v>
                </c:pt>
                <c:pt idx="454">
                  <c:v>15.133333333333333</c:v>
                </c:pt>
                <c:pt idx="455">
                  <c:v>15.166666666666666</c:v>
                </c:pt>
                <c:pt idx="456">
                  <c:v>15.2</c:v>
                </c:pt>
                <c:pt idx="457">
                  <c:v>15.233333333333333</c:v>
                </c:pt>
                <c:pt idx="458">
                  <c:v>15.266666666666667</c:v>
                </c:pt>
                <c:pt idx="459">
                  <c:v>15.3</c:v>
                </c:pt>
                <c:pt idx="460">
                  <c:v>15.333333333333334</c:v>
                </c:pt>
                <c:pt idx="461">
                  <c:v>15.366666666666667</c:v>
                </c:pt>
                <c:pt idx="462">
                  <c:v>15.4</c:v>
                </c:pt>
                <c:pt idx="463">
                  <c:v>15.433333333333334</c:v>
                </c:pt>
                <c:pt idx="464">
                  <c:v>15.466666666666667</c:v>
                </c:pt>
                <c:pt idx="465">
                  <c:v>15.5</c:v>
                </c:pt>
                <c:pt idx="466">
                  <c:v>15.533333333333333</c:v>
                </c:pt>
                <c:pt idx="467">
                  <c:v>15.566666666666666</c:v>
                </c:pt>
                <c:pt idx="468">
                  <c:v>15.6</c:v>
                </c:pt>
                <c:pt idx="469">
                  <c:v>15.633333333333333</c:v>
                </c:pt>
                <c:pt idx="470">
                  <c:v>15.666666666666666</c:v>
                </c:pt>
                <c:pt idx="471">
                  <c:v>15.7</c:v>
                </c:pt>
                <c:pt idx="472">
                  <c:v>15.733333333333333</c:v>
                </c:pt>
                <c:pt idx="473">
                  <c:v>15.766666666666667</c:v>
                </c:pt>
                <c:pt idx="474">
                  <c:v>15.8</c:v>
                </c:pt>
                <c:pt idx="475">
                  <c:v>15.833333333333334</c:v>
                </c:pt>
                <c:pt idx="476">
                  <c:v>15.866666666666667</c:v>
                </c:pt>
                <c:pt idx="477">
                  <c:v>15.9</c:v>
                </c:pt>
                <c:pt idx="478">
                  <c:v>15.933333333333334</c:v>
                </c:pt>
                <c:pt idx="479">
                  <c:v>15.966666666666667</c:v>
                </c:pt>
                <c:pt idx="480">
                  <c:v>16</c:v>
                </c:pt>
                <c:pt idx="481">
                  <c:v>16.033333333333335</c:v>
                </c:pt>
                <c:pt idx="482">
                  <c:v>16.066666666666666</c:v>
                </c:pt>
                <c:pt idx="483">
                  <c:v>16.100000000000001</c:v>
                </c:pt>
                <c:pt idx="484">
                  <c:v>16.133333333333333</c:v>
                </c:pt>
                <c:pt idx="485">
                  <c:v>16.166666666666668</c:v>
                </c:pt>
                <c:pt idx="486">
                  <c:v>16.2</c:v>
                </c:pt>
                <c:pt idx="487">
                  <c:v>16.233333333333334</c:v>
                </c:pt>
                <c:pt idx="488">
                  <c:v>16.266666666666666</c:v>
                </c:pt>
                <c:pt idx="489">
                  <c:v>16.3</c:v>
                </c:pt>
                <c:pt idx="490">
                  <c:v>16.333333333333332</c:v>
                </c:pt>
                <c:pt idx="491">
                  <c:v>16.366666666666667</c:v>
                </c:pt>
                <c:pt idx="492">
                  <c:v>16.399999999999999</c:v>
                </c:pt>
                <c:pt idx="493">
                  <c:v>16.433333333333334</c:v>
                </c:pt>
                <c:pt idx="494">
                  <c:v>16.466666666666665</c:v>
                </c:pt>
                <c:pt idx="495">
                  <c:v>16.5</c:v>
                </c:pt>
                <c:pt idx="496">
                  <c:v>16.533333333333335</c:v>
                </c:pt>
                <c:pt idx="497">
                  <c:v>16.566666666666666</c:v>
                </c:pt>
                <c:pt idx="498">
                  <c:v>16.600000000000001</c:v>
                </c:pt>
                <c:pt idx="499">
                  <c:v>16.633333333333333</c:v>
                </c:pt>
                <c:pt idx="500">
                  <c:v>16.666666666666668</c:v>
                </c:pt>
                <c:pt idx="501">
                  <c:v>16.7</c:v>
                </c:pt>
                <c:pt idx="502">
                  <c:v>16.733333333333334</c:v>
                </c:pt>
                <c:pt idx="503">
                  <c:v>16.766666666666666</c:v>
                </c:pt>
                <c:pt idx="504">
                  <c:v>16.8</c:v>
                </c:pt>
                <c:pt idx="505">
                  <c:v>16.833333333333332</c:v>
                </c:pt>
                <c:pt idx="506">
                  <c:v>16.866666666666667</c:v>
                </c:pt>
                <c:pt idx="507">
                  <c:v>16.899999999999999</c:v>
                </c:pt>
                <c:pt idx="508">
                  <c:v>16.933333333333334</c:v>
                </c:pt>
                <c:pt idx="509">
                  <c:v>16.966666666666665</c:v>
                </c:pt>
                <c:pt idx="510">
                  <c:v>17</c:v>
                </c:pt>
                <c:pt idx="511">
                  <c:v>17.033333333333335</c:v>
                </c:pt>
                <c:pt idx="512">
                  <c:v>17.066666666666666</c:v>
                </c:pt>
                <c:pt idx="513">
                  <c:v>17.100000000000001</c:v>
                </c:pt>
                <c:pt idx="514">
                  <c:v>17.133333333333333</c:v>
                </c:pt>
                <c:pt idx="515">
                  <c:v>17.166666666666668</c:v>
                </c:pt>
                <c:pt idx="516">
                  <c:v>17.2</c:v>
                </c:pt>
                <c:pt idx="517">
                  <c:v>17.233333333333334</c:v>
                </c:pt>
                <c:pt idx="518">
                  <c:v>17.266666666666666</c:v>
                </c:pt>
                <c:pt idx="519">
                  <c:v>17.3</c:v>
                </c:pt>
                <c:pt idx="520">
                  <c:v>17.333333333333332</c:v>
                </c:pt>
                <c:pt idx="521">
                  <c:v>17.366666666666667</c:v>
                </c:pt>
                <c:pt idx="522">
                  <c:v>17.399999999999999</c:v>
                </c:pt>
                <c:pt idx="523">
                  <c:v>17.433333333333334</c:v>
                </c:pt>
                <c:pt idx="524">
                  <c:v>17.466666666666665</c:v>
                </c:pt>
                <c:pt idx="525">
                  <c:v>17.5</c:v>
                </c:pt>
                <c:pt idx="526">
                  <c:v>17.533333333333335</c:v>
                </c:pt>
                <c:pt idx="527">
                  <c:v>17.566666666666666</c:v>
                </c:pt>
                <c:pt idx="528">
                  <c:v>17.600000000000001</c:v>
                </c:pt>
                <c:pt idx="529">
                  <c:v>17.633333333333333</c:v>
                </c:pt>
                <c:pt idx="530">
                  <c:v>17.666666666666668</c:v>
                </c:pt>
                <c:pt idx="531">
                  <c:v>17.7</c:v>
                </c:pt>
                <c:pt idx="532">
                  <c:v>17.733333333333334</c:v>
                </c:pt>
                <c:pt idx="533">
                  <c:v>17.766666666666666</c:v>
                </c:pt>
                <c:pt idx="534">
                  <c:v>17.8</c:v>
                </c:pt>
                <c:pt idx="535">
                  <c:v>17.833333333333332</c:v>
                </c:pt>
                <c:pt idx="536">
                  <c:v>17.866666666666667</c:v>
                </c:pt>
                <c:pt idx="537">
                  <c:v>17.899999999999999</c:v>
                </c:pt>
                <c:pt idx="538">
                  <c:v>17.933333333333334</c:v>
                </c:pt>
                <c:pt idx="539">
                  <c:v>17.966666666666665</c:v>
                </c:pt>
                <c:pt idx="540">
                  <c:v>18</c:v>
                </c:pt>
                <c:pt idx="541">
                  <c:v>18.033333333333335</c:v>
                </c:pt>
                <c:pt idx="542">
                  <c:v>18.066666666666666</c:v>
                </c:pt>
                <c:pt idx="543">
                  <c:v>18.100000000000001</c:v>
                </c:pt>
                <c:pt idx="544">
                  <c:v>18.133333333333333</c:v>
                </c:pt>
                <c:pt idx="545">
                  <c:v>18.166666666666668</c:v>
                </c:pt>
                <c:pt idx="546">
                  <c:v>18.2</c:v>
                </c:pt>
                <c:pt idx="547">
                  <c:v>18.233333333333334</c:v>
                </c:pt>
                <c:pt idx="548">
                  <c:v>18.266666666666666</c:v>
                </c:pt>
                <c:pt idx="549">
                  <c:v>18.3</c:v>
                </c:pt>
                <c:pt idx="550">
                  <c:v>18.333333333333332</c:v>
                </c:pt>
                <c:pt idx="551">
                  <c:v>18.366666666666667</c:v>
                </c:pt>
                <c:pt idx="552">
                  <c:v>18.399999999999999</c:v>
                </c:pt>
                <c:pt idx="553">
                  <c:v>18.433333333333334</c:v>
                </c:pt>
                <c:pt idx="554">
                  <c:v>18.466666666666665</c:v>
                </c:pt>
                <c:pt idx="555">
                  <c:v>18.5</c:v>
                </c:pt>
                <c:pt idx="556">
                  <c:v>18.533333333333335</c:v>
                </c:pt>
                <c:pt idx="557">
                  <c:v>18.566666666666666</c:v>
                </c:pt>
                <c:pt idx="558">
                  <c:v>18.600000000000001</c:v>
                </c:pt>
                <c:pt idx="559">
                  <c:v>18.633333333333333</c:v>
                </c:pt>
                <c:pt idx="560">
                  <c:v>18.666666666666668</c:v>
                </c:pt>
                <c:pt idx="561">
                  <c:v>18.7</c:v>
                </c:pt>
                <c:pt idx="562">
                  <c:v>18.733333333333334</c:v>
                </c:pt>
                <c:pt idx="563">
                  <c:v>18.766666666666666</c:v>
                </c:pt>
                <c:pt idx="564">
                  <c:v>18.8</c:v>
                </c:pt>
                <c:pt idx="565">
                  <c:v>18.833333333333332</c:v>
                </c:pt>
                <c:pt idx="566">
                  <c:v>18.866666666666667</c:v>
                </c:pt>
                <c:pt idx="567">
                  <c:v>18.899999999999999</c:v>
                </c:pt>
                <c:pt idx="568">
                  <c:v>18.933333333333334</c:v>
                </c:pt>
                <c:pt idx="569">
                  <c:v>18.966666666666665</c:v>
                </c:pt>
                <c:pt idx="570">
                  <c:v>19</c:v>
                </c:pt>
                <c:pt idx="571">
                  <c:v>19.033333333333335</c:v>
                </c:pt>
                <c:pt idx="572">
                  <c:v>19.066666666666666</c:v>
                </c:pt>
                <c:pt idx="573">
                  <c:v>19.100000000000001</c:v>
                </c:pt>
                <c:pt idx="574">
                  <c:v>19.133333333333333</c:v>
                </c:pt>
                <c:pt idx="575">
                  <c:v>19.166666666666668</c:v>
                </c:pt>
                <c:pt idx="576">
                  <c:v>19.2</c:v>
                </c:pt>
                <c:pt idx="577">
                  <c:v>19.233333333333334</c:v>
                </c:pt>
                <c:pt idx="578">
                  <c:v>19.266666666666666</c:v>
                </c:pt>
                <c:pt idx="579">
                  <c:v>19.3</c:v>
                </c:pt>
                <c:pt idx="580">
                  <c:v>19.333333333333332</c:v>
                </c:pt>
                <c:pt idx="581">
                  <c:v>19.366666666666667</c:v>
                </c:pt>
                <c:pt idx="582">
                  <c:v>19.399999999999999</c:v>
                </c:pt>
                <c:pt idx="583">
                  <c:v>19.433333333333334</c:v>
                </c:pt>
                <c:pt idx="584">
                  <c:v>19.466666666666665</c:v>
                </c:pt>
                <c:pt idx="585">
                  <c:v>19.5</c:v>
                </c:pt>
                <c:pt idx="586">
                  <c:v>19.533333333333335</c:v>
                </c:pt>
                <c:pt idx="587">
                  <c:v>19.566666666666666</c:v>
                </c:pt>
                <c:pt idx="588">
                  <c:v>19.600000000000001</c:v>
                </c:pt>
                <c:pt idx="589">
                  <c:v>19.633333333333333</c:v>
                </c:pt>
                <c:pt idx="590">
                  <c:v>19.666666666666668</c:v>
                </c:pt>
                <c:pt idx="591">
                  <c:v>19.7</c:v>
                </c:pt>
                <c:pt idx="592">
                  <c:v>19.733333333333334</c:v>
                </c:pt>
                <c:pt idx="593">
                  <c:v>19.766666666666666</c:v>
                </c:pt>
                <c:pt idx="594">
                  <c:v>19.8</c:v>
                </c:pt>
                <c:pt idx="595">
                  <c:v>19.833333333333332</c:v>
                </c:pt>
                <c:pt idx="596">
                  <c:v>19.866666666666667</c:v>
                </c:pt>
                <c:pt idx="597">
                  <c:v>19.899999999999999</c:v>
                </c:pt>
                <c:pt idx="598">
                  <c:v>19.933333333333334</c:v>
                </c:pt>
                <c:pt idx="599">
                  <c:v>19.966666666666665</c:v>
                </c:pt>
                <c:pt idx="600">
                  <c:v>20</c:v>
                </c:pt>
                <c:pt idx="601">
                  <c:v>20.033333333333335</c:v>
                </c:pt>
                <c:pt idx="602">
                  <c:v>20.066666666666666</c:v>
                </c:pt>
                <c:pt idx="603">
                  <c:v>20.100000000000001</c:v>
                </c:pt>
                <c:pt idx="604">
                  <c:v>20.133333333333333</c:v>
                </c:pt>
                <c:pt idx="605">
                  <c:v>20.166666666666668</c:v>
                </c:pt>
                <c:pt idx="606">
                  <c:v>20.2</c:v>
                </c:pt>
                <c:pt idx="607">
                  <c:v>20.233333333333334</c:v>
                </c:pt>
                <c:pt idx="608">
                  <c:v>20.266666666666666</c:v>
                </c:pt>
                <c:pt idx="609">
                  <c:v>20.3</c:v>
                </c:pt>
                <c:pt idx="610">
                  <c:v>20.333333333333332</c:v>
                </c:pt>
                <c:pt idx="611">
                  <c:v>20.366666666666667</c:v>
                </c:pt>
                <c:pt idx="612">
                  <c:v>20.399999999999999</c:v>
                </c:pt>
                <c:pt idx="613">
                  <c:v>20.433333333333334</c:v>
                </c:pt>
                <c:pt idx="614">
                  <c:v>20.466666666666665</c:v>
                </c:pt>
                <c:pt idx="615">
                  <c:v>20.5</c:v>
                </c:pt>
                <c:pt idx="616">
                  <c:v>20.533333333333335</c:v>
                </c:pt>
                <c:pt idx="617">
                  <c:v>20.566666666666666</c:v>
                </c:pt>
                <c:pt idx="618">
                  <c:v>20.6</c:v>
                </c:pt>
                <c:pt idx="619">
                  <c:v>20.633333333333333</c:v>
                </c:pt>
                <c:pt idx="620">
                  <c:v>20.666666666666668</c:v>
                </c:pt>
                <c:pt idx="621">
                  <c:v>20.7</c:v>
                </c:pt>
                <c:pt idx="622">
                  <c:v>20.733333333333334</c:v>
                </c:pt>
                <c:pt idx="623">
                  <c:v>20.766666666666666</c:v>
                </c:pt>
                <c:pt idx="624">
                  <c:v>20.8</c:v>
                </c:pt>
                <c:pt idx="625">
                  <c:v>20.833333333333332</c:v>
                </c:pt>
                <c:pt idx="626">
                  <c:v>20.866666666666667</c:v>
                </c:pt>
                <c:pt idx="627">
                  <c:v>20.9</c:v>
                </c:pt>
                <c:pt idx="628">
                  <c:v>20.933333333333334</c:v>
                </c:pt>
                <c:pt idx="629">
                  <c:v>20.966666666666665</c:v>
                </c:pt>
                <c:pt idx="630">
                  <c:v>21</c:v>
                </c:pt>
                <c:pt idx="631">
                  <c:v>21.033333333333335</c:v>
                </c:pt>
                <c:pt idx="632">
                  <c:v>21.066666666666666</c:v>
                </c:pt>
                <c:pt idx="633">
                  <c:v>21.1</c:v>
                </c:pt>
                <c:pt idx="634">
                  <c:v>21.133333333333333</c:v>
                </c:pt>
                <c:pt idx="635">
                  <c:v>21.166666666666668</c:v>
                </c:pt>
                <c:pt idx="636">
                  <c:v>21.2</c:v>
                </c:pt>
                <c:pt idx="637">
                  <c:v>21.233333333333334</c:v>
                </c:pt>
                <c:pt idx="638">
                  <c:v>21.266666666666666</c:v>
                </c:pt>
                <c:pt idx="639">
                  <c:v>21.3</c:v>
                </c:pt>
                <c:pt idx="640">
                  <c:v>21.333333333333332</c:v>
                </c:pt>
                <c:pt idx="641">
                  <c:v>21.366666666666667</c:v>
                </c:pt>
                <c:pt idx="642">
                  <c:v>21.4</c:v>
                </c:pt>
                <c:pt idx="643">
                  <c:v>21.433333333333334</c:v>
                </c:pt>
                <c:pt idx="644">
                  <c:v>21.466666666666665</c:v>
                </c:pt>
                <c:pt idx="645">
                  <c:v>21.5</c:v>
                </c:pt>
                <c:pt idx="646">
                  <c:v>21.533333333333335</c:v>
                </c:pt>
                <c:pt idx="647">
                  <c:v>21.566666666666666</c:v>
                </c:pt>
                <c:pt idx="648">
                  <c:v>21.6</c:v>
                </c:pt>
                <c:pt idx="649">
                  <c:v>21.633333333333333</c:v>
                </c:pt>
                <c:pt idx="650">
                  <c:v>21.666666666666668</c:v>
                </c:pt>
                <c:pt idx="651">
                  <c:v>21.7</c:v>
                </c:pt>
                <c:pt idx="652">
                  <c:v>21.733333333333334</c:v>
                </c:pt>
                <c:pt idx="653">
                  <c:v>21.766666666666666</c:v>
                </c:pt>
                <c:pt idx="654">
                  <c:v>21.8</c:v>
                </c:pt>
                <c:pt idx="655">
                  <c:v>21.833333333333332</c:v>
                </c:pt>
                <c:pt idx="656">
                  <c:v>21.866666666666667</c:v>
                </c:pt>
                <c:pt idx="657">
                  <c:v>21.9</c:v>
                </c:pt>
                <c:pt idx="658">
                  <c:v>21.933333333333334</c:v>
                </c:pt>
                <c:pt idx="659">
                  <c:v>21.966666666666665</c:v>
                </c:pt>
                <c:pt idx="660">
                  <c:v>22</c:v>
                </c:pt>
                <c:pt idx="661">
                  <c:v>22.033333333333335</c:v>
                </c:pt>
                <c:pt idx="662">
                  <c:v>22.066666666666666</c:v>
                </c:pt>
                <c:pt idx="663">
                  <c:v>22.1</c:v>
                </c:pt>
                <c:pt idx="664">
                  <c:v>22.133333333333333</c:v>
                </c:pt>
                <c:pt idx="665">
                  <c:v>22.166666666666668</c:v>
                </c:pt>
                <c:pt idx="666">
                  <c:v>22.2</c:v>
                </c:pt>
                <c:pt idx="667">
                  <c:v>22.233333333333334</c:v>
                </c:pt>
                <c:pt idx="668">
                  <c:v>22.266666666666666</c:v>
                </c:pt>
                <c:pt idx="669">
                  <c:v>22.3</c:v>
                </c:pt>
                <c:pt idx="670">
                  <c:v>22.333333333333332</c:v>
                </c:pt>
                <c:pt idx="671">
                  <c:v>22.366666666666667</c:v>
                </c:pt>
                <c:pt idx="672">
                  <c:v>22.4</c:v>
                </c:pt>
                <c:pt idx="673">
                  <c:v>22.433333333333334</c:v>
                </c:pt>
                <c:pt idx="674">
                  <c:v>22.466666666666665</c:v>
                </c:pt>
                <c:pt idx="675">
                  <c:v>22.5</c:v>
                </c:pt>
                <c:pt idx="676">
                  <c:v>22.533333333333335</c:v>
                </c:pt>
                <c:pt idx="677">
                  <c:v>22.566666666666666</c:v>
                </c:pt>
                <c:pt idx="678">
                  <c:v>22.6</c:v>
                </c:pt>
                <c:pt idx="679">
                  <c:v>22.633333333333333</c:v>
                </c:pt>
                <c:pt idx="680">
                  <c:v>22.666666666666668</c:v>
                </c:pt>
                <c:pt idx="681">
                  <c:v>22.7</c:v>
                </c:pt>
                <c:pt idx="682">
                  <c:v>22.733333333333334</c:v>
                </c:pt>
                <c:pt idx="683">
                  <c:v>22.766666666666666</c:v>
                </c:pt>
                <c:pt idx="684">
                  <c:v>22.8</c:v>
                </c:pt>
                <c:pt idx="685">
                  <c:v>22.833333333333332</c:v>
                </c:pt>
                <c:pt idx="686">
                  <c:v>22.866666666666667</c:v>
                </c:pt>
                <c:pt idx="687">
                  <c:v>22.9</c:v>
                </c:pt>
                <c:pt idx="688">
                  <c:v>22.933333333333334</c:v>
                </c:pt>
                <c:pt idx="689">
                  <c:v>22.966666666666665</c:v>
                </c:pt>
                <c:pt idx="690">
                  <c:v>23</c:v>
                </c:pt>
                <c:pt idx="691">
                  <c:v>23.033333333333335</c:v>
                </c:pt>
                <c:pt idx="692">
                  <c:v>23.066666666666666</c:v>
                </c:pt>
                <c:pt idx="693">
                  <c:v>23.1</c:v>
                </c:pt>
                <c:pt idx="694">
                  <c:v>23.133333333333333</c:v>
                </c:pt>
                <c:pt idx="695">
                  <c:v>23.166666666666668</c:v>
                </c:pt>
                <c:pt idx="696">
                  <c:v>23.2</c:v>
                </c:pt>
                <c:pt idx="697">
                  <c:v>23.233333333333334</c:v>
                </c:pt>
                <c:pt idx="698">
                  <c:v>23.266666666666666</c:v>
                </c:pt>
                <c:pt idx="699">
                  <c:v>23.3</c:v>
                </c:pt>
                <c:pt idx="700">
                  <c:v>23.333333333333332</c:v>
                </c:pt>
                <c:pt idx="701">
                  <c:v>23.366666666666667</c:v>
                </c:pt>
                <c:pt idx="702">
                  <c:v>23.4</c:v>
                </c:pt>
                <c:pt idx="703">
                  <c:v>23.433333333333334</c:v>
                </c:pt>
                <c:pt idx="704">
                  <c:v>23.466666666666665</c:v>
                </c:pt>
                <c:pt idx="705">
                  <c:v>23.5</c:v>
                </c:pt>
                <c:pt idx="706">
                  <c:v>23.533333333333335</c:v>
                </c:pt>
                <c:pt idx="707">
                  <c:v>23.566666666666666</c:v>
                </c:pt>
                <c:pt idx="708">
                  <c:v>23.6</c:v>
                </c:pt>
                <c:pt idx="709">
                  <c:v>23.633333333333333</c:v>
                </c:pt>
                <c:pt idx="710">
                  <c:v>23.666666666666668</c:v>
                </c:pt>
                <c:pt idx="711">
                  <c:v>23.7</c:v>
                </c:pt>
                <c:pt idx="712">
                  <c:v>23.733333333333334</c:v>
                </c:pt>
                <c:pt idx="713">
                  <c:v>23.766666666666666</c:v>
                </c:pt>
                <c:pt idx="714">
                  <c:v>23.8</c:v>
                </c:pt>
                <c:pt idx="715">
                  <c:v>23.833333333333332</c:v>
                </c:pt>
                <c:pt idx="716">
                  <c:v>23.866666666666667</c:v>
                </c:pt>
                <c:pt idx="717">
                  <c:v>23.9</c:v>
                </c:pt>
                <c:pt idx="718">
                  <c:v>23.933333333333334</c:v>
                </c:pt>
                <c:pt idx="719">
                  <c:v>23.966666666666665</c:v>
                </c:pt>
                <c:pt idx="720">
                  <c:v>24</c:v>
                </c:pt>
                <c:pt idx="721">
                  <c:v>24.033333333333335</c:v>
                </c:pt>
                <c:pt idx="722">
                  <c:v>24.066666666666666</c:v>
                </c:pt>
                <c:pt idx="723">
                  <c:v>24.1</c:v>
                </c:pt>
                <c:pt idx="724">
                  <c:v>24.133333333333333</c:v>
                </c:pt>
                <c:pt idx="725">
                  <c:v>24.166666666666668</c:v>
                </c:pt>
                <c:pt idx="726">
                  <c:v>24.2</c:v>
                </c:pt>
                <c:pt idx="727">
                  <c:v>24.233333333333334</c:v>
                </c:pt>
                <c:pt idx="728">
                  <c:v>24.266666666666666</c:v>
                </c:pt>
                <c:pt idx="729">
                  <c:v>24.3</c:v>
                </c:pt>
                <c:pt idx="730">
                  <c:v>24.333333333333332</c:v>
                </c:pt>
                <c:pt idx="731">
                  <c:v>24.366666666666667</c:v>
                </c:pt>
                <c:pt idx="732">
                  <c:v>24.4</c:v>
                </c:pt>
                <c:pt idx="733">
                  <c:v>24.433333333333334</c:v>
                </c:pt>
                <c:pt idx="734">
                  <c:v>24.466666666666665</c:v>
                </c:pt>
                <c:pt idx="735">
                  <c:v>24.5</c:v>
                </c:pt>
                <c:pt idx="736">
                  <c:v>24.533333333333335</c:v>
                </c:pt>
                <c:pt idx="737">
                  <c:v>24.566666666666666</c:v>
                </c:pt>
                <c:pt idx="738">
                  <c:v>24.6</c:v>
                </c:pt>
                <c:pt idx="739">
                  <c:v>24.633333333333333</c:v>
                </c:pt>
                <c:pt idx="740">
                  <c:v>24.666666666666668</c:v>
                </c:pt>
                <c:pt idx="741">
                  <c:v>24.7</c:v>
                </c:pt>
                <c:pt idx="742">
                  <c:v>24.733333333333334</c:v>
                </c:pt>
                <c:pt idx="743">
                  <c:v>24.766666666666666</c:v>
                </c:pt>
                <c:pt idx="744">
                  <c:v>24.8</c:v>
                </c:pt>
                <c:pt idx="745">
                  <c:v>24.833333333333332</c:v>
                </c:pt>
                <c:pt idx="746">
                  <c:v>24.866666666666667</c:v>
                </c:pt>
                <c:pt idx="747">
                  <c:v>24.9</c:v>
                </c:pt>
                <c:pt idx="748">
                  <c:v>24.933333333333334</c:v>
                </c:pt>
                <c:pt idx="749">
                  <c:v>24.966666666666665</c:v>
                </c:pt>
                <c:pt idx="750">
                  <c:v>25</c:v>
                </c:pt>
                <c:pt idx="751">
                  <c:v>25.033333333333335</c:v>
                </c:pt>
                <c:pt idx="752">
                  <c:v>25.066666666666666</c:v>
                </c:pt>
                <c:pt idx="753">
                  <c:v>25.1</c:v>
                </c:pt>
                <c:pt idx="754">
                  <c:v>25.133333333333333</c:v>
                </c:pt>
                <c:pt idx="755">
                  <c:v>25.166666666666668</c:v>
                </c:pt>
                <c:pt idx="756">
                  <c:v>25.2</c:v>
                </c:pt>
                <c:pt idx="757">
                  <c:v>25.233333333333334</c:v>
                </c:pt>
                <c:pt idx="758">
                  <c:v>25.266666666666666</c:v>
                </c:pt>
                <c:pt idx="759">
                  <c:v>25.3</c:v>
                </c:pt>
                <c:pt idx="760">
                  <c:v>25.333333333333332</c:v>
                </c:pt>
                <c:pt idx="761">
                  <c:v>25.366666666666667</c:v>
                </c:pt>
                <c:pt idx="762">
                  <c:v>25.4</c:v>
                </c:pt>
                <c:pt idx="763">
                  <c:v>25.433333333333334</c:v>
                </c:pt>
                <c:pt idx="764">
                  <c:v>25.466666666666665</c:v>
                </c:pt>
                <c:pt idx="765">
                  <c:v>25.5</c:v>
                </c:pt>
                <c:pt idx="766">
                  <c:v>25.533333333333335</c:v>
                </c:pt>
                <c:pt idx="767">
                  <c:v>25.566666666666666</c:v>
                </c:pt>
                <c:pt idx="768">
                  <c:v>25.6</c:v>
                </c:pt>
                <c:pt idx="769">
                  <c:v>25.633333333333333</c:v>
                </c:pt>
                <c:pt idx="770">
                  <c:v>25.666666666666668</c:v>
                </c:pt>
                <c:pt idx="771">
                  <c:v>25.7</c:v>
                </c:pt>
                <c:pt idx="772">
                  <c:v>25.733333333333334</c:v>
                </c:pt>
                <c:pt idx="773">
                  <c:v>25.766666666666666</c:v>
                </c:pt>
                <c:pt idx="774">
                  <c:v>25.8</c:v>
                </c:pt>
                <c:pt idx="775">
                  <c:v>25.833333333333332</c:v>
                </c:pt>
                <c:pt idx="776">
                  <c:v>25.866666666666667</c:v>
                </c:pt>
                <c:pt idx="777">
                  <c:v>25.9</c:v>
                </c:pt>
                <c:pt idx="778">
                  <c:v>25.933333333333334</c:v>
                </c:pt>
                <c:pt idx="779">
                  <c:v>25.966666666666665</c:v>
                </c:pt>
                <c:pt idx="780">
                  <c:v>26</c:v>
                </c:pt>
                <c:pt idx="781">
                  <c:v>26.033333333333335</c:v>
                </c:pt>
                <c:pt idx="782">
                  <c:v>26.066666666666666</c:v>
                </c:pt>
                <c:pt idx="783">
                  <c:v>26.1</c:v>
                </c:pt>
                <c:pt idx="784">
                  <c:v>26.133333333333333</c:v>
                </c:pt>
                <c:pt idx="785">
                  <c:v>26.166666666666668</c:v>
                </c:pt>
                <c:pt idx="786">
                  <c:v>26.2</c:v>
                </c:pt>
                <c:pt idx="787">
                  <c:v>26.233333333333334</c:v>
                </c:pt>
                <c:pt idx="788">
                  <c:v>26.266666666666666</c:v>
                </c:pt>
                <c:pt idx="789">
                  <c:v>26.3</c:v>
                </c:pt>
                <c:pt idx="790">
                  <c:v>26.333333333333332</c:v>
                </c:pt>
                <c:pt idx="791">
                  <c:v>26.366666666666667</c:v>
                </c:pt>
                <c:pt idx="792">
                  <c:v>26.4</c:v>
                </c:pt>
                <c:pt idx="793">
                  <c:v>26.433333333333334</c:v>
                </c:pt>
                <c:pt idx="794">
                  <c:v>26.466666666666665</c:v>
                </c:pt>
                <c:pt idx="795">
                  <c:v>26.5</c:v>
                </c:pt>
                <c:pt idx="796">
                  <c:v>26.533333333333335</c:v>
                </c:pt>
                <c:pt idx="797">
                  <c:v>26.566666666666666</c:v>
                </c:pt>
                <c:pt idx="798">
                  <c:v>26.6</c:v>
                </c:pt>
                <c:pt idx="799">
                  <c:v>26.633333333333333</c:v>
                </c:pt>
                <c:pt idx="800">
                  <c:v>26.666666666666668</c:v>
                </c:pt>
                <c:pt idx="801">
                  <c:v>26.7</c:v>
                </c:pt>
                <c:pt idx="802">
                  <c:v>26.733333333333334</c:v>
                </c:pt>
                <c:pt idx="803">
                  <c:v>26.766666666666666</c:v>
                </c:pt>
                <c:pt idx="804">
                  <c:v>26.8</c:v>
                </c:pt>
                <c:pt idx="805">
                  <c:v>26.833333333333332</c:v>
                </c:pt>
                <c:pt idx="806">
                  <c:v>26.866666666666667</c:v>
                </c:pt>
                <c:pt idx="807">
                  <c:v>26.9</c:v>
                </c:pt>
                <c:pt idx="808">
                  <c:v>26.933333333333334</c:v>
                </c:pt>
                <c:pt idx="809">
                  <c:v>26.966666666666665</c:v>
                </c:pt>
                <c:pt idx="810">
                  <c:v>27</c:v>
                </c:pt>
                <c:pt idx="811">
                  <c:v>27.033333333333335</c:v>
                </c:pt>
                <c:pt idx="812">
                  <c:v>27.066666666666666</c:v>
                </c:pt>
                <c:pt idx="813">
                  <c:v>27.1</c:v>
                </c:pt>
                <c:pt idx="814">
                  <c:v>27.133333333333333</c:v>
                </c:pt>
                <c:pt idx="815">
                  <c:v>27.166666666666668</c:v>
                </c:pt>
                <c:pt idx="816">
                  <c:v>27.2</c:v>
                </c:pt>
                <c:pt idx="817">
                  <c:v>27.233333333333334</c:v>
                </c:pt>
                <c:pt idx="818">
                  <c:v>27.266666666666666</c:v>
                </c:pt>
                <c:pt idx="819">
                  <c:v>27.3</c:v>
                </c:pt>
                <c:pt idx="820">
                  <c:v>27.333333333333332</c:v>
                </c:pt>
                <c:pt idx="821">
                  <c:v>27.366666666666667</c:v>
                </c:pt>
                <c:pt idx="822">
                  <c:v>27.4</c:v>
                </c:pt>
                <c:pt idx="823">
                  <c:v>27.433333333333334</c:v>
                </c:pt>
                <c:pt idx="824">
                  <c:v>27.466666666666665</c:v>
                </c:pt>
                <c:pt idx="825">
                  <c:v>27.5</c:v>
                </c:pt>
                <c:pt idx="826">
                  <c:v>27.533333333333335</c:v>
                </c:pt>
                <c:pt idx="827">
                  <c:v>27.566666666666666</c:v>
                </c:pt>
                <c:pt idx="828">
                  <c:v>27.6</c:v>
                </c:pt>
                <c:pt idx="829">
                  <c:v>27.633333333333333</c:v>
                </c:pt>
                <c:pt idx="830">
                  <c:v>27.666666666666668</c:v>
                </c:pt>
                <c:pt idx="831">
                  <c:v>27.7</c:v>
                </c:pt>
                <c:pt idx="832">
                  <c:v>27.733333333333334</c:v>
                </c:pt>
                <c:pt idx="833">
                  <c:v>27.766666666666666</c:v>
                </c:pt>
                <c:pt idx="834">
                  <c:v>27.8</c:v>
                </c:pt>
                <c:pt idx="835">
                  <c:v>27.833333333333332</c:v>
                </c:pt>
                <c:pt idx="836">
                  <c:v>27.866666666666667</c:v>
                </c:pt>
                <c:pt idx="837">
                  <c:v>27.9</c:v>
                </c:pt>
                <c:pt idx="838">
                  <c:v>27.933333333333334</c:v>
                </c:pt>
                <c:pt idx="839">
                  <c:v>27.966666666666665</c:v>
                </c:pt>
                <c:pt idx="840">
                  <c:v>28</c:v>
                </c:pt>
                <c:pt idx="841">
                  <c:v>28.033333333333335</c:v>
                </c:pt>
                <c:pt idx="842">
                  <c:v>28.066666666666666</c:v>
                </c:pt>
                <c:pt idx="843">
                  <c:v>28.1</c:v>
                </c:pt>
                <c:pt idx="844">
                  <c:v>28.133333333333333</c:v>
                </c:pt>
                <c:pt idx="845">
                  <c:v>28.166666666666668</c:v>
                </c:pt>
                <c:pt idx="846">
                  <c:v>28.2</c:v>
                </c:pt>
                <c:pt idx="847">
                  <c:v>28.233333333333334</c:v>
                </c:pt>
                <c:pt idx="848">
                  <c:v>28.266666666666666</c:v>
                </c:pt>
                <c:pt idx="849">
                  <c:v>28.3</c:v>
                </c:pt>
                <c:pt idx="850">
                  <c:v>28.333333333333332</c:v>
                </c:pt>
                <c:pt idx="851">
                  <c:v>28.366666666666667</c:v>
                </c:pt>
                <c:pt idx="852">
                  <c:v>28.4</c:v>
                </c:pt>
                <c:pt idx="853">
                  <c:v>28.433333333333334</c:v>
                </c:pt>
                <c:pt idx="854">
                  <c:v>28.466666666666665</c:v>
                </c:pt>
                <c:pt idx="855">
                  <c:v>28.5</c:v>
                </c:pt>
                <c:pt idx="856">
                  <c:v>28.533333333333335</c:v>
                </c:pt>
                <c:pt idx="857">
                  <c:v>28.566666666666666</c:v>
                </c:pt>
                <c:pt idx="858">
                  <c:v>28.6</c:v>
                </c:pt>
                <c:pt idx="859">
                  <c:v>28.633333333333333</c:v>
                </c:pt>
                <c:pt idx="860">
                  <c:v>28.666666666666668</c:v>
                </c:pt>
                <c:pt idx="861">
                  <c:v>28.7</c:v>
                </c:pt>
                <c:pt idx="862">
                  <c:v>28.733333333333334</c:v>
                </c:pt>
                <c:pt idx="863">
                  <c:v>28.766666666666666</c:v>
                </c:pt>
                <c:pt idx="864">
                  <c:v>28.8</c:v>
                </c:pt>
                <c:pt idx="865">
                  <c:v>28.833333333333332</c:v>
                </c:pt>
                <c:pt idx="866">
                  <c:v>28.866666666666667</c:v>
                </c:pt>
                <c:pt idx="867">
                  <c:v>28.9</c:v>
                </c:pt>
                <c:pt idx="868">
                  <c:v>28.933333333333334</c:v>
                </c:pt>
                <c:pt idx="869">
                  <c:v>28.966666666666665</c:v>
                </c:pt>
                <c:pt idx="870">
                  <c:v>29</c:v>
                </c:pt>
                <c:pt idx="871">
                  <c:v>29.033333333333335</c:v>
                </c:pt>
                <c:pt idx="872">
                  <c:v>29.066666666666666</c:v>
                </c:pt>
                <c:pt idx="873">
                  <c:v>29.1</c:v>
                </c:pt>
                <c:pt idx="874">
                  <c:v>29.133333333333333</c:v>
                </c:pt>
                <c:pt idx="875">
                  <c:v>29.166666666666668</c:v>
                </c:pt>
                <c:pt idx="876">
                  <c:v>29.2</c:v>
                </c:pt>
                <c:pt idx="877">
                  <c:v>29.233333333333334</c:v>
                </c:pt>
                <c:pt idx="878">
                  <c:v>29.266666666666666</c:v>
                </c:pt>
                <c:pt idx="879">
                  <c:v>29.3</c:v>
                </c:pt>
                <c:pt idx="880">
                  <c:v>29.333333333333332</c:v>
                </c:pt>
                <c:pt idx="881">
                  <c:v>29.366666666666667</c:v>
                </c:pt>
                <c:pt idx="882">
                  <c:v>29.4</c:v>
                </c:pt>
                <c:pt idx="883">
                  <c:v>29.433333333333334</c:v>
                </c:pt>
                <c:pt idx="884">
                  <c:v>29.466666666666665</c:v>
                </c:pt>
                <c:pt idx="885">
                  <c:v>29.5</c:v>
                </c:pt>
                <c:pt idx="886">
                  <c:v>29.533333333333335</c:v>
                </c:pt>
                <c:pt idx="887">
                  <c:v>29.566666666666666</c:v>
                </c:pt>
                <c:pt idx="888">
                  <c:v>29.6</c:v>
                </c:pt>
                <c:pt idx="889">
                  <c:v>29.633333333333333</c:v>
                </c:pt>
                <c:pt idx="890">
                  <c:v>29.666666666666668</c:v>
                </c:pt>
                <c:pt idx="891">
                  <c:v>29.7</c:v>
                </c:pt>
                <c:pt idx="892">
                  <c:v>29.733333333333334</c:v>
                </c:pt>
                <c:pt idx="893">
                  <c:v>29.766666666666666</c:v>
                </c:pt>
                <c:pt idx="894">
                  <c:v>29.8</c:v>
                </c:pt>
                <c:pt idx="895">
                  <c:v>29.833333333333332</c:v>
                </c:pt>
                <c:pt idx="896">
                  <c:v>29.866666666666667</c:v>
                </c:pt>
                <c:pt idx="897">
                  <c:v>29.9</c:v>
                </c:pt>
                <c:pt idx="898">
                  <c:v>29.933333333333334</c:v>
                </c:pt>
                <c:pt idx="899">
                  <c:v>29.966666666666665</c:v>
                </c:pt>
                <c:pt idx="900">
                  <c:v>30</c:v>
                </c:pt>
              </c:numCache>
            </c:numRef>
          </c:xVal>
          <c:yVal>
            <c:numRef>
              <c:f>'力(2秒)'!$H$2:$H$902</c:f>
              <c:numCache>
                <c:formatCode>General</c:formatCode>
                <c:ptCount val="901"/>
                <c:pt idx="29">
                  <c:v>0.93753248805973133</c:v>
                </c:pt>
                <c:pt idx="30">
                  <c:v>0.73707334070783681</c:v>
                </c:pt>
                <c:pt idx="31">
                  <c:v>0.53115388223827398</c:v>
                </c:pt>
                <c:pt idx="32">
                  <c:v>0.22681412673139736</c:v>
                </c:pt>
                <c:pt idx="33">
                  <c:v>-6.7565652901507955E-2</c:v>
                </c:pt>
                <c:pt idx="34">
                  <c:v>-0.42096747369173493</c:v>
                </c:pt>
                <c:pt idx="35">
                  <c:v>-0.77358622574840685</c:v>
                </c:pt>
                <c:pt idx="36">
                  <c:v>-1.059413100769421</c:v>
                </c:pt>
                <c:pt idx="37">
                  <c:v>-1.2879657846791741</c:v>
                </c:pt>
                <c:pt idx="38">
                  <c:v>-1.4668824216893994</c:v>
                </c:pt>
                <c:pt idx="39">
                  <c:v>-1.6290326131651955</c:v>
                </c:pt>
                <c:pt idx="40">
                  <c:v>-1.7313751719600861</c:v>
                </c:pt>
                <c:pt idx="41">
                  <c:v>-1.7470565652560788</c:v>
                </c:pt>
                <c:pt idx="42">
                  <c:v>-1.7519161251411848</c:v>
                </c:pt>
                <c:pt idx="43">
                  <c:v>-1.6938060343787076</c:v>
                </c:pt>
                <c:pt idx="44">
                  <c:v>-1.5579386965035007</c:v>
                </c:pt>
                <c:pt idx="45">
                  <c:v>-1.4508004678696218</c:v>
                </c:pt>
                <c:pt idx="46">
                  <c:v>-1.2533898475985126</c:v>
                </c:pt>
                <c:pt idx="47">
                  <c:v>-1.0177359488435866</c:v>
                </c:pt>
                <c:pt idx="48">
                  <c:v>-0.80865989246218029</c:v>
                </c:pt>
                <c:pt idx="49">
                  <c:v>-0.64621673526468582</c:v>
                </c:pt>
                <c:pt idx="50">
                  <c:v>-0.49519406407864935</c:v>
                </c:pt>
                <c:pt idx="51">
                  <c:v>-0.33135410680583965</c:v>
                </c:pt>
                <c:pt idx="52">
                  <c:v>-0.16440447126752189</c:v>
                </c:pt>
                <c:pt idx="53">
                  <c:v>-4.2875740737877754E-2</c:v>
                </c:pt>
                <c:pt idx="54">
                  <c:v>1.3311877752593017E-2</c:v>
                </c:pt>
                <c:pt idx="55">
                  <c:v>7.3190455162633963E-2</c:v>
                </c:pt>
                <c:pt idx="56">
                  <c:v>6.9331957899313859E-2</c:v>
                </c:pt>
                <c:pt idx="57">
                  <c:v>2.1284814302235493E-2</c:v>
                </c:pt>
                <c:pt idx="58">
                  <c:v>-7.5730033550528084E-3</c:v>
                </c:pt>
                <c:pt idx="59">
                  <c:v>-3.6320939522647942E-2</c:v>
                </c:pt>
                <c:pt idx="60">
                  <c:v>-5.2540551533972232E-2</c:v>
                </c:pt>
                <c:pt idx="61">
                  <c:v>-7.960737633932026E-2</c:v>
                </c:pt>
                <c:pt idx="62">
                  <c:v>-0.12479470977544055</c:v>
                </c:pt>
                <c:pt idx="63">
                  <c:v>-0.15365366694439223</c:v>
                </c:pt>
                <c:pt idx="64">
                  <c:v>-0.15211247427006214</c:v>
                </c:pt>
                <c:pt idx="65">
                  <c:v>-0.12090881012354944</c:v>
                </c:pt>
                <c:pt idx="66">
                  <c:v>-6.8311670213723086E-2</c:v>
                </c:pt>
                <c:pt idx="67">
                  <c:v>3.336364681845537E-2</c:v>
                </c:pt>
                <c:pt idx="68">
                  <c:v>9.7478839927847102E-2</c:v>
                </c:pt>
                <c:pt idx="69">
                  <c:v>0.19689769054944195</c:v>
                </c:pt>
                <c:pt idx="70">
                  <c:v>0.32932096337839695</c:v>
                </c:pt>
                <c:pt idx="71">
                  <c:v>0.50177803646701291</c:v>
                </c:pt>
                <c:pt idx="72">
                  <c:v>0.60523518008096011</c:v>
                </c:pt>
                <c:pt idx="73">
                  <c:v>0.72422321735063211</c:v>
                </c:pt>
                <c:pt idx="74">
                  <c:v>0.81361354079870818</c:v>
                </c:pt>
                <c:pt idx="75">
                  <c:v>0.91223585943459817</c:v>
                </c:pt>
                <c:pt idx="76">
                  <c:v>1.037754696542581</c:v>
                </c:pt>
                <c:pt idx="77">
                  <c:v>1.1465265700673022</c:v>
                </c:pt>
                <c:pt idx="78">
                  <c:v>1.3066600195253217</c:v>
                </c:pt>
                <c:pt idx="79">
                  <c:v>1.4352871811667385</c:v>
                </c:pt>
                <c:pt idx="80">
                  <c:v>1.4971460948584603</c:v>
                </c:pt>
                <c:pt idx="81">
                  <c:v>1.4840342003407221</c:v>
                </c:pt>
                <c:pt idx="82">
                  <c:v>1.4159433569286362</c:v>
                </c:pt>
                <c:pt idx="83">
                  <c:v>1.2772669439689663</c:v>
                </c:pt>
                <c:pt idx="84">
                  <c:v>1.0676594267831676</c:v>
                </c:pt>
                <c:pt idx="85">
                  <c:v>0.82176595467766755</c:v>
                </c:pt>
                <c:pt idx="86">
                  <c:v>0.58051249750070755</c:v>
                </c:pt>
                <c:pt idx="87">
                  <c:v>0.37103620122677261</c:v>
                </c:pt>
                <c:pt idx="88">
                  <c:v>0.16993418881088315</c:v>
                </c:pt>
                <c:pt idx="89">
                  <c:v>6.0523573881871365E-2</c:v>
                </c:pt>
                <c:pt idx="90">
                  <c:v>-5.7852929962396847E-2</c:v>
                </c:pt>
                <c:pt idx="91">
                  <c:v>-0.10856313767565919</c:v>
                </c:pt>
                <c:pt idx="92">
                  <c:v>-0.13896747087999675</c:v>
                </c:pt>
                <c:pt idx="93">
                  <c:v>-6.3333699443696018E-2</c:v>
                </c:pt>
                <c:pt idx="94">
                  <c:v>7.1438278909540132E-2</c:v>
                </c:pt>
                <c:pt idx="95">
                  <c:v>0.25562567371394784</c:v>
                </c:pt>
                <c:pt idx="96">
                  <c:v>0.44725991515175256</c:v>
                </c:pt>
                <c:pt idx="97">
                  <c:v>0.65647819486198944</c:v>
                </c:pt>
                <c:pt idx="98">
                  <c:v>0.86242169508379984</c:v>
                </c:pt>
                <c:pt idx="99">
                  <c:v>1.0387126495620245</c:v>
                </c:pt>
                <c:pt idx="100">
                  <c:v>1.1899172582996707</c:v>
                </c:pt>
                <c:pt idx="101">
                  <c:v>1.3432647903675663</c:v>
                </c:pt>
                <c:pt idx="102">
                  <c:v>1.4959490357310194</c:v>
                </c:pt>
                <c:pt idx="103">
                  <c:v>1.5940130230543257</c:v>
                </c:pt>
                <c:pt idx="104">
                  <c:v>1.708131633976453</c:v>
                </c:pt>
                <c:pt idx="105">
                  <c:v>1.7581658041344637</c:v>
                </c:pt>
                <c:pt idx="106">
                  <c:v>1.7053173550826337</c:v>
                </c:pt>
                <c:pt idx="107">
                  <c:v>1.6398294688786348</c:v>
                </c:pt>
                <c:pt idx="108">
                  <c:v>1.5769268482410745</c:v>
                </c:pt>
                <c:pt idx="109">
                  <c:v>1.489528268828906</c:v>
                </c:pt>
                <c:pt idx="110">
                  <c:v>1.3268263238411011</c:v>
                </c:pt>
                <c:pt idx="111">
                  <c:v>1.1731612693342568</c:v>
                </c:pt>
                <c:pt idx="112">
                  <c:v>1.0608704652514356</c:v>
                </c:pt>
                <c:pt idx="113">
                  <c:v>0.92302195367576667</c:v>
                </c:pt>
                <c:pt idx="114">
                  <c:v>0.75651286858546318</c:v>
                </c:pt>
                <c:pt idx="115">
                  <c:v>0.61111295980541291</c:v>
                </c:pt>
                <c:pt idx="116">
                  <c:v>0.5226130808619488</c:v>
                </c:pt>
                <c:pt idx="117">
                  <c:v>0.43242458286954394</c:v>
                </c:pt>
                <c:pt idx="118">
                  <c:v>0.38646654947302345</c:v>
                </c:pt>
                <c:pt idx="119">
                  <c:v>0.38222739695284758</c:v>
                </c:pt>
                <c:pt idx="120">
                  <c:v>0.41274344864852908</c:v>
                </c:pt>
                <c:pt idx="121">
                  <c:v>0.52458307932974868</c:v>
                </c:pt>
                <c:pt idx="122">
                  <c:v>0.58080356476034078</c:v>
                </c:pt>
                <c:pt idx="123">
                  <c:v>0.61727388399169025</c:v>
                </c:pt>
                <c:pt idx="124">
                  <c:v>0.6279320279268763</c:v>
                </c:pt>
                <c:pt idx="125">
                  <c:v>0.65249073704350025</c:v>
                </c:pt>
                <c:pt idx="126">
                  <c:v>0.71736220833323416</c:v>
                </c:pt>
                <c:pt idx="127">
                  <c:v>0.82496728013990139</c:v>
                </c:pt>
                <c:pt idx="128">
                  <c:v>0.88638784096606771</c:v>
                </c:pt>
                <c:pt idx="129">
                  <c:v>0.91800729244618107</c:v>
                </c:pt>
                <c:pt idx="130">
                  <c:v>0.88390211738004398</c:v>
                </c:pt>
                <c:pt idx="131">
                  <c:v>0.83289741885276458</c:v>
                </c:pt>
                <c:pt idx="132">
                  <c:v>0.74412821626498304</c:v>
                </c:pt>
                <c:pt idx="133">
                  <c:v>0.64736467298852107</c:v>
                </c:pt>
                <c:pt idx="134">
                  <c:v>0.54708752590582244</c:v>
                </c:pt>
                <c:pt idx="135">
                  <c:v>0.39133680640248819</c:v>
                </c:pt>
                <c:pt idx="136">
                  <c:v>0.2379625615175045</c:v>
                </c:pt>
                <c:pt idx="137">
                  <c:v>7.3541811179117317E-2</c:v>
                </c:pt>
                <c:pt idx="138">
                  <c:v>-8.5918486776793784E-2</c:v>
                </c:pt>
                <c:pt idx="139">
                  <c:v>-0.16443388897015554</c:v>
                </c:pt>
                <c:pt idx="140">
                  <c:v>-0.27291455951214366</c:v>
                </c:pt>
                <c:pt idx="141">
                  <c:v>-0.39549982380310073</c:v>
                </c:pt>
                <c:pt idx="142">
                  <c:v>-0.51010102264960533</c:v>
                </c:pt>
                <c:pt idx="143">
                  <c:v>-0.54451720701409656</c:v>
                </c:pt>
                <c:pt idx="144">
                  <c:v>-0.53611445059013008</c:v>
                </c:pt>
                <c:pt idx="145">
                  <c:v>-0.48691778910807326</c:v>
                </c:pt>
                <c:pt idx="146">
                  <c:v>-0.39138534555841265</c:v>
                </c:pt>
                <c:pt idx="147">
                  <c:v>-0.2279032056722427</c:v>
                </c:pt>
                <c:pt idx="148">
                  <c:v>-0.1070133150009272</c:v>
                </c:pt>
                <c:pt idx="149">
                  <c:v>5.2110261409907301E-2</c:v>
                </c:pt>
                <c:pt idx="150">
                  <c:v>0.21469171856263305</c:v>
                </c:pt>
                <c:pt idx="151">
                  <c:v>0.34469816467741132</c:v>
                </c:pt>
                <c:pt idx="152">
                  <c:v>0.43382565815404339</c:v>
                </c:pt>
                <c:pt idx="153">
                  <c:v>0.5208523964171371</c:v>
                </c:pt>
                <c:pt idx="154">
                  <c:v>0.52699959128867413</c:v>
                </c:pt>
                <c:pt idx="155">
                  <c:v>0.55832740874624864</c:v>
                </c:pt>
                <c:pt idx="156">
                  <c:v>0.50456191393478356</c:v>
                </c:pt>
                <c:pt idx="157">
                  <c:v>0.49685855272038126</c:v>
                </c:pt>
                <c:pt idx="158">
                  <c:v>0.49995631241817418</c:v>
                </c:pt>
                <c:pt idx="159">
                  <c:v>0.48636594314180187</c:v>
                </c:pt>
                <c:pt idx="160">
                  <c:v>0.45946766276920048</c:v>
                </c:pt>
                <c:pt idx="161">
                  <c:v>0.40640492149265378</c:v>
                </c:pt>
                <c:pt idx="162">
                  <c:v>0.35026768163456712</c:v>
                </c:pt>
                <c:pt idx="163">
                  <c:v>0.26080130268148066</c:v>
                </c:pt>
                <c:pt idx="164">
                  <c:v>0.14819531523689025</c:v>
                </c:pt>
                <c:pt idx="165">
                  <c:v>7.6844202709058618E-2</c:v>
                </c:pt>
                <c:pt idx="166">
                  <c:v>1.5640024254452631E-2</c:v>
                </c:pt>
                <c:pt idx="167">
                  <c:v>-4.1646464851042141E-2</c:v>
                </c:pt>
                <c:pt idx="168">
                  <c:v>-4.3318789941093241E-2</c:v>
                </c:pt>
                <c:pt idx="169">
                  <c:v>4.5710192723684998E-2</c:v>
                </c:pt>
                <c:pt idx="170">
                  <c:v>0.10828510379576946</c:v>
                </c:pt>
                <c:pt idx="171">
                  <c:v>0.11178147322870097</c:v>
                </c:pt>
                <c:pt idx="172">
                  <c:v>0.14966906610081507</c:v>
                </c:pt>
                <c:pt idx="173">
                  <c:v>0.23931229151337755</c:v>
                </c:pt>
                <c:pt idx="174">
                  <c:v>0.38333422672435447</c:v>
                </c:pt>
                <c:pt idx="175">
                  <c:v>0.48268916142791168</c:v>
                </c:pt>
                <c:pt idx="176">
                  <c:v>0.60363156040326971</c:v>
                </c:pt>
                <c:pt idx="177">
                  <c:v>0.74698371287646714</c:v>
                </c:pt>
                <c:pt idx="178">
                  <c:v>0.844189751783604</c:v>
                </c:pt>
                <c:pt idx="179">
                  <c:v>0.9066901676776643</c:v>
                </c:pt>
                <c:pt idx="180">
                  <c:v>0.89806949583021423</c:v>
                </c:pt>
                <c:pt idx="181">
                  <c:v>0.87053952845442684</c:v>
                </c:pt>
                <c:pt idx="182">
                  <c:v>0.81655405505321799</c:v>
                </c:pt>
                <c:pt idx="183">
                  <c:v>0.75699334931594064</c:v>
                </c:pt>
                <c:pt idx="184">
                  <c:v>0.5868235435428053</c:v>
                </c:pt>
                <c:pt idx="185">
                  <c:v>0.3288154362772826</c:v>
                </c:pt>
                <c:pt idx="186">
                  <c:v>8.139121819035075E-2</c:v>
                </c:pt>
                <c:pt idx="187">
                  <c:v>-0.16727261443217722</c:v>
                </c:pt>
                <c:pt idx="188">
                  <c:v>-0.33573126716850177</c:v>
                </c:pt>
                <c:pt idx="189">
                  <c:v>-0.47811598581971687</c:v>
                </c:pt>
                <c:pt idx="190">
                  <c:v>-0.56525613948472397</c:v>
                </c:pt>
                <c:pt idx="191">
                  <c:v>-0.58236434632085687</c:v>
                </c:pt>
                <c:pt idx="192">
                  <c:v>-0.57235831402214998</c:v>
                </c:pt>
                <c:pt idx="193">
                  <c:v>-0.54385661521426931</c:v>
                </c:pt>
                <c:pt idx="194">
                  <c:v>-0.50728253661004097</c:v>
                </c:pt>
                <c:pt idx="195">
                  <c:v>-0.4924423254442698</c:v>
                </c:pt>
                <c:pt idx="196">
                  <c:v>-0.48815741824703301</c:v>
                </c:pt>
                <c:pt idx="197">
                  <c:v>-0.47301365753444224</c:v>
                </c:pt>
                <c:pt idx="198">
                  <c:v>-0.48471193082515485</c:v>
                </c:pt>
                <c:pt idx="199">
                  <c:v>-0.3973180863110527</c:v>
                </c:pt>
                <c:pt idx="200">
                  <c:v>-0.31529142754205353</c:v>
                </c:pt>
                <c:pt idx="201">
                  <c:v>-0.11634287913839372</c:v>
                </c:pt>
                <c:pt idx="202">
                  <c:v>8.906228983933942E-2</c:v>
                </c:pt>
                <c:pt idx="203">
                  <c:v>0.30844105710802683</c:v>
                </c:pt>
                <c:pt idx="204">
                  <c:v>0.44021249741116264</c:v>
                </c:pt>
                <c:pt idx="205">
                  <c:v>0.52613206291759673</c:v>
                </c:pt>
                <c:pt idx="206">
                  <c:v>0.52954227142600563</c:v>
                </c:pt>
                <c:pt idx="207">
                  <c:v>0.58355207196509773</c:v>
                </c:pt>
                <c:pt idx="208">
                  <c:v>0.59575882569746308</c:v>
                </c:pt>
                <c:pt idx="209">
                  <c:v>0.58301431760597422</c:v>
                </c:pt>
                <c:pt idx="210">
                  <c:v>0.57091792455546742</c:v>
                </c:pt>
                <c:pt idx="211">
                  <c:v>0.5544651463863941</c:v>
                </c:pt>
                <c:pt idx="212">
                  <c:v>0.4982115356258362</c:v>
                </c:pt>
                <c:pt idx="213">
                  <c:v>0.4389657146668825</c:v>
                </c:pt>
                <c:pt idx="214">
                  <c:v>0.33690124255089959</c:v>
                </c:pt>
                <c:pt idx="215">
                  <c:v>0.2848650778563443</c:v>
                </c:pt>
                <c:pt idx="216">
                  <c:v>0.13572362957810721</c:v>
                </c:pt>
                <c:pt idx="217">
                  <c:v>6.9477586025049184E-3</c:v>
                </c:pt>
                <c:pt idx="218">
                  <c:v>-0.15004992951715276</c:v>
                </c:pt>
                <c:pt idx="219">
                  <c:v>-0.31753681163699399</c:v>
                </c:pt>
                <c:pt idx="220">
                  <c:v>-0.45661555246698349</c:v>
                </c:pt>
                <c:pt idx="221">
                  <c:v>-0.52848939765620551</c:v>
                </c:pt>
                <c:pt idx="222">
                  <c:v>-0.54844631448404679</c:v>
                </c:pt>
                <c:pt idx="223">
                  <c:v>-0.52103162695898642</c:v>
                </c:pt>
                <c:pt idx="224">
                  <c:v>-0.45581230214666268</c:v>
                </c:pt>
                <c:pt idx="225">
                  <c:v>-0.37311009976186188</c:v>
                </c:pt>
                <c:pt idx="226">
                  <c:v>-0.17998148374763243</c:v>
                </c:pt>
                <c:pt idx="227">
                  <c:v>-2.9696032250962377E-2</c:v>
                </c:pt>
                <c:pt idx="228">
                  <c:v>9.2939152520281842E-2</c:v>
                </c:pt>
                <c:pt idx="229">
                  <c:v>0.24167087919155192</c:v>
                </c:pt>
                <c:pt idx="230">
                  <c:v>0.36242657839341669</c:v>
                </c:pt>
                <c:pt idx="231">
                  <c:v>0.49972908601364191</c:v>
                </c:pt>
                <c:pt idx="232">
                  <c:v>0.57091885034561629</c:v>
                </c:pt>
                <c:pt idx="233">
                  <c:v>0.58013308678400322</c:v>
                </c:pt>
                <c:pt idx="234">
                  <c:v>0.59575531683063732</c:v>
                </c:pt>
                <c:pt idx="235">
                  <c:v>0.57360695394496319</c:v>
                </c:pt>
                <c:pt idx="236">
                  <c:v>0.42369266775333025</c:v>
                </c:pt>
                <c:pt idx="237">
                  <c:v>0.29828363998171664</c:v>
                </c:pt>
                <c:pt idx="238">
                  <c:v>0.1611723783539587</c:v>
                </c:pt>
                <c:pt idx="239">
                  <c:v>3.0256484198615537E-2</c:v>
                </c:pt>
                <c:pt idx="240">
                  <c:v>-3.3390343249095546E-2</c:v>
                </c:pt>
                <c:pt idx="241">
                  <c:v>-5.9939481175931709E-2</c:v>
                </c:pt>
                <c:pt idx="242">
                  <c:v>-8.4906003945311809E-2</c:v>
                </c:pt>
                <c:pt idx="243">
                  <c:v>-6.041909211624881E-2</c:v>
                </c:pt>
                <c:pt idx="244">
                  <c:v>6.1595023750048508E-3</c:v>
                </c:pt>
                <c:pt idx="245">
                  <c:v>1.8507072538243175E-2</c:v>
                </c:pt>
                <c:pt idx="246">
                  <c:v>2.8296372544767884E-2</c:v>
                </c:pt>
                <c:pt idx="247">
                  <c:v>2.313246599991136E-2</c:v>
                </c:pt>
                <c:pt idx="248">
                  <c:v>2.7781385889684942E-2</c:v>
                </c:pt>
                <c:pt idx="249">
                  <c:v>0.11220761528866112</c:v>
                </c:pt>
                <c:pt idx="250">
                  <c:v>0.17479760271938932</c:v>
                </c:pt>
                <c:pt idx="251">
                  <c:v>0.26671887426290009</c:v>
                </c:pt>
                <c:pt idx="252">
                  <c:v>0.36048571410522218</c:v>
                </c:pt>
                <c:pt idx="253">
                  <c:v>0.52863300273878699</c:v>
                </c:pt>
                <c:pt idx="254">
                  <c:v>0.70202626747335273</c:v>
                </c:pt>
                <c:pt idx="255">
                  <c:v>0.85455954390087863</c:v>
                </c:pt>
                <c:pt idx="256">
                  <c:v>0.97338463792259422</c:v>
                </c:pt>
                <c:pt idx="257">
                  <c:v>1.0084123032043273</c:v>
                </c:pt>
                <c:pt idx="258">
                  <c:v>0.95350401314164956</c:v>
                </c:pt>
                <c:pt idx="259">
                  <c:v>0.93248297025613769</c:v>
                </c:pt>
                <c:pt idx="260">
                  <c:v>0.85508697717253668</c:v>
                </c:pt>
                <c:pt idx="261">
                  <c:v>0.74095751042960767</c:v>
                </c:pt>
                <c:pt idx="262">
                  <c:v>0.63853134900913466</c:v>
                </c:pt>
                <c:pt idx="263">
                  <c:v>0.59905175448063286</c:v>
                </c:pt>
                <c:pt idx="264">
                  <c:v>0.54207791426670304</c:v>
                </c:pt>
                <c:pt idx="265">
                  <c:v>0.49925551934938289</c:v>
                </c:pt>
                <c:pt idx="266">
                  <c:v>0.32588977595848145</c:v>
                </c:pt>
                <c:pt idx="267">
                  <c:v>0.13441030374621446</c:v>
                </c:pt>
                <c:pt idx="268">
                  <c:v>-5.8376909344828552E-2</c:v>
                </c:pt>
                <c:pt idx="269">
                  <c:v>-0.23286703628964633</c:v>
                </c:pt>
                <c:pt idx="270">
                  <c:v>-0.38781155135664491</c:v>
                </c:pt>
                <c:pt idx="271">
                  <c:v>-0.5101918456746054</c:v>
                </c:pt>
                <c:pt idx="272">
                  <c:v>-0.52611980342849907</c:v>
                </c:pt>
                <c:pt idx="273">
                  <c:v>-0.485833530929</c:v>
                </c:pt>
                <c:pt idx="274">
                  <c:v>-0.41849542028114783</c:v>
                </c:pt>
                <c:pt idx="275">
                  <c:v>-0.3058204987223655</c:v>
                </c:pt>
                <c:pt idx="276">
                  <c:v>-0.18282228947841717</c:v>
                </c:pt>
                <c:pt idx="277">
                  <c:v>4.3590746385525807E-3</c:v>
                </c:pt>
                <c:pt idx="278">
                  <c:v>0.17229400255754246</c:v>
                </c:pt>
                <c:pt idx="279">
                  <c:v>0.34959232824309233</c:v>
                </c:pt>
                <c:pt idx="280">
                  <c:v>0.48951010073838264</c:v>
                </c:pt>
                <c:pt idx="281">
                  <c:v>0.56306676407028844</c:v>
                </c:pt>
                <c:pt idx="282">
                  <c:v>0.62095122669971636</c:v>
                </c:pt>
                <c:pt idx="283">
                  <c:v>0.65435618264625872</c:v>
                </c:pt>
                <c:pt idx="284">
                  <c:v>0.70115595005807962</c:v>
                </c:pt>
                <c:pt idx="285">
                  <c:v>0.68600333072381425</c:v>
                </c:pt>
                <c:pt idx="286">
                  <c:v>0.71189636965921665</c:v>
                </c:pt>
                <c:pt idx="287">
                  <c:v>0.67380650826573418</c:v>
                </c:pt>
                <c:pt idx="288">
                  <c:v>0.57009700033444888</c:v>
                </c:pt>
                <c:pt idx="289">
                  <c:v>0.49432104088798434</c:v>
                </c:pt>
                <c:pt idx="290">
                  <c:v>0.37954212823969574</c:v>
                </c:pt>
                <c:pt idx="291">
                  <c:v>0.2675259758939349</c:v>
                </c:pt>
                <c:pt idx="292">
                  <c:v>0.16466000850083742</c:v>
                </c:pt>
                <c:pt idx="293">
                  <c:v>5.1194886447439504E-2</c:v>
                </c:pt>
                <c:pt idx="294">
                  <c:v>-8.1153360754888701E-2</c:v>
                </c:pt>
                <c:pt idx="295">
                  <c:v>-0.17877007563158354</c:v>
                </c:pt>
                <c:pt idx="296">
                  <c:v>-0.30770504255518177</c:v>
                </c:pt>
                <c:pt idx="297">
                  <c:v>-0.39534812404072317</c:v>
                </c:pt>
                <c:pt idx="298">
                  <c:v>-0.48288179303979539</c:v>
                </c:pt>
                <c:pt idx="299">
                  <c:v>-0.56327385889352244</c:v>
                </c:pt>
                <c:pt idx="300">
                  <c:v>-0.64756467216387426</c:v>
                </c:pt>
                <c:pt idx="301">
                  <c:v>-0.69298350867089287</c:v>
                </c:pt>
                <c:pt idx="302">
                  <c:v>-0.70164726427683677</c:v>
                </c:pt>
                <c:pt idx="303">
                  <c:v>-0.64777343284590849</c:v>
                </c:pt>
                <c:pt idx="304">
                  <c:v>-0.56494236453380686</c:v>
                </c:pt>
                <c:pt idx="305">
                  <c:v>-0.47887419090822897</c:v>
                </c:pt>
                <c:pt idx="306">
                  <c:v>-0.42910075720837304</c:v>
                </c:pt>
                <c:pt idx="307">
                  <c:v>-0.35379957741753454</c:v>
                </c:pt>
                <c:pt idx="308">
                  <c:v>-0.32493188864995631</c:v>
                </c:pt>
                <c:pt idx="309">
                  <c:v>-0.24828994588850498</c:v>
                </c:pt>
                <c:pt idx="310">
                  <c:v>-0.18278726524402206</c:v>
                </c:pt>
                <c:pt idx="311">
                  <c:v>-0.14867577991718109</c:v>
                </c:pt>
                <c:pt idx="312">
                  <c:v>-0.14219056404232042</c:v>
                </c:pt>
                <c:pt idx="313">
                  <c:v>-0.15349431666587027</c:v>
                </c:pt>
                <c:pt idx="314">
                  <c:v>-0.20153214464502969</c:v>
                </c:pt>
                <c:pt idx="315">
                  <c:v>-0.26412174019105039</c:v>
                </c:pt>
                <c:pt idx="316">
                  <c:v>-0.28041256081992844</c:v>
                </c:pt>
                <c:pt idx="317">
                  <c:v>-0.27447606261310703</c:v>
                </c:pt>
                <c:pt idx="318">
                  <c:v>-0.28775206519797097</c:v>
                </c:pt>
                <c:pt idx="319">
                  <c:v>-0.32754478675813675</c:v>
                </c:pt>
                <c:pt idx="320">
                  <c:v>-0.33451184765627995</c:v>
                </c:pt>
                <c:pt idx="321">
                  <c:v>-0.36231503119432434</c:v>
                </c:pt>
                <c:pt idx="322">
                  <c:v>-0.40110302773056405</c:v>
                </c:pt>
                <c:pt idx="323">
                  <c:v>-0.37573633535821066</c:v>
                </c:pt>
                <c:pt idx="324">
                  <c:v>-0.36529484032291165</c:v>
                </c:pt>
                <c:pt idx="325">
                  <c:v>-0.27986016421561732</c:v>
                </c:pt>
                <c:pt idx="326">
                  <c:v>-0.13737557231485731</c:v>
                </c:pt>
                <c:pt idx="327">
                  <c:v>6.4538515600095674E-3</c:v>
                </c:pt>
                <c:pt idx="328">
                  <c:v>0.13553050047718151</c:v>
                </c:pt>
                <c:pt idx="329">
                  <c:v>0.29043695407660924</c:v>
                </c:pt>
                <c:pt idx="330">
                  <c:v>0.48443679977033949</c:v>
                </c:pt>
                <c:pt idx="331">
                  <c:v>0.61609462626720579</c:v>
                </c:pt>
                <c:pt idx="332">
                  <c:v>0.70318570737493336</c:v>
                </c:pt>
                <c:pt idx="333">
                  <c:v>0.7444569824371301</c:v>
                </c:pt>
                <c:pt idx="334">
                  <c:v>0.80331148821314835</c:v>
                </c:pt>
                <c:pt idx="335">
                  <c:v>0.86445059417960157</c:v>
                </c:pt>
                <c:pt idx="336">
                  <c:v>0.86158638242149421</c:v>
                </c:pt>
                <c:pt idx="337">
                  <c:v>0.88516816267338405</c:v>
                </c:pt>
                <c:pt idx="338">
                  <c:v>0.87482039590678062</c:v>
                </c:pt>
                <c:pt idx="339">
                  <c:v>0.83612987158296281</c:v>
                </c:pt>
                <c:pt idx="340">
                  <c:v>0.83088913620956573</c:v>
                </c:pt>
                <c:pt idx="341">
                  <c:v>0.80742483151475108</c:v>
                </c:pt>
                <c:pt idx="342">
                  <c:v>0.82987260136358809</c:v>
                </c:pt>
                <c:pt idx="343">
                  <c:v>0.79696839563748767</c:v>
                </c:pt>
                <c:pt idx="344">
                  <c:v>0.67948576471337452</c:v>
                </c:pt>
                <c:pt idx="345">
                  <c:v>0.49604165460198441</c:v>
                </c:pt>
                <c:pt idx="346">
                  <c:v>0.37303153400319677</c:v>
                </c:pt>
                <c:pt idx="347">
                  <c:v>0.27547584960264743</c:v>
                </c:pt>
                <c:pt idx="348">
                  <c:v>0.16595748089038728</c:v>
                </c:pt>
                <c:pt idx="349">
                  <c:v>9.8926499690517894E-2</c:v>
                </c:pt>
                <c:pt idx="350">
                  <c:v>8.2476432775711039E-2</c:v>
                </c:pt>
                <c:pt idx="351">
                  <c:v>5.7972366810216412E-2</c:v>
                </c:pt>
                <c:pt idx="352">
                  <c:v>5.7892072194813182E-2</c:v>
                </c:pt>
                <c:pt idx="353">
                  <c:v>8.0650012921329922E-2</c:v>
                </c:pt>
                <c:pt idx="354">
                  <c:v>0.15995990910273689</c:v>
                </c:pt>
                <c:pt idx="355">
                  <c:v>0.25154002782605922</c:v>
                </c:pt>
                <c:pt idx="356">
                  <c:v>0.30592263377482348</c:v>
                </c:pt>
                <c:pt idx="357">
                  <c:v>0.41459785509736569</c:v>
                </c:pt>
                <c:pt idx="358">
                  <c:v>0.54370897706876953</c:v>
                </c:pt>
                <c:pt idx="359">
                  <c:v>0.66395750243871043</c:v>
                </c:pt>
                <c:pt idx="360">
                  <c:v>0.70549261726620804</c:v>
                </c:pt>
                <c:pt idx="361">
                  <c:v>0.70467684660221741</c:v>
                </c:pt>
                <c:pt idx="362">
                  <c:v>0.61936945538431853</c:v>
                </c:pt>
                <c:pt idx="363">
                  <c:v>0.55354949708428336</c:v>
                </c:pt>
                <c:pt idx="364">
                  <c:v>0.47873415331415031</c:v>
                </c:pt>
                <c:pt idx="365">
                  <c:v>0.48271813540774122</c:v>
                </c:pt>
                <c:pt idx="366">
                  <c:v>0.48421764183637056</c:v>
                </c:pt>
                <c:pt idx="367">
                  <c:v>0.48079229512184279</c:v>
                </c:pt>
                <c:pt idx="368">
                  <c:v>0.35236455776407705</c:v>
                </c:pt>
                <c:pt idx="369">
                  <c:v>0.19382966656076051</c:v>
                </c:pt>
                <c:pt idx="370">
                  <c:v>1.273504833863995E-2</c:v>
                </c:pt>
                <c:pt idx="371">
                  <c:v>-0.16848124515879512</c:v>
                </c:pt>
                <c:pt idx="372">
                  <c:v>-0.38935619484325856</c:v>
                </c:pt>
                <c:pt idx="373">
                  <c:v>-0.46886060226835502</c:v>
                </c:pt>
                <c:pt idx="374">
                  <c:v>-0.55103677924829308</c:v>
                </c:pt>
                <c:pt idx="375">
                  <c:v>-0.57711545135994802</c:v>
                </c:pt>
                <c:pt idx="376">
                  <c:v>-0.54163357948822732</c:v>
                </c:pt>
                <c:pt idx="377">
                  <c:v>-0.46466305263883639</c:v>
                </c:pt>
                <c:pt idx="378">
                  <c:v>-0.34099747301409267</c:v>
                </c:pt>
                <c:pt idx="379">
                  <c:v>-0.22843274597508587</c:v>
                </c:pt>
                <c:pt idx="380">
                  <c:v>-0.15031453756629698</c:v>
                </c:pt>
                <c:pt idx="381">
                  <c:v>-8.5814347446064823E-2</c:v>
                </c:pt>
                <c:pt idx="382">
                  <c:v>-7.4084854848630727E-2</c:v>
                </c:pt>
                <c:pt idx="383">
                  <c:v>-8.7893460664658449E-3</c:v>
                </c:pt>
                <c:pt idx="384">
                  <c:v>0.1532133613992164</c:v>
                </c:pt>
                <c:pt idx="385">
                  <c:v>0.31424401384108369</c:v>
                </c:pt>
                <c:pt idx="386">
                  <c:v>0.45739719285034303</c:v>
                </c:pt>
                <c:pt idx="387">
                  <c:v>0.60319041448270361</c:v>
                </c:pt>
                <c:pt idx="388">
                  <c:v>0.67029346193719619</c:v>
                </c:pt>
                <c:pt idx="389">
                  <c:v>0.62065094461239123</c:v>
                </c:pt>
                <c:pt idx="390">
                  <c:v>0.58706195927461913</c:v>
                </c:pt>
                <c:pt idx="391">
                  <c:v>0.51393829914249622</c:v>
                </c:pt>
                <c:pt idx="392">
                  <c:v>0.44780040375585711</c:v>
                </c:pt>
                <c:pt idx="393">
                  <c:v>0.38686823703704792</c:v>
                </c:pt>
                <c:pt idx="394">
                  <c:v>0.26918010430665656</c:v>
                </c:pt>
                <c:pt idx="395">
                  <c:v>0.20171794220559541</c:v>
                </c:pt>
                <c:pt idx="396">
                  <c:v>9.7540067293992241E-2</c:v>
                </c:pt>
                <c:pt idx="397">
                  <c:v>4.3432913011973134E-2</c:v>
                </c:pt>
                <c:pt idx="398">
                  <c:v>-2.5821861938819489E-2</c:v>
                </c:pt>
                <c:pt idx="399">
                  <c:v>-4.4041003038444874E-2</c:v>
                </c:pt>
                <c:pt idx="400">
                  <c:v>-0.12661232182938834</c:v>
                </c:pt>
                <c:pt idx="401">
                  <c:v>-0.29052243638320546</c:v>
                </c:pt>
                <c:pt idx="402">
                  <c:v>-0.37915907395560622</c:v>
                </c:pt>
                <c:pt idx="403">
                  <c:v>-0.43443079153679187</c:v>
                </c:pt>
                <c:pt idx="404">
                  <c:v>-0.42729367816086566</c:v>
                </c:pt>
                <c:pt idx="405">
                  <c:v>-0.4536701291510053</c:v>
                </c:pt>
                <c:pt idx="406">
                  <c:v>-0.42358176806663933</c:v>
                </c:pt>
                <c:pt idx="407">
                  <c:v>-0.34245486732029318</c:v>
                </c:pt>
                <c:pt idx="408">
                  <c:v>-0.27663928478678412</c:v>
                </c:pt>
                <c:pt idx="409">
                  <c:v>-0.17082283374875123</c:v>
                </c:pt>
                <c:pt idx="410">
                  <c:v>-4.6219111438252356E-4</c:v>
                </c:pt>
                <c:pt idx="411">
                  <c:v>0.17047101068075388</c:v>
                </c:pt>
                <c:pt idx="412">
                  <c:v>0.26922211133527951</c:v>
                </c:pt>
                <c:pt idx="413">
                  <c:v>0.33109025460434105</c:v>
                </c:pt>
                <c:pt idx="414">
                  <c:v>0.34321942885730722</c:v>
                </c:pt>
                <c:pt idx="415">
                  <c:v>0.42493644084879817</c:v>
                </c:pt>
                <c:pt idx="416">
                  <c:v>0.44891905059413717</c:v>
                </c:pt>
                <c:pt idx="417">
                  <c:v>0.36559933233411718</c:v>
                </c:pt>
                <c:pt idx="418">
                  <c:v>0.27416954103114732</c:v>
                </c:pt>
                <c:pt idx="419">
                  <c:v>0.19281571505811973</c:v>
                </c:pt>
                <c:pt idx="420">
                  <c:v>0.15002738410894154</c:v>
                </c:pt>
                <c:pt idx="421">
                  <c:v>0.14652456167121305</c:v>
                </c:pt>
                <c:pt idx="422">
                  <c:v>8.6425449221086165E-2</c:v>
                </c:pt>
                <c:pt idx="423">
                  <c:v>5.2960709002228719E-2</c:v>
                </c:pt>
                <c:pt idx="424">
                  <c:v>1.6218462698158659E-2</c:v>
                </c:pt>
                <c:pt idx="425">
                  <c:v>-4.9229980259806544E-2</c:v>
                </c:pt>
                <c:pt idx="426">
                  <c:v>-5.2014959552668459E-2</c:v>
                </c:pt>
                <c:pt idx="427">
                  <c:v>-2.223091359370543E-2</c:v>
                </c:pt>
                <c:pt idx="428">
                  <c:v>7.527654019492365E-2</c:v>
                </c:pt>
                <c:pt idx="429">
                  <c:v>0.14117110439374839</c:v>
                </c:pt>
                <c:pt idx="430">
                  <c:v>0.23361592908577272</c:v>
                </c:pt>
                <c:pt idx="431">
                  <c:v>0.32585242926704999</c:v>
                </c:pt>
                <c:pt idx="432">
                  <c:v>0.37965880571527272</c:v>
                </c:pt>
                <c:pt idx="433">
                  <c:v>0.41800200909410895</c:v>
                </c:pt>
                <c:pt idx="434">
                  <c:v>0.39343583477663557</c:v>
                </c:pt>
                <c:pt idx="435">
                  <c:v>0.38051259123020104</c:v>
                </c:pt>
                <c:pt idx="436">
                  <c:v>0.36024358345887553</c:v>
                </c:pt>
                <c:pt idx="437">
                  <c:v>0.32117801058653733</c:v>
                </c:pt>
                <c:pt idx="438">
                  <c:v>0.32645151970117181</c:v>
                </c:pt>
                <c:pt idx="439">
                  <c:v>0.33314671703998261</c:v>
                </c:pt>
                <c:pt idx="440">
                  <c:v>0.4154591099386396</c:v>
                </c:pt>
                <c:pt idx="441">
                  <c:v>0.45305063278002966</c:v>
                </c:pt>
                <c:pt idx="442">
                  <c:v>0.4398729218685074</c:v>
                </c:pt>
                <c:pt idx="443">
                  <c:v>0.2651987662467768</c:v>
                </c:pt>
                <c:pt idx="444">
                  <c:v>8.3534291730515117E-2</c:v>
                </c:pt>
                <c:pt idx="445">
                  <c:v>-0.12579557088340468</c:v>
                </c:pt>
                <c:pt idx="446">
                  <c:v>-0.24905220365894862</c:v>
                </c:pt>
                <c:pt idx="447">
                  <c:v>-0.37984507802489292</c:v>
                </c:pt>
                <c:pt idx="448">
                  <c:v>-0.39131785848229006</c:v>
                </c:pt>
                <c:pt idx="449">
                  <c:v>-0.43256464698259695</c:v>
                </c:pt>
                <c:pt idx="450">
                  <c:v>-0.39506035403431433</c:v>
                </c:pt>
                <c:pt idx="451">
                  <c:v>-0.39974396027055975</c:v>
                </c:pt>
                <c:pt idx="452">
                  <c:v>-0.47400375223818192</c:v>
                </c:pt>
                <c:pt idx="453">
                  <c:v>-0.54667506088982876</c:v>
                </c:pt>
                <c:pt idx="454">
                  <c:v>-0.65449807000864613</c:v>
                </c:pt>
                <c:pt idx="455">
                  <c:v>-0.64960864661000184</c:v>
                </c:pt>
                <c:pt idx="456">
                  <c:v>-0.69675473890761996</c:v>
                </c:pt>
                <c:pt idx="457">
                  <c:v>-0.71498797814608983</c:v>
                </c:pt>
                <c:pt idx="458">
                  <c:v>-0.74748357375609953</c:v>
                </c:pt>
                <c:pt idx="459">
                  <c:v>-0.70316243601906747</c:v>
                </c:pt>
                <c:pt idx="460">
                  <c:v>-0.60420779295452232</c:v>
                </c:pt>
                <c:pt idx="461">
                  <c:v>-0.5677165456243406</c:v>
                </c:pt>
                <c:pt idx="462">
                  <c:v>-0.50742311260256812</c:v>
                </c:pt>
                <c:pt idx="463">
                  <c:v>-0.41315804815408275</c:v>
                </c:pt>
                <c:pt idx="464">
                  <c:v>-0.22685916612318938</c:v>
                </c:pt>
                <c:pt idx="465">
                  <c:v>-6.6113299691178323E-2</c:v>
                </c:pt>
                <c:pt idx="466">
                  <c:v>7.0811541973454642E-2</c:v>
                </c:pt>
                <c:pt idx="467">
                  <c:v>0.22561160079940359</c:v>
                </c:pt>
                <c:pt idx="468">
                  <c:v>0.3806119903632938</c:v>
                </c:pt>
                <c:pt idx="469">
                  <c:v>0.37102580531748469</c:v>
                </c:pt>
                <c:pt idx="470">
                  <c:v>0.32649079084933769</c:v>
                </c:pt>
                <c:pt idx="471">
                  <c:v>0.32651643345813924</c:v>
                </c:pt>
                <c:pt idx="472">
                  <c:v>0.28107337160349416</c:v>
                </c:pt>
                <c:pt idx="473">
                  <c:v>0.23782123410680828</c:v>
                </c:pt>
                <c:pt idx="474">
                  <c:v>0.1407035022105832</c:v>
                </c:pt>
                <c:pt idx="475">
                  <c:v>5.3246546825683728E-2</c:v>
                </c:pt>
                <c:pt idx="476">
                  <c:v>0.14314006770066978</c:v>
                </c:pt>
                <c:pt idx="477">
                  <c:v>0.19572054556310575</c:v>
                </c:pt>
                <c:pt idx="478">
                  <c:v>0.30664727591205471</c:v>
                </c:pt>
                <c:pt idx="479">
                  <c:v>0.37956067203041594</c:v>
                </c:pt>
                <c:pt idx="480">
                  <c:v>0.40775902535548803</c:v>
                </c:pt>
                <c:pt idx="481">
                  <c:v>0.45778349062186213</c:v>
                </c:pt>
                <c:pt idx="482">
                  <c:v>0.54338265473174407</c:v>
                </c:pt>
                <c:pt idx="483">
                  <c:v>0.54921305548241872</c:v>
                </c:pt>
                <c:pt idx="484">
                  <c:v>0.59991641381601846</c:v>
                </c:pt>
                <c:pt idx="485">
                  <c:v>0.59500946394019927</c:v>
                </c:pt>
                <c:pt idx="486">
                  <c:v>0.63129278854181636</c:v>
                </c:pt>
                <c:pt idx="487">
                  <c:v>0.68329107705838554</c:v>
                </c:pt>
                <c:pt idx="488">
                  <c:v>0.74713623167611054</c:v>
                </c:pt>
                <c:pt idx="489">
                  <c:v>0.73268084470954642</c:v>
                </c:pt>
                <c:pt idx="490">
                  <c:v>0.79126571660337885</c:v>
                </c:pt>
                <c:pt idx="491">
                  <c:v>0.79208218071645153</c:v>
                </c:pt>
                <c:pt idx="492">
                  <c:v>0.78251109152222753</c:v>
                </c:pt>
                <c:pt idx="493">
                  <c:v>0.78463926453170352</c:v>
                </c:pt>
                <c:pt idx="494">
                  <c:v>0.74293028720619503</c:v>
                </c:pt>
                <c:pt idx="495">
                  <c:v>0.70694047241576552</c:v>
                </c:pt>
                <c:pt idx="496">
                  <c:v>0.70833108594404781</c:v>
                </c:pt>
                <c:pt idx="497">
                  <c:v>0.64954584585926067</c:v>
                </c:pt>
                <c:pt idx="498">
                  <c:v>0.71096541030971161</c:v>
                </c:pt>
                <c:pt idx="499">
                  <c:v>0.63329915708778084</c:v>
                </c:pt>
                <c:pt idx="500">
                  <c:v>0.56584395783237174</c:v>
                </c:pt>
                <c:pt idx="501">
                  <c:v>0.48568677207581129</c:v>
                </c:pt>
                <c:pt idx="502">
                  <c:v>0.43646099056677007</c:v>
                </c:pt>
                <c:pt idx="503">
                  <c:v>0.33770054738258082</c:v>
                </c:pt>
                <c:pt idx="504">
                  <c:v>0.24960469097093962</c:v>
                </c:pt>
                <c:pt idx="505">
                  <c:v>0.1135366687134611</c:v>
                </c:pt>
                <c:pt idx="506">
                  <c:v>8.4834255841815157E-2</c:v>
                </c:pt>
                <c:pt idx="507">
                  <c:v>4.9159427980368868E-2</c:v>
                </c:pt>
                <c:pt idx="508">
                  <c:v>9.0445894351265294E-2</c:v>
                </c:pt>
                <c:pt idx="509">
                  <c:v>8.0082561007888992E-2</c:v>
                </c:pt>
                <c:pt idx="510">
                  <c:v>0.10438935346186626</c:v>
                </c:pt>
                <c:pt idx="511">
                  <c:v>5.9995608005655655E-2</c:v>
                </c:pt>
                <c:pt idx="512">
                  <c:v>-1.5420058420315427E-2</c:v>
                </c:pt>
                <c:pt idx="513">
                  <c:v>-5.2980738424979683E-2</c:v>
                </c:pt>
                <c:pt idx="514">
                  <c:v>-0.13523293631054609</c:v>
                </c:pt>
                <c:pt idx="515">
                  <c:v>-0.24184934343403042</c:v>
                </c:pt>
                <c:pt idx="516">
                  <c:v>-0.34704468217157775</c:v>
                </c:pt>
                <c:pt idx="517">
                  <c:v>-0.4890052950387675</c:v>
                </c:pt>
                <c:pt idx="518">
                  <c:v>-0.57448830146601049</c:v>
                </c:pt>
                <c:pt idx="519">
                  <c:v>-0.71555357045345902</c:v>
                </c:pt>
                <c:pt idx="520">
                  <c:v>-0.8101182162763314</c:v>
                </c:pt>
                <c:pt idx="521">
                  <c:v>-0.91161440486792555</c:v>
                </c:pt>
                <c:pt idx="522">
                  <c:v>-1.0320948764822162</c:v>
                </c:pt>
                <c:pt idx="523">
                  <c:v>-1.1287541475436262</c:v>
                </c:pt>
                <c:pt idx="524">
                  <c:v>-1.205020921503926</c:v>
                </c:pt>
                <c:pt idx="525">
                  <c:v>-1.1821969110056079</c:v>
                </c:pt>
                <c:pt idx="526">
                  <c:v>-1.171056926685859</c:v>
                </c:pt>
                <c:pt idx="527">
                  <c:v>-1.2659142641259258</c:v>
                </c:pt>
                <c:pt idx="528">
                  <c:v>-1.2168137341856706</c:v>
                </c:pt>
                <c:pt idx="529">
                  <c:v>-1.1347049075601963</c:v>
                </c:pt>
                <c:pt idx="530">
                  <c:v>-1.1153096305188872</c:v>
                </c:pt>
                <c:pt idx="531">
                  <c:v>-0.98541313728059088</c:v>
                </c:pt>
                <c:pt idx="532">
                  <c:v>-0.73915233931510094</c:v>
                </c:pt>
                <c:pt idx="533">
                  <c:v>-0.47382303378593588</c:v>
                </c:pt>
                <c:pt idx="534">
                  <c:v>-0.18485239046572952</c:v>
                </c:pt>
                <c:pt idx="535">
                  <c:v>-7.799681614120732E-2</c:v>
                </c:pt>
                <c:pt idx="536">
                  <c:v>7.8051579663264634E-2</c:v>
                </c:pt>
                <c:pt idx="537">
                  <c:v>0.18072794545220786</c:v>
                </c:pt>
                <c:pt idx="538">
                  <c:v>0.26871546007121139</c:v>
                </c:pt>
                <c:pt idx="539">
                  <c:v>0.43894456765539935</c:v>
                </c:pt>
                <c:pt idx="540">
                  <c:v>0.57337145531828759</c:v>
                </c:pt>
                <c:pt idx="541">
                  <c:v>0.70569679491220838</c:v>
                </c:pt>
                <c:pt idx="542">
                  <c:v>0.89072432755456643</c:v>
                </c:pt>
                <c:pt idx="543">
                  <c:v>1.0185994301688774</c:v>
                </c:pt>
                <c:pt idx="544">
                  <c:v>1.0854383516809638</c:v>
                </c:pt>
                <c:pt idx="545">
                  <c:v>1.1030901275590539</c:v>
                </c:pt>
                <c:pt idx="546">
                  <c:v>1.0662583399228203</c:v>
                </c:pt>
                <c:pt idx="547">
                  <c:v>1.0358097964795077</c:v>
                </c:pt>
                <c:pt idx="548">
                  <c:v>1.0929947577497441</c:v>
                </c:pt>
                <c:pt idx="549">
                  <c:v>1.1182023884118699</c:v>
                </c:pt>
                <c:pt idx="550">
                  <c:v>1.0951631635658394</c:v>
                </c:pt>
                <c:pt idx="551">
                  <c:v>1.0938838572476883</c:v>
                </c:pt>
                <c:pt idx="552">
                  <c:v>1.1563283147090879</c:v>
                </c:pt>
                <c:pt idx="553">
                  <c:v>1.2228418329726352</c:v>
                </c:pt>
                <c:pt idx="554">
                  <c:v>1.253802084951974</c:v>
                </c:pt>
                <c:pt idx="555">
                  <c:v>1.3652046150423738</c:v>
                </c:pt>
                <c:pt idx="556">
                  <c:v>1.4866284126286342</c:v>
                </c:pt>
                <c:pt idx="557">
                  <c:v>1.4763968290173122</c:v>
                </c:pt>
                <c:pt idx="558">
                  <c:v>1.5024333951519504</c:v>
                </c:pt>
                <c:pt idx="559">
                  <c:v>1.5401220789277554</c:v>
                </c:pt>
                <c:pt idx="560">
                  <c:v>1.4857659775728247</c:v>
                </c:pt>
                <c:pt idx="561">
                  <c:v>1.4888691958670071</c:v>
                </c:pt>
                <c:pt idx="562">
                  <c:v>1.5837243448810323</c:v>
                </c:pt>
                <c:pt idx="563">
                  <c:v>1.6597883345772604</c:v>
                </c:pt>
                <c:pt idx="564">
                  <c:v>1.7748543269276704</c:v>
                </c:pt>
                <c:pt idx="565">
                  <c:v>1.7448802776089947</c:v>
                </c:pt>
                <c:pt idx="566">
                  <c:v>1.7741449339131814</c:v>
                </c:pt>
                <c:pt idx="567">
                  <c:v>1.6684190816610069</c:v>
                </c:pt>
                <c:pt idx="568">
                  <c:v>1.5879521307938045</c:v>
                </c:pt>
                <c:pt idx="569">
                  <c:v>1.3807768115700709</c:v>
                </c:pt>
                <c:pt idx="570">
                  <c:v>1.2687458170310926</c:v>
                </c:pt>
                <c:pt idx="571">
                  <c:v>1.1486665115320438</c:v>
                </c:pt>
                <c:pt idx="572">
                  <c:v>1.0251415294391499</c:v>
                </c:pt>
                <c:pt idx="573">
                  <c:v>0.88679302308914987</c:v>
                </c:pt>
                <c:pt idx="574">
                  <c:v>0.87366560185252762</c:v>
                </c:pt>
                <c:pt idx="575">
                  <c:v>0.80634001821454537</c:v>
                </c:pt>
                <c:pt idx="576">
                  <c:v>0.70137782584840525</c:v>
                </c:pt>
                <c:pt idx="577">
                  <c:v>0.52284602237837907</c:v>
                </c:pt>
                <c:pt idx="578">
                  <c:v>0.44300220487535369</c:v>
                </c:pt>
                <c:pt idx="579">
                  <c:v>0.3848587661796537</c:v>
                </c:pt>
                <c:pt idx="580">
                  <c:v>0.39074160223662907</c:v>
                </c:pt>
                <c:pt idx="581">
                  <c:v>0.41588826417799279</c:v>
                </c:pt>
                <c:pt idx="582">
                  <c:v>0.43756455875840661</c:v>
                </c:pt>
                <c:pt idx="583">
                  <c:v>0.54752842003474478</c:v>
                </c:pt>
                <c:pt idx="584">
                  <c:v>0.56672269382040763</c:v>
                </c:pt>
                <c:pt idx="585">
                  <c:v>0.55384150233293739</c:v>
                </c:pt>
                <c:pt idx="586">
                  <c:v>0.55408973801900385</c:v>
                </c:pt>
                <c:pt idx="587">
                  <c:v>0.49564276471949309</c:v>
                </c:pt>
                <c:pt idx="588">
                  <c:v>0.49196325319668316</c:v>
                </c:pt>
                <c:pt idx="589">
                  <c:v>0.52361470911654662</c:v>
                </c:pt>
                <c:pt idx="590">
                  <c:v>0.54327561025169901</c:v>
                </c:pt>
                <c:pt idx="591">
                  <c:v>0.53094715665279824</c:v>
                </c:pt>
                <c:pt idx="592">
                  <c:v>0.52037926279110092</c:v>
                </c:pt>
                <c:pt idx="593">
                  <c:v>0.50933386765377298</c:v>
                </c:pt>
                <c:pt idx="594">
                  <c:v>0.46383838266133842</c:v>
                </c:pt>
                <c:pt idx="595">
                  <c:v>0.29389144133868916</c:v>
                </c:pt>
                <c:pt idx="596">
                  <c:v>0.14547058694771861</c:v>
                </c:pt>
                <c:pt idx="597">
                  <c:v>5.8530849623630928E-2</c:v>
                </c:pt>
                <c:pt idx="598">
                  <c:v>-0.15874858964342775</c:v>
                </c:pt>
                <c:pt idx="599">
                  <c:v>-0.41786761306387055</c:v>
                </c:pt>
                <c:pt idx="600">
                  <c:v>-0.68135661551085436</c:v>
                </c:pt>
                <c:pt idx="601">
                  <c:v>-0.88842997840537663</c:v>
                </c:pt>
                <c:pt idx="602">
                  <c:v>-1.1143363844546719</c:v>
                </c:pt>
                <c:pt idx="603">
                  <c:v>-1.2510019530270671</c:v>
                </c:pt>
                <c:pt idx="604">
                  <c:v>-1.3270556494990227</c:v>
                </c:pt>
                <c:pt idx="605">
                  <c:v>-1.4444938151376081</c:v>
                </c:pt>
                <c:pt idx="606">
                  <c:v>-1.4773763540652667</c:v>
                </c:pt>
                <c:pt idx="607">
                  <c:v>-1.5444832758501716</c:v>
                </c:pt>
                <c:pt idx="608">
                  <c:v>-1.5378688727859502</c:v>
                </c:pt>
                <c:pt idx="609">
                  <c:v>-1.4466716155001385</c:v>
                </c:pt>
                <c:pt idx="610">
                  <c:v>-1.2770361132940047</c:v>
                </c:pt>
                <c:pt idx="611">
                  <c:v>-1.1863053293295964</c:v>
                </c:pt>
                <c:pt idx="612">
                  <c:v>-1.123830717190458</c:v>
                </c:pt>
                <c:pt idx="613">
                  <c:v>-1.0153728650816163</c:v>
                </c:pt>
                <c:pt idx="614">
                  <c:v>-0.96091064382781144</c:v>
                </c:pt>
                <c:pt idx="615">
                  <c:v>-0.9049133986265836</c:v>
                </c:pt>
                <c:pt idx="616">
                  <c:v>-0.82387535055894401</c:v>
                </c:pt>
                <c:pt idx="617">
                  <c:v>-0.76424496075724024</c:v>
                </c:pt>
                <c:pt idx="618">
                  <c:v>-0.74659665743623405</c:v>
                </c:pt>
                <c:pt idx="619">
                  <c:v>-0.63531502915070759</c:v>
                </c:pt>
                <c:pt idx="620">
                  <c:v>-0.51818953457075645</c:v>
                </c:pt>
                <c:pt idx="621">
                  <c:v>-0.46498566202093894</c:v>
                </c:pt>
                <c:pt idx="622">
                  <c:v>-0.34250189973626466</c:v>
                </c:pt>
                <c:pt idx="623">
                  <c:v>-0.28308207229172599</c:v>
                </c:pt>
                <c:pt idx="624">
                  <c:v>-0.1293893503782059</c:v>
                </c:pt>
                <c:pt idx="625">
                  <c:v>-5.8650671480905352E-2</c:v>
                </c:pt>
                <c:pt idx="626">
                  <c:v>-1.4250521686191377E-2</c:v>
                </c:pt>
                <c:pt idx="627">
                  <c:v>-6.7796215210797053E-2</c:v>
                </c:pt>
                <c:pt idx="628">
                  <c:v>-5.8993466686060238E-2</c:v>
                </c:pt>
                <c:pt idx="629">
                  <c:v>-4.5147413297541544E-2</c:v>
                </c:pt>
                <c:pt idx="630">
                  <c:v>3.7844560433753602E-2</c:v>
                </c:pt>
                <c:pt idx="631">
                  <c:v>0.11686911136394747</c:v>
                </c:pt>
                <c:pt idx="632">
                  <c:v>0.20489891502081944</c:v>
                </c:pt>
                <c:pt idx="633">
                  <c:v>0.1806973890219743</c:v>
                </c:pt>
                <c:pt idx="634">
                  <c:v>0.21717571538574595</c:v>
                </c:pt>
                <c:pt idx="635">
                  <c:v>0.29961542174532285</c:v>
                </c:pt>
                <c:pt idx="636">
                  <c:v>0.42319265285044483</c:v>
                </c:pt>
                <c:pt idx="637">
                  <c:v>0.52249785042834507</c:v>
                </c:pt>
                <c:pt idx="638">
                  <c:v>0.61131640540868359</c:v>
                </c:pt>
                <c:pt idx="639">
                  <c:v>0.72473543509196969</c:v>
                </c:pt>
                <c:pt idx="640">
                  <c:v>0.83120131854500179</c:v>
                </c:pt>
                <c:pt idx="641">
                  <c:v>0.91113041421259666</c:v>
                </c:pt>
                <c:pt idx="642">
                  <c:v>0.90378337935602804</c:v>
                </c:pt>
                <c:pt idx="643">
                  <c:v>0.88266884997891493</c:v>
                </c:pt>
                <c:pt idx="644">
                  <c:v>0.87407161831227431</c:v>
                </c:pt>
                <c:pt idx="645">
                  <c:v>0.82135547405957421</c:v>
                </c:pt>
                <c:pt idx="646">
                  <c:v>0.76262538220199594</c:v>
                </c:pt>
                <c:pt idx="647">
                  <c:v>0.60604921993919247</c:v>
                </c:pt>
                <c:pt idx="648">
                  <c:v>0.46935605541078912</c:v>
                </c:pt>
                <c:pt idx="649">
                  <c:v>0.26378156355370524</c:v>
                </c:pt>
                <c:pt idx="650">
                  <c:v>1.2955322856608177E-2</c:v>
                </c:pt>
                <c:pt idx="651">
                  <c:v>-0.23187622928889839</c:v>
                </c:pt>
                <c:pt idx="652">
                  <c:v>-0.45099671702096006</c:v>
                </c:pt>
                <c:pt idx="653">
                  <c:v>-0.66172051687806865</c:v>
                </c:pt>
                <c:pt idx="654">
                  <c:v>-0.78215677517023519</c:v>
                </c:pt>
                <c:pt idx="655">
                  <c:v>-0.89151825693451703</c:v>
                </c:pt>
                <c:pt idx="656">
                  <c:v>-1.0498740360292562</c:v>
                </c:pt>
                <c:pt idx="657">
                  <c:v>-1.1194173064386155</c:v>
                </c:pt>
                <c:pt idx="658">
                  <c:v>-1.0847856481076377</c:v>
                </c:pt>
                <c:pt idx="659">
                  <c:v>-0.98680398368085664</c:v>
                </c:pt>
                <c:pt idx="660">
                  <c:v>-0.94206644581682475</c:v>
                </c:pt>
                <c:pt idx="661">
                  <c:v>-0.81344996222726107</c:v>
                </c:pt>
                <c:pt idx="662">
                  <c:v>-0.70977917029739579</c:v>
                </c:pt>
                <c:pt idx="663">
                  <c:v>-0.59008932119068946</c:v>
                </c:pt>
                <c:pt idx="664">
                  <c:v>-0.41183549175230205</c:v>
                </c:pt>
                <c:pt idx="665">
                  <c:v>-0.27586892782340455</c:v>
                </c:pt>
                <c:pt idx="666">
                  <c:v>-0.1537335265656648</c:v>
                </c:pt>
                <c:pt idx="667">
                  <c:v>-8.761081086979354E-2</c:v>
                </c:pt>
                <c:pt idx="668">
                  <c:v>-3.623333816036256E-2</c:v>
                </c:pt>
                <c:pt idx="669">
                  <c:v>-1.2474968824357099E-2</c:v>
                </c:pt>
                <c:pt idx="670">
                  <c:v>3.186552189772663E-2</c:v>
                </c:pt>
                <c:pt idx="671">
                  <c:v>0.10078963703244445</c:v>
                </c:pt>
                <c:pt idx="672">
                  <c:v>0.15479791308410823</c:v>
                </c:pt>
                <c:pt idx="673">
                  <c:v>0.14278566099305703</c:v>
                </c:pt>
                <c:pt idx="674">
                  <c:v>0.10896259452479143</c:v>
                </c:pt>
                <c:pt idx="675">
                  <c:v>5.1196232686282726E-2</c:v>
                </c:pt>
                <c:pt idx="676">
                  <c:v>-1.0808057821620594E-2</c:v>
                </c:pt>
                <c:pt idx="677">
                  <c:v>-6.3686261555096269E-2</c:v>
                </c:pt>
                <c:pt idx="678">
                  <c:v>-9.0115990520697423E-2</c:v>
                </c:pt>
                <c:pt idx="679">
                  <c:v>-0.11498389734088672</c:v>
                </c:pt>
                <c:pt idx="680">
                  <c:v>-0.13058782255343437</c:v>
                </c:pt>
                <c:pt idx="681">
                  <c:v>-0.14460831852404885</c:v>
                </c:pt>
                <c:pt idx="682">
                  <c:v>-0.13601066953877947</c:v>
                </c:pt>
                <c:pt idx="683">
                  <c:v>-0.14718164387750624</c:v>
                </c:pt>
                <c:pt idx="684">
                  <c:v>-0.19644293877442504</c:v>
                </c:pt>
                <c:pt idx="685">
                  <c:v>-0.19688570383031781</c:v>
                </c:pt>
                <c:pt idx="686">
                  <c:v>-0.14644595327004586</c:v>
                </c:pt>
                <c:pt idx="687">
                  <c:v>-4.2183754756859246E-2</c:v>
                </c:pt>
                <c:pt idx="688">
                  <c:v>9.3217647386478211E-2</c:v>
                </c:pt>
                <c:pt idx="689">
                  <c:v>0.25853637138668661</c:v>
                </c:pt>
                <c:pt idx="690">
                  <c:v>0.48419120453376024</c:v>
                </c:pt>
                <c:pt idx="691">
                  <c:v>0.6332083766513158</c:v>
                </c:pt>
                <c:pt idx="692">
                  <c:v>0.74567654463379063</c:v>
                </c:pt>
                <c:pt idx="693">
                  <c:v>0.79428367626247609</c:v>
                </c:pt>
                <c:pt idx="694">
                  <c:v>0.80145621201386386</c:v>
                </c:pt>
                <c:pt idx="695">
                  <c:v>0.79391568373596777</c:v>
                </c:pt>
                <c:pt idx="696">
                  <c:v>0.77749851923214386</c:v>
                </c:pt>
                <c:pt idx="697">
                  <c:v>0.72383099149656072</c:v>
                </c:pt>
                <c:pt idx="698">
                  <c:v>0.63402014446051125</c:v>
                </c:pt>
                <c:pt idx="699">
                  <c:v>0.57602975077443308</c:v>
                </c:pt>
                <c:pt idx="700">
                  <c:v>0.47630168492266162</c:v>
                </c:pt>
                <c:pt idx="701">
                  <c:v>0.37439636113613245</c:v>
                </c:pt>
                <c:pt idx="702">
                  <c:v>0.29630084306656557</c:v>
                </c:pt>
                <c:pt idx="703">
                  <c:v>0.20334945992584827</c:v>
                </c:pt>
                <c:pt idx="704">
                  <c:v>0.18842085847108048</c:v>
                </c:pt>
                <c:pt idx="705">
                  <c:v>0.14835400652893241</c:v>
                </c:pt>
                <c:pt idx="706">
                  <c:v>0.15953257920770203</c:v>
                </c:pt>
                <c:pt idx="707">
                  <c:v>0.2153246995453392</c:v>
                </c:pt>
                <c:pt idx="708">
                  <c:v>0.29333431240073138</c:v>
                </c:pt>
                <c:pt idx="709">
                  <c:v>0.40174148512899888</c:v>
                </c:pt>
                <c:pt idx="710">
                  <c:v>0.51917999478210564</c:v>
                </c:pt>
                <c:pt idx="711">
                  <c:v>0.53022220794026653</c:v>
                </c:pt>
                <c:pt idx="712">
                  <c:v>0.61402895592387063</c:v>
                </c:pt>
                <c:pt idx="713">
                  <c:v>0.73448233226699966</c:v>
                </c:pt>
                <c:pt idx="714">
                  <c:v>0.86205628272648283</c:v>
                </c:pt>
                <c:pt idx="715">
                  <c:v>0.98818142981089274</c:v>
                </c:pt>
                <c:pt idx="716">
                  <c:v>1.1064281485346683</c:v>
                </c:pt>
                <c:pt idx="717">
                  <c:v>1.2094860249131378</c:v>
                </c:pt>
                <c:pt idx="718">
                  <c:v>1.2444431848598143</c:v>
                </c:pt>
                <c:pt idx="719">
                  <c:v>1.2579143057949103</c:v>
                </c:pt>
                <c:pt idx="720">
                  <c:v>1.219202363604371</c:v>
                </c:pt>
                <c:pt idx="721">
                  <c:v>1.1868584573211451</c:v>
                </c:pt>
                <c:pt idx="722">
                  <c:v>1.1330940658604867</c:v>
                </c:pt>
                <c:pt idx="723">
                  <c:v>1.0590312689259851</c:v>
                </c:pt>
                <c:pt idx="724">
                  <c:v>0.96422703631888362</c:v>
                </c:pt>
                <c:pt idx="725">
                  <c:v>0.91284734749006524</c:v>
                </c:pt>
                <c:pt idx="726">
                  <c:v>0.81413817764695606</c:v>
                </c:pt>
                <c:pt idx="727">
                  <c:v>0.6946573428434899</c:v>
                </c:pt>
                <c:pt idx="728">
                  <c:v>0.50849742341891435</c:v>
                </c:pt>
                <c:pt idx="729">
                  <c:v>0.3497888162181324</c:v>
                </c:pt>
                <c:pt idx="730">
                  <c:v>0.22040182036892669</c:v>
                </c:pt>
                <c:pt idx="731">
                  <c:v>9.9401548848245883E-2</c:v>
                </c:pt>
                <c:pt idx="732">
                  <c:v>-1.2771653119125729E-2</c:v>
                </c:pt>
                <c:pt idx="733">
                  <c:v>-0.10142380039751392</c:v>
                </c:pt>
                <c:pt idx="734">
                  <c:v>-0.15821755284849459</c:v>
                </c:pt>
                <c:pt idx="735">
                  <c:v>-0.15458690942775594</c:v>
                </c:pt>
                <c:pt idx="736">
                  <c:v>-0.15664420003101207</c:v>
                </c:pt>
                <c:pt idx="737">
                  <c:v>-0.16138085222980703</c:v>
                </c:pt>
                <c:pt idx="738">
                  <c:v>-0.11707038099138845</c:v>
                </c:pt>
                <c:pt idx="739">
                  <c:v>-8.3492664651880447E-2</c:v>
                </c:pt>
                <c:pt idx="740">
                  <c:v>-9.2277933173109047E-2</c:v>
                </c:pt>
                <c:pt idx="741">
                  <c:v>-7.5988171363478504E-2</c:v>
                </c:pt>
                <c:pt idx="742">
                  <c:v>-5.0290097649441437E-2</c:v>
                </c:pt>
                <c:pt idx="743">
                  <c:v>1.4075393449040664E-2</c:v>
                </c:pt>
                <c:pt idx="744">
                  <c:v>0.11538318225081953</c:v>
                </c:pt>
                <c:pt idx="745">
                  <c:v>0.16596712438091252</c:v>
                </c:pt>
                <c:pt idx="746">
                  <c:v>0.20004523928692972</c:v>
                </c:pt>
                <c:pt idx="747">
                  <c:v>0.20187808668188903</c:v>
                </c:pt>
                <c:pt idx="748">
                  <c:v>0.12779211969794405</c:v>
                </c:pt>
                <c:pt idx="749">
                  <c:v>-5.6894912386473429E-2</c:v>
                </c:pt>
                <c:pt idx="750">
                  <c:v>-0.25063927244104584</c:v>
                </c:pt>
                <c:pt idx="751">
                  <c:v>-0.39036847385699835</c:v>
                </c:pt>
                <c:pt idx="752">
                  <c:v>-0.48550624001214454</c:v>
                </c:pt>
                <c:pt idx="753">
                  <c:v>-0.52608792383323422</c:v>
                </c:pt>
                <c:pt idx="754">
                  <c:v>-0.56879880107685354</c:v>
                </c:pt>
                <c:pt idx="755">
                  <c:v>-0.61498475423983046</c:v>
                </c:pt>
                <c:pt idx="756">
                  <c:v>-0.65260346371153488</c:v>
                </c:pt>
                <c:pt idx="757">
                  <c:v>-0.68471572797299241</c:v>
                </c:pt>
                <c:pt idx="758">
                  <c:v>-0.67892406432122387</c:v>
                </c:pt>
                <c:pt idx="759">
                  <c:v>-0.61572363354227899</c:v>
                </c:pt>
                <c:pt idx="760">
                  <c:v>-0.54704737543442905</c:v>
                </c:pt>
                <c:pt idx="761">
                  <c:v>-0.49613685436242494</c:v>
                </c:pt>
                <c:pt idx="762">
                  <c:v>-0.42393391581084588</c:v>
                </c:pt>
                <c:pt idx="763">
                  <c:v>-0.35950579331736526</c:v>
                </c:pt>
                <c:pt idx="764">
                  <c:v>-0.20965833880518589</c:v>
                </c:pt>
                <c:pt idx="765">
                  <c:v>-9.8631601280142617E-2</c:v>
                </c:pt>
                <c:pt idx="766">
                  <c:v>-3.8908717125020233E-2</c:v>
                </c:pt>
                <c:pt idx="767">
                  <c:v>2.150826763908012E-2</c:v>
                </c:pt>
                <c:pt idx="768">
                  <c:v>5.4113540107560434E-2</c:v>
                </c:pt>
                <c:pt idx="769">
                  <c:v>6.2712393442662537E-2</c:v>
                </c:pt>
                <c:pt idx="770">
                  <c:v>9.7970474460674015E-2</c:v>
                </c:pt>
                <c:pt idx="771">
                  <c:v>9.71506649012151E-2</c:v>
                </c:pt>
                <c:pt idx="772">
                  <c:v>6.1736962629925236E-2</c:v>
                </c:pt>
                <c:pt idx="773">
                  <c:v>-4.2458177854443398E-2</c:v>
                </c:pt>
                <c:pt idx="774">
                  <c:v>-5.9616089706275154E-2</c:v>
                </c:pt>
                <c:pt idx="775">
                  <c:v>-0.15984088812876493</c:v>
                </c:pt>
                <c:pt idx="776">
                  <c:v>-0.22821014788895777</c:v>
                </c:pt>
                <c:pt idx="777">
                  <c:v>-0.23844047065158158</c:v>
                </c:pt>
                <c:pt idx="778">
                  <c:v>-0.23419127910510149</c:v>
                </c:pt>
                <c:pt idx="779">
                  <c:v>-0.21093689915729291</c:v>
                </c:pt>
                <c:pt idx="780">
                  <c:v>-0.18445524968868285</c:v>
                </c:pt>
                <c:pt idx="781">
                  <c:v>-0.17485092657881651</c:v>
                </c:pt>
                <c:pt idx="782">
                  <c:v>-0.16855883080040421</c:v>
                </c:pt>
                <c:pt idx="783">
                  <c:v>-0.12100835292172109</c:v>
                </c:pt>
                <c:pt idx="784">
                  <c:v>-0.14531191445461009</c:v>
                </c:pt>
                <c:pt idx="785">
                  <c:v>-0.14303722717670503</c:v>
                </c:pt>
                <c:pt idx="786">
                  <c:v>-0.12647172215960559</c:v>
                </c:pt>
                <c:pt idx="787">
                  <c:v>-4.9684584737891863E-2</c:v>
                </c:pt>
                <c:pt idx="788">
                  <c:v>2.5561074668023882E-2</c:v>
                </c:pt>
                <c:pt idx="789">
                  <c:v>9.5635379869101381E-2</c:v>
                </c:pt>
                <c:pt idx="790">
                  <c:v>0.17003734943939272</c:v>
                </c:pt>
                <c:pt idx="791">
                  <c:v>0.2482121727879146</c:v>
                </c:pt>
                <c:pt idx="792">
                  <c:v>0.31826631414052869</c:v>
                </c:pt>
                <c:pt idx="793">
                  <c:v>0.36709989011401756</c:v>
                </c:pt>
                <c:pt idx="794">
                  <c:v>0.40179158920301589</c:v>
                </c:pt>
                <c:pt idx="795">
                  <c:v>0.45581096479260574</c:v>
                </c:pt>
                <c:pt idx="796">
                  <c:v>0.52915959446045802</c:v>
                </c:pt>
                <c:pt idx="797">
                  <c:v>0.51880648029734844</c:v>
                </c:pt>
                <c:pt idx="798">
                  <c:v>0.4729215456454558</c:v>
                </c:pt>
                <c:pt idx="799">
                  <c:v>0.46185350727468877</c:v>
                </c:pt>
                <c:pt idx="800">
                  <c:v>0.41020326947858354</c:v>
                </c:pt>
                <c:pt idx="801">
                  <c:v>0.35870911837515673</c:v>
                </c:pt>
                <c:pt idx="802">
                  <c:v>0.29007762746123111</c:v>
                </c:pt>
                <c:pt idx="803">
                  <c:v>0.2146458684728022</c:v>
                </c:pt>
                <c:pt idx="804">
                  <c:v>0.15447288224296205</c:v>
                </c:pt>
                <c:pt idx="805">
                  <c:v>5.7635551275067275E-2</c:v>
                </c:pt>
                <c:pt idx="806">
                  <c:v>-2.6394973373607095E-2</c:v>
                </c:pt>
                <c:pt idx="807">
                  <c:v>-9.2311376076481058E-2</c:v>
                </c:pt>
                <c:pt idx="808">
                  <c:v>-0.11130787575045076</c:v>
                </c:pt>
                <c:pt idx="809">
                  <c:v>-9.7668954328506224E-2</c:v>
                </c:pt>
                <c:pt idx="810">
                  <c:v>-7.55602138464498E-2</c:v>
                </c:pt>
                <c:pt idx="811">
                  <c:v>-6.8275424888097E-2</c:v>
                </c:pt>
                <c:pt idx="812">
                  <c:v>-8.6287249665970081E-2</c:v>
                </c:pt>
                <c:pt idx="813">
                  <c:v>-7.4909627460174044E-2</c:v>
                </c:pt>
                <c:pt idx="814">
                  <c:v>-1.0105430565045469E-2</c:v>
                </c:pt>
                <c:pt idx="815">
                  <c:v>0.10178245842730023</c:v>
                </c:pt>
                <c:pt idx="816">
                  <c:v>0.21781455064714764</c:v>
                </c:pt>
                <c:pt idx="817">
                  <c:v>0.32464738561692369</c:v>
                </c:pt>
                <c:pt idx="818">
                  <c:v>0.39531917481440182</c:v>
                </c:pt>
                <c:pt idx="819">
                  <c:v>0.45539540048984539</c:v>
                </c:pt>
                <c:pt idx="820">
                  <c:v>0.51554399443442611</c:v>
                </c:pt>
                <c:pt idx="821">
                  <c:v>0.52688790284002729</c:v>
                </c:pt>
                <c:pt idx="822">
                  <c:v>0.55164919412166347</c:v>
                </c:pt>
                <c:pt idx="823">
                  <c:v>0.54519092473616515</c:v>
                </c:pt>
                <c:pt idx="824">
                  <c:v>0.53193992843234916</c:v>
                </c:pt>
                <c:pt idx="825">
                  <c:v>0.51380733700263337</c:v>
                </c:pt>
                <c:pt idx="826">
                  <c:v>0.48798783364198084</c:v>
                </c:pt>
                <c:pt idx="827">
                  <c:v>0.43298960940560888</c:v>
                </c:pt>
                <c:pt idx="828">
                  <c:v>0.40702103799713757</c:v>
                </c:pt>
                <c:pt idx="829">
                  <c:v>0.33137821852013677</c:v>
                </c:pt>
                <c:pt idx="830">
                  <c:v>0.33844014632586167</c:v>
                </c:pt>
                <c:pt idx="831">
                  <c:v>0.29535600362497955</c:v>
                </c:pt>
                <c:pt idx="832">
                  <c:v>0.36371578294697871</c:v>
                </c:pt>
                <c:pt idx="833">
                  <c:v>0.3467945823424754</c:v>
                </c:pt>
                <c:pt idx="834">
                  <c:v>0.39063829721076226</c:v>
                </c:pt>
                <c:pt idx="835">
                  <c:v>0.37972909591511794</c:v>
                </c:pt>
                <c:pt idx="836">
                  <c:v>0.34750579376978563</c:v>
                </c:pt>
                <c:pt idx="837">
                  <c:v>0.40007883128539784</c:v>
                </c:pt>
                <c:pt idx="838">
                  <c:v>0.45190290959503071</c:v>
                </c:pt>
                <c:pt idx="839">
                  <c:v>0.55032664900865491</c:v>
                </c:pt>
                <c:pt idx="840">
                  <c:v>0.64641348461809767</c:v>
                </c:pt>
                <c:pt idx="841">
                  <c:v>0.74228199472346579</c:v>
                </c:pt>
                <c:pt idx="842">
                  <c:v>0.76527044513954001</c:v>
                </c:pt>
                <c:pt idx="843">
                  <c:v>0.76506220083035614</c:v>
                </c:pt>
                <c:pt idx="844">
                  <c:v>0.80322495624445966</c:v>
                </c:pt>
                <c:pt idx="845">
                  <c:v>0.83406338851664008</c:v>
                </c:pt>
                <c:pt idx="846">
                  <c:v>0.86260764900091969</c:v>
                </c:pt>
                <c:pt idx="847">
                  <c:v>0.90679106014563149</c:v>
                </c:pt>
                <c:pt idx="848">
                  <c:v>0.95608382795050562</c:v>
                </c:pt>
                <c:pt idx="849">
                  <c:v>0.95847316285470041</c:v>
                </c:pt>
                <c:pt idx="850">
                  <c:v>0.94217459672101589</c:v>
                </c:pt>
                <c:pt idx="851">
                  <c:v>0.95725187217632879</c:v>
                </c:pt>
                <c:pt idx="852">
                  <c:v>0.94601947116541985</c:v>
                </c:pt>
                <c:pt idx="853">
                  <c:v>0.85839987052570554</c:v>
                </c:pt>
                <c:pt idx="854">
                  <c:v>0.67324199998770973</c:v>
                </c:pt>
                <c:pt idx="855">
                  <c:v>0.4867886501253168</c:v>
                </c:pt>
                <c:pt idx="856">
                  <c:v>0.32619609537663086</c:v>
                </c:pt>
                <c:pt idx="857">
                  <c:v>0.21789458328264913</c:v>
                </c:pt>
                <c:pt idx="858">
                  <c:v>0.12540929013128571</c:v>
                </c:pt>
                <c:pt idx="859">
                  <c:v>8.3770023849705902E-2</c:v>
                </c:pt>
                <c:pt idx="860">
                  <c:v>-2.0124746634761673E-2</c:v>
                </c:pt>
                <c:pt idx="861">
                  <c:v>-4.6124374074695655E-2</c:v>
                </c:pt>
                <c:pt idx="862">
                  <c:v>-0.13655435959514181</c:v>
                </c:pt>
                <c:pt idx="863">
                  <c:v>-0.17374587997302166</c:v>
                </c:pt>
                <c:pt idx="864">
                  <c:v>-0.19994252181270036</c:v>
                </c:pt>
                <c:pt idx="865">
                  <c:v>-0.22588437873634906</c:v>
                </c:pt>
                <c:pt idx="866">
                  <c:v>-0.24140996202048648</c:v>
                </c:pt>
                <c:pt idx="867">
                  <c:v>-0.30103982225491321</c:v>
                </c:pt>
                <c:pt idx="868">
                  <c:v>-0.32968848887522362</c:v>
                </c:pt>
                <c:pt idx="869">
                  <c:v>-0.40732359073641788</c:v>
                </c:pt>
                <c:pt idx="870">
                  <c:v>-0.46653337315364568</c:v>
                </c:pt>
                <c:pt idx="871">
                  <c:v>-0.5030659165050822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3238-42DF-80BD-4576923245F4}"/>
            </c:ext>
          </c:extLst>
        </c:ser>
        <c:ser>
          <c:idx val="1"/>
          <c:order val="1"/>
          <c:tx>
            <c:strRef>
              <c:f>'力(2秒)'!$O$1</c:f>
              <c:strCache>
                <c:ptCount val="1"/>
                <c:pt idx="0">
                  <c:v>Bの-Fy</c:v>
                </c:pt>
              </c:strCache>
            </c:strRef>
          </c:tx>
          <c:spPr>
            <a:ln w="381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力(2秒)'!$A$2:$A$902</c:f>
              <c:numCache>
                <c:formatCode>General</c:formatCode>
                <c:ptCount val="901"/>
                <c:pt idx="0">
                  <c:v>0</c:v>
                </c:pt>
                <c:pt idx="1">
                  <c:v>3.3333333333333333E-2</c:v>
                </c:pt>
                <c:pt idx="2">
                  <c:v>6.6666666666666666E-2</c:v>
                </c:pt>
                <c:pt idx="3">
                  <c:v>0.1</c:v>
                </c:pt>
                <c:pt idx="4">
                  <c:v>0.13333333333333333</c:v>
                </c:pt>
                <c:pt idx="5">
                  <c:v>0.16666666666666666</c:v>
                </c:pt>
                <c:pt idx="6">
                  <c:v>0.2</c:v>
                </c:pt>
                <c:pt idx="7">
                  <c:v>0.23333333333333334</c:v>
                </c:pt>
                <c:pt idx="8">
                  <c:v>0.26666666666666666</c:v>
                </c:pt>
                <c:pt idx="9">
                  <c:v>0.3</c:v>
                </c:pt>
                <c:pt idx="10">
                  <c:v>0.33333333333333331</c:v>
                </c:pt>
                <c:pt idx="11">
                  <c:v>0.36666666666666664</c:v>
                </c:pt>
                <c:pt idx="12">
                  <c:v>0.4</c:v>
                </c:pt>
                <c:pt idx="13">
                  <c:v>0.43333333333333335</c:v>
                </c:pt>
                <c:pt idx="14">
                  <c:v>0.46666666666666667</c:v>
                </c:pt>
                <c:pt idx="15">
                  <c:v>0.5</c:v>
                </c:pt>
                <c:pt idx="16">
                  <c:v>0.53333333333333333</c:v>
                </c:pt>
                <c:pt idx="17">
                  <c:v>0.56666666666666665</c:v>
                </c:pt>
                <c:pt idx="18">
                  <c:v>0.6</c:v>
                </c:pt>
                <c:pt idx="19">
                  <c:v>0.6333333333333333</c:v>
                </c:pt>
                <c:pt idx="20">
                  <c:v>0.66666666666666663</c:v>
                </c:pt>
                <c:pt idx="21">
                  <c:v>0.7</c:v>
                </c:pt>
                <c:pt idx="22">
                  <c:v>0.73333333333333328</c:v>
                </c:pt>
                <c:pt idx="23">
                  <c:v>0.76666666666666672</c:v>
                </c:pt>
                <c:pt idx="24">
                  <c:v>0.8</c:v>
                </c:pt>
                <c:pt idx="25">
                  <c:v>0.83333333333333337</c:v>
                </c:pt>
                <c:pt idx="26">
                  <c:v>0.8666666666666667</c:v>
                </c:pt>
                <c:pt idx="27">
                  <c:v>0.9</c:v>
                </c:pt>
                <c:pt idx="28">
                  <c:v>0.93333333333333335</c:v>
                </c:pt>
                <c:pt idx="29">
                  <c:v>0.96666666666666667</c:v>
                </c:pt>
                <c:pt idx="30">
                  <c:v>1</c:v>
                </c:pt>
                <c:pt idx="31">
                  <c:v>1.0333333333333334</c:v>
                </c:pt>
                <c:pt idx="32">
                  <c:v>1.0666666666666667</c:v>
                </c:pt>
                <c:pt idx="33">
                  <c:v>1.1000000000000001</c:v>
                </c:pt>
                <c:pt idx="34">
                  <c:v>1.1333333333333333</c:v>
                </c:pt>
                <c:pt idx="35">
                  <c:v>1.1666666666666667</c:v>
                </c:pt>
                <c:pt idx="36">
                  <c:v>1.2</c:v>
                </c:pt>
                <c:pt idx="37">
                  <c:v>1.2333333333333334</c:v>
                </c:pt>
                <c:pt idx="38">
                  <c:v>1.2666666666666666</c:v>
                </c:pt>
                <c:pt idx="39">
                  <c:v>1.3</c:v>
                </c:pt>
                <c:pt idx="40">
                  <c:v>1.3333333333333333</c:v>
                </c:pt>
                <c:pt idx="41">
                  <c:v>1.3666666666666667</c:v>
                </c:pt>
                <c:pt idx="42">
                  <c:v>1.4</c:v>
                </c:pt>
                <c:pt idx="43">
                  <c:v>1.4333333333333333</c:v>
                </c:pt>
                <c:pt idx="44">
                  <c:v>1.4666666666666666</c:v>
                </c:pt>
                <c:pt idx="45">
                  <c:v>1.5</c:v>
                </c:pt>
                <c:pt idx="46">
                  <c:v>1.5333333333333334</c:v>
                </c:pt>
                <c:pt idx="47">
                  <c:v>1.5666666666666667</c:v>
                </c:pt>
                <c:pt idx="48">
                  <c:v>1.6</c:v>
                </c:pt>
                <c:pt idx="49">
                  <c:v>1.6333333333333333</c:v>
                </c:pt>
                <c:pt idx="50">
                  <c:v>1.6666666666666667</c:v>
                </c:pt>
                <c:pt idx="51">
                  <c:v>1.7</c:v>
                </c:pt>
                <c:pt idx="52">
                  <c:v>1.7333333333333334</c:v>
                </c:pt>
                <c:pt idx="53">
                  <c:v>1.7666666666666666</c:v>
                </c:pt>
                <c:pt idx="54">
                  <c:v>1.8</c:v>
                </c:pt>
                <c:pt idx="55">
                  <c:v>1.8333333333333333</c:v>
                </c:pt>
                <c:pt idx="56">
                  <c:v>1.8666666666666667</c:v>
                </c:pt>
                <c:pt idx="57">
                  <c:v>1.9</c:v>
                </c:pt>
                <c:pt idx="58">
                  <c:v>1.9333333333333333</c:v>
                </c:pt>
                <c:pt idx="59">
                  <c:v>1.9666666666666666</c:v>
                </c:pt>
                <c:pt idx="60">
                  <c:v>2</c:v>
                </c:pt>
                <c:pt idx="61">
                  <c:v>2.0333333333333332</c:v>
                </c:pt>
                <c:pt idx="62">
                  <c:v>2.0666666666666669</c:v>
                </c:pt>
                <c:pt idx="63">
                  <c:v>2.1</c:v>
                </c:pt>
                <c:pt idx="64">
                  <c:v>2.1333333333333333</c:v>
                </c:pt>
                <c:pt idx="65">
                  <c:v>2.1666666666666665</c:v>
                </c:pt>
                <c:pt idx="66">
                  <c:v>2.2000000000000002</c:v>
                </c:pt>
                <c:pt idx="67">
                  <c:v>2.2333333333333334</c:v>
                </c:pt>
                <c:pt idx="68">
                  <c:v>2.2666666666666666</c:v>
                </c:pt>
                <c:pt idx="69">
                  <c:v>2.2999999999999998</c:v>
                </c:pt>
                <c:pt idx="70">
                  <c:v>2.3333333333333335</c:v>
                </c:pt>
                <c:pt idx="71">
                  <c:v>2.3666666666666667</c:v>
                </c:pt>
                <c:pt idx="72">
                  <c:v>2.4</c:v>
                </c:pt>
                <c:pt idx="73">
                  <c:v>2.4333333333333331</c:v>
                </c:pt>
                <c:pt idx="74">
                  <c:v>2.4666666666666668</c:v>
                </c:pt>
                <c:pt idx="75">
                  <c:v>2.5</c:v>
                </c:pt>
                <c:pt idx="76">
                  <c:v>2.5333333333333332</c:v>
                </c:pt>
                <c:pt idx="77">
                  <c:v>2.5666666666666669</c:v>
                </c:pt>
                <c:pt idx="78">
                  <c:v>2.6</c:v>
                </c:pt>
                <c:pt idx="79">
                  <c:v>2.6333333333333333</c:v>
                </c:pt>
                <c:pt idx="80">
                  <c:v>2.6666666666666665</c:v>
                </c:pt>
                <c:pt idx="81">
                  <c:v>2.7</c:v>
                </c:pt>
                <c:pt idx="82">
                  <c:v>2.7333333333333334</c:v>
                </c:pt>
                <c:pt idx="83">
                  <c:v>2.7666666666666666</c:v>
                </c:pt>
                <c:pt idx="84">
                  <c:v>2.8</c:v>
                </c:pt>
                <c:pt idx="85">
                  <c:v>2.8333333333333335</c:v>
                </c:pt>
                <c:pt idx="86">
                  <c:v>2.8666666666666667</c:v>
                </c:pt>
                <c:pt idx="87">
                  <c:v>2.9</c:v>
                </c:pt>
                <c:pt idx="88">
                  <c:v>2.9333333333333331</c:v>
                </c:pt>
                <c:pt idx="89">
                  <c:v>2.9666666666666668</c:v>
                </c:pt>
                <c:pt idx="90">
                  <c:v>3</c:v>
                </c:pt>
                <c:pt idx="91">
                  <c:v>3.0333333333333332</c:v>
                </c:pt>
                <c:pt idx="92">
                  <c:v>3.0666666666666669</c:v>
                </c:pt>
                <c:pt idx="93">
                  <c:v>3.1</c:v>
                </c:pt>
                <c:pt idx="94">
                  <c:v>3.1333333333333333</c:v>
                </c:pt>
                <c:pt idx="95">
                  <c:v>3.1666666666666665</c:v>
                </c:pt>
                <c:pt idx="96">
                  <c:v>3.2</c:v>
                </c:pt>
                <c:pt idx="97">
                  <c:v>3.2333333333333334</c:v>
                </c:pt>
                <c:pt idx="98">
                  <c:v>3.2666666666666666</c:v>
                </c:pt>
                <c:pt idx="99">
                  <c:v>3.3</c:v>
                </c:pt>
                <c:pt idx="100">
                  <c:v>3.3333333333333335</c:v>
                </c:pt>
                <c:pt idx="101">
                  <c:v>3.3666666666666667</c:v>
                </c:pt>
                <c:pt idx="102">
                  <c:v>3.4</c:v>
                </c:pt>
                <c:pt idx="103">
                  <c:v>3.4333333333333331</c:v>
                </c:pt>
                <c:pt idx="104">
                  <c:v>3.4666666666666668</c:v>
                </c:pt>
                <c:pt idx="105">
                  <c:v>3.5</c:v>
                </c:pt>
                <c:pt idx="106">
                  <c:v>3.5333333333333332</c:v>
                </c:pt>
                <c:pt idx="107">
                  <c:v>3.5666666666666669</c:v>
                </c:pt>
                <c:pt idx="108">
                  <c:v>3.6</c:v>
                </c:pt>
                <c:pt idx="109">
                  <c:v>3.6333333333333333</c:v>
                </c:pt>
                <c:pt idx="110">
                  <c:v>3.6666666666666665</c:v>
                </c:pt>
                <c:pt idx="111">
                  <c:v>3.7</c:v>
                </c:pt>
                <c:pt idx="112">
                  <c:v>3.7333333333333334</c:v>
                </c:pt>
                <c:pt idx="113">
                  <c:v>3.7666666666666666</c:v>
                </c:pt>
                <c:pt idx="114">
                  <c:v>3.8</c:v>
                </c:pt>
                <c:pt idx="115">
                  <c:v>3.8333333333333335</c:v>
                </c:pt>
                <c:pt idx="116">
                  <c:v>3.8666666666666667</c:v>
                </c:pt>
                <c:pt idx="117">
                  <c:v>3.9</c:v>
                </c:pt>
                <c:pt idx="118">
                  <c:v>3.9333333333333331</c:v>
                </c:pt>
                <c:pt idx="119">
                  <c:v>3.9666666666666668</c:v>
                </c:pt>
                <c:pt idx="120">
                  <c:v>4</c:v>
                </c:pt>
                <c:pt idx="121">
                  <c:v>4.0333333333333332</c:v>
                </c:pt>
                <c:pt idx="122">
                  <c:v>4.0666666666666664</c:v>
                </c:pt>
                <c:pt idx="123">
                  <c:v>4.0999999999999996</c:v>
                </c:pt>
                <c:pt idx="124">
                  <c:v>4.1333333333333337</c:v>
                </c:pt>
                <c:pt idx="125">
                  <c:v>4.166666666666667</c:v>
                </c:pt>
                <c:pt idx="126">
                  <c:v>4.2</c:v>
                </c:pt>
                <c:pt idx="127">
                  <c:v>4.2333333333333334</c:v>
                </c:pt>
                <c:pt idx="128">
                  <c:v>4.2666666666666666</c:v>
                </c:pt>
                <c:pt idx="129">
                  <c:v>4.3</c:v>
                </c:pt>
                <c:pt idx="130">
                  <c:v>4.333333333333333</c:v>
                </c:pt>
                <c:pt idx="131">
                  <c:v>4.3666666666666663</c:v>
                </c:pt>
                <c:pt idx="132">
                  <c:v>4.4000000000000004</c:v>
                </c:pt>
                <c:pt idx="133">
                  <c:v>4.4333333333333336</c:v>
                </c:pt>
                <c:pt idx="134">
                  <c:v>4.4666666666666668</c:v>
                </c:pt>
                <c:pt idx="135">
                  <c:v>4.5</c:v>
                </c:pt>
                <c:pt idx="136">
                  <c:v>4.5333333333333332</c:v>
                </c:pt>
                <c:pt idx="137">
                  <c:v>4.5666666666666664</c:v>
                </c:pt>
                <c:pt idx="138">
                  <c:v>4.5999999999999996</c:v>
                </c:pt>
                <c:pt idx="139">
                  <c:v>4.6333333333333337</c:v>
                </c:pt>
                <c:pt idx="140">
                  <c:v>4.666666666666667</c:v>
                </c:pt>
                <c:pt idx="141">
                  <c:v>4.7</c:v>
                </c:pt>
                <c:pt idx="142">
                  <c:v>4.7333333333333334</c:v>
                </c:pt>
                <c:pt idx="143">
                  <c:v>4.7666666666666666</c:v>
                </c:pt>
                <c:pt idx="144">
                  <c:v>4.8</c:v>
                </c:pt>
                <c:pt idx="145">
                  <c:v>4.833333333333333</c:v>
                </c:pt>
                <c:pt idx="146">
                  <c:v>4.8666666666666663</c:v>
                </c:pt>
                <c:pt idx="147">
                  <c:v>4.9000000000000004</c:v>
                </c:pt>
                <c:pt idx="148">
                  <c:v>4.9333333333333336</c:v>
                </c:pt>
                <c:pt idx="149">
                  <c:v>4.9666666666666668</c:v>
                </c:pt>
                <c:pt idx="150">
                  <c:v>5</c:v>
                </c:pt>
                <c:pt idx="151">
                  <c:v>5.0333333333333332</c:v>
                </c:pt>
                <c:pt idx="152">
                  <c:v>5.0666666666666664</c:v>
                </c:pt>
                <c:pt idx="153">
                  <c:v>5.0999999999999996</c:v>
                </c:pt>
                <c:pt idx="154">
                  <c:v>5.1333333333333337</c:v>
                </c:pt>
                <c:pt idx="155">
                  <c:v>5.166666666666667</c:v>
                </c:pt>
                <c:pt idx="156">
                  <c:v>5.2</c:v>
                </c:pt>
                <c:pt idx="157">
                  <c:v>5.2333333333333334</c:v>
                </c:pt>
                <c:pt idx="158">
                  <c:v>5.2666666666666666</c:v>
                </c:pt>
                <c:pt idx="159">
                  <c:v>5.3</c:v>
                </c:pt>
                <c:pt idx="160">
                  <c:v>5.333333333333333</c:v>
                </c:pt>
                <c:pt idx="161">
                  <c:v>5.3666666666666663</c:v>
                </c:pt>
                <c:pt idx="162">
                  <c:v>5.4</c:v>
                </c:pt>
                <c:pt idx="163">
                  <c:v>5.4333333333333336</c:v>
                </c:pt>
                <c:pt idx="164">
                  <c:v>5.4666666666666668</c:v>
                </c:pt>
                <c:pt idx="165">
                  <c:v>5.5</c:v>
                </c:pt>
                <c:pt idx="166">
                  <c:v>5.5333333333333332</c:v>
                </c:pt>
                <c:pt idx="167">
                  <c:v>5.5666666666666664</c:v>
                </c:pt>
                <c:pt idx="168">
                  <c:v>5.6</c:v>
                </c:pt>
                <c:pt idx="169">
                  <c:v>5.6333333333333337</c:v>
                </c:pt>
                <c:pt idx="170">
                  <c:v>5.666666666666667</c:v>
                </c:pt>
                <c:pt idx="171">
                  <c:v>5.7</c:v>
                </c:pt>
                <c:pt idx="172">
                  <c:v>5.7333333333333334</c:v>
                </c:pt>
                <c:pt idx="173">
                  <c:v>5.7666666666666666</c:v>
                </c:pt>
                <c:pt idx="174">
                  <c:v>5.8</c:v>
                </c:pt>
                <c:pt idx="175">
                  <c:v>5.833333333333333</c:v>
                </c:pt>
                <c:pt idx="176">
                  <c:v>5.8666666666666663</c:v>
                </c:pt>
                <c:pt idx="177">
                  <c:v>5.9</c:v>
                </c:pt>
                <c:pt idx="178">
                  <c:v>5.9333333333333336</c:v>
                </c:pt>
                <c:pt idx="179">
                  <c:v>5.9666666666666668</c:v>
                </c:pt>
                <c:pt idx="180">
                  <c:v>6</c:v>
                </c:pt>
                <c:pt idx="181">
                  <c:v>6.0333333333333332</c:v>
                </c:pt>
                <c:pt idx="182">
                  <c:v>6.0666666666666664</c:v>
                </c:pt>
                <c:pt idx="183">
                  <c:v>6.1</c:v>
                </c:pt>
                <c:pt idx="184">
                  <c:v>6.1333333333333337</c:v>
                </c:pt>
                <c:pt idx="185">
                  <c:v>6.166666666666667</c:v>
                </c:pt>
                <c:pt idx="186">
                  <c:v>6.2</c:v>
                </c:pt>
                <c:pt idx="187">
                  <c:v>6.2333333333333334</c:v>
                </c:pt>
                <c:pt idx="188">
                  <c:v>6.2666666666666666</c:v>
                </c:pt>
                <c:pt idx="189">
                  <c:v>6.3</c:v>
                </c:pt>
                <c:pt idx="190">
                  <c:v>6.333333333333333</c:v>
                </c:pt>
                <c:pt idx="191">
                  <c:v>6.3666666666666663</c:v>
                </c:pt>
                <c:pt idx="192">
                  <c:v>6.4</c:v>
                </c:pt>
                <c:pt idx="193">
                  <c:v>6.4333333333333336</c:v>
                </c:pt>
                <c:pt idx="194">
                  <c:v>6.4666666666666668</c:v>
                </c:pt>
                <c:pt idx="195">
                  <c:v>6.5</c:v>
                </c:pt>
                <c:pt idx="196">
                  <c:v>6.5333333333333332</c:v>
                </c:pt>
                <c:pt idx="197">
                  <c:v>6.5666666666666664</c:v>
                </c:pt>
                <c:pt idx="198">
                  <c:v>6.6</c:v>
                </c:pt>
                <c:pt idx="199">
                  <c:v>6.6333333333333337</c:v>
                </c:pt>
                <c:pt idx="200">
                  <c:v>6.666666666666667</c:v>
                </c:pt>
                <c:pt idx="201">
                  <c:v>6.7</c:v>
                </c:pt>
                <c:pt idx="202">
                  <c:v>6.7333333333333334</c:v>
                </c:pt>
                <c:pt idx="203">
                  <c:v>6.7666666666666666</c:v>
                </c:pt>
                <c:pt idx="204">
                  <c:v>6.8</c:v>
                </c:pt>
                <c:pt idx="205">
                  <c:v>6.833333333333333</c:v>
                </c:pt>
                <c:pt idx="206">
                  <c:v>6.8666666666666663</c:v>
                </c:pt>
                <c:pt idx="207">
                  <c:v>6.9</c:v>
                </c:pt>
                <c:pt idx="208">
                  <c:v>6.9333333333333336</c:v>
                </c:pt>
                <c:pt idx="209">
                  <c:v>6.9666666666666668</c:v>
                </c:pt>
                <c:pt idx="210">
                  <c:v>7</c:v>
                </c:pt>
                <c:pt idx="211">
                  <c:v>7.0333333333333332</c:v>
                </c:pt>
                <c:pt idx="212">
                  <c:v>7.0666666666666664</c:v>
                </c:pt>
                <c:pt idx="213">
                  <c:v>7.1</c:v>
                </c:pt>
                <c:pt idx="214">
                  <c:v>7.1333333333333337</c:v>
                </c:pt>
                <c:pt idx="215">
                  <c:v>7.166666666666667</c:v>
                </c:pt>
                <c:pt idx="216">
                  <c:v>7.2</c:v>
                </c:pt>
                <c:pt idx="217">
                  <c:v>7.2333333333333334</c:v>
                </c:pt>
                <c:pt idx="218">
                  <c:v>7.2666666666666666</c:v>
                </c:pt>
                <c:pt idx="219">
                  <c:v>7.3</c:v>
                </c:pt>
                <c:pt idx="220">
                  <c:v>7.333333333333333</c:v>
                </c:pt>
                <c:pt idx="221">
                  <c:v>7.3666666666666663</c:v>
                </c:pt>
                <c:pt idx="222">
                  <c:v>7.4</c:v>
                </c:pt>
                <c:pt idx="223">
                  <c:v>7.4333333333333336</c:v>
                </c:pt>
                <c:pt idx="224">
                  <c:v>7.4666666666666668</c:v>
                </c:pt>
                <c:pt idx="225">
                  <c:v>7.5</c:v>
                </c:pt>
                <c:pt idx="226">
                  <c:v>7.5333333333333332</c:v>
                </c:pt>
                <c:pt idx="227">
                  <c:v>7.5666666666666664</c:v>
                </c:pt>
                <c:pt idx="228">
                  <c:v>7.6</c:v>
                </c:pt>
                <c:pt idx="229">
                  <c:v>7.6333333333333337</c:v>
                </c:pt>
                <c:pt idx="230">
                  <c:v>7.666666666666667</c:v>
                </c:pt>
                <c:pt idx="231">
                  <c:v>7.7</c:v>
                </c:pt>
                <c:pt idx="232">
                  <c:v>7.7333333333333334</c:v>
                </c:pt>
                <c:pt idx="233">
                  <c:v>7.7666666666666666</c:v>
                </c:pt>
                <c:pt idx="234">
                  <c:v>7.8</c:v>
                </c:pt>
                <c:pt idx="235">
                  <c:v>7.833333333333333</c:v>
                </c:pt>
                <c:pt idx="236">
                  <c:v>7.8666666666666663</c:v>
                </c:pt>
                <c:pt idx="237">
                  <c:v>7.9</c:v>
                </c:pt>
                <c:pt idx="238">
                  <c:v>7.9333333333333336</c:v>
                </c:pt>
                <c:pt idx="239">
                  <c:v>7.9666666666666668</c:v>
                </c:pt>
                <c:pt idx="240">
                  <c:v>8</c:v>
                </c:pt>
                <c:pt idx="241">
                  <c:v>8.0333333333333332</c:v>
                </c:pt>
                <c:pt idx="242">
                  <c:v>8.0666666666666664</c:v>
                </c:pt>
                <c:pt idx="243">
                  <c:v>8.1</c:v>
                </c:pt>
                <c:pt idx="244">
                  <c:v>8.1333333333333329</c:v>
                </c:pt>
                <c:pt idx="245">
                  <c:v>8.1666666666666661</c:v>
                </c:pt>
                <c:pt idx="246">
                  <c:v>8.1999999999999993</c:v>
                </c:pt>
                <c:pt idx="247">
                  <c:v>8.2333333333333325</c:v>
                </c:pt>
                <c:pt idx="248">
                  <c:v>8.2666666666666675</c:v>
                </c:pt>
                <c:pt idx="249">
                  <c:v>8.3000000000000007</c:v>
                </c:pt>
                <c:pt idx="250">
                  <c:v>8.3333333333333339</c:v>
                </c:pt>
                <c:pt idx="251">
                  <c:v>8.3666666666666671</c:v>
                </c:pt>
                <c:pt idx="252">
                  <c:v>8.4</c:v>
                </c:pt>
                <c:pt idx="253">
                  <c:v>8.4333333333333336</c:v>
                </c:pt>
                <c:pt idx="254">
                  <c:v>8.4666666666666668</c:v>
                </c:pt>
                <c:pt idx="255">
                  <c:v>8.5</c:v>
                </c:pt>
                <c:pt idx="256">
                  <c:v>8.5333333333333332</c:v>
                </c:pt>
                <c:pt idx="257">
                  <c:v>8.5666666666666664</c:v>
                </c:pt>
                <c:pt idx="258">
                  <c:v>8.6</c:v>
                </c:pt>
                <c:pt idx="259">
                  <c:v>8.6333333333333329</c:v>
                </c:pt>
                <c:pt idx="260">
                  <c:v>8.6666666666666661</c:v>
                </c:pt>
                <c:pt idx="261">
                  <c:v>8.6999999999999993</c:v>
                </c:pt>
                <c:pt idx="262">
                  <c:v>8.7333333333333325</c:v>
                </c:pt>
                <c:pt idx="263">
                  <c:v>8.7666666666666675</c:v>
                </c:pt>
                <c:pt idx="264">
                  <c:v>8.8000000000000007</c:v>
                </c:pt>
                <c:pt idx="265">
                  <c:v>8.8333333333333339</c:v>
                </c:pt>
                <c:pt idx="266">
                  <c:v>8.8666666666666671</c:v>
                </c:pt>
                <c:pt idx="267">
                  <c:v>8.9</c:v>
                </c:pt>
                <c:pt idx="268">
                  <c:v>8.9333333333333336</c:v>
                </c:pt>
                <c:pt idx="269">
                  <c:v>8.9666666666666668</c:v>
                </c:pt>
                <c:pt idx="270">
                  <c:v>9</c:v>
                </c:pt>
                <c:pt idx="271">
                  <c:v>9.0333333333333332</c:v>
                </c:pt>
                <c:pt idx="272">
                  <c:v>9.0666666666666664</c:v>
                </c:pt>
                <c:pt idx="273">
                  <c:v>9.1</c:v>
                </c:pt>
                <c:pt idx="274">
                  <c:v>9.1333333333333329</c:v>
                </c:pt>
                <c:pt idx="275">
                  <c:v>9.1666666666666661</c:v>
                </c:pt>
                <c:pt idx="276">
                  <c:v>9.1999999999999993</c:v>
                </c:pt>
                <c:pt idx="277">
                  <c:v>9.2333333333333325</c:v>
                </c:pt>
                <c:pt idx="278">
                  <c:v>9.2666666666666675</c:v>
                </c:pt>
                <c:pt idx="279">
                  <c:v>9.3000000000000007</c:v>
                </c:pt>
                <c:pt idx="280">
                  <c:v>9.3333333333333339</c:v>
                </c:pt>
                <c:pt idx="281">
                  <c:v>9.3666666666666671</c:v>
                </c:pt>
                <c:pt idx="282">
                  <c:v>9.4</c:v>
                </c:pt>
                <c:pt idx="283">
                  <c:v>9.4333333333333336</c:v>
                </c:pt>
                <c:pt idx="284">
                  <c:v>9.4666666666666668</c:v>
                </c:pt>
                <c:pt idx="285">
                  <c:v>9.5</c:v>
                </c:pt>
                <c:pt idx="286">
                  <c:v>9.5333333333333332</c:v>
                </c:pt>
                <c:pt idx="287">
                  <c:v>9.5666666666666664</c:v>
                </c:pt>
                <c:pt idx="288">
                  <c:v>9.6</c:v>
                </c:pt>
                <c:pt idx="289">
                  <c:v>9.6333333333333329</c:v>
                </c:pt>
                <c:pt idx="290">
                  <c:v>9.6666666666666661</c:v>
                </c:pt>
                <c:pt idx="291">
                  <c:v>9.6999999999999993</c:v>
                </c:pt>
                <c:pt idx="292">
                  <c:v>9.7333333333333325</c:v>
                </c:pt>
                <c:pt idx="293">
                  <c:v>9.7666666666666675</c:v>
                </c:pt>
                <c:pt idx="294">
                  <c:v>9.8000000000000007</c:v>
                </c:pt>
                <c:pt idx="295">
                  <c:v>9.8333333333333339</c:v>
                </c:pt>
                <c:pt idx="296">
                  <c:v>9.8666666666666671</c:v>
                </c:pt>
                <c:pt idx="297">
                  <c:v>9.9</c:v>
                </c:pt>
                <c:pt idx="298">
                  <c:v>9.9333333333333336</c:v>
                </c:pt>
                <c:pt idx="299">
                  <c:v>9.9666666666666668</c:v>
                </c:pt>
                <c:pt idx="300">
                  <c:v>10</c:v>
                </c:pt>
                <c:pt idx="301">
                  <c:v>10.033333333333333</c:v>
                </c:pt>
                <c:pt idx="302">
                  <c:v>10.066666666666666</c:v>
                </c:pt>
                <c:pt idx="303">
                  <c:v>10.1</c:v>
                </c:pt>
                <c:pt idx="304">
                  <c:v>10.133333333333333</c:v>
                </c:pt>
                <c:pt idx="305">
                  <c:v>10.166666666666666</c:v>
                </c:pt>
                <c:pt idx="306">
                  <c:v>10.199999999999999</c:v>
                </c:pt>
                <c:pt idx="307">
                  <c:v>10.233333333333333</c:v>
                </c:pt>
                <c:pt idx="308">
                  <c:v>10.266666666666667</c:v>
                </c:pt>
                <c:pt idx="309">
                  <c:v>10.3</c:v>
                </c:pt>
                <c:pt idx="310">
                  <c:v>10.333333333333334</c:v>
                </c:pt>
                <c:pt idx="311">
                  <c:v>10.366666666666667</c:v>
                </c:pt>
                <c:pt idx="312">
                  <c:v>10.4</c:v>
                </c:pt>
                <c:pt idx="313">
                  <c:v>10.433333333333334</c:v>
                </c:pt>
                <c:pt idx="314">
                  <c:v>10.466666666666667</c:v>
                </c:pt>
                <c:pt idx="315">
                  <c:v>10.5</c:v>
                </c:pt>
                <c:pt idx="316">
                  <c:v>10.533333333333333</c:v>
                </c:pt>
                <c:pt idx="317">
                  <c:v>10.566666666666666</c:v>
                </c:pt>
                <c:pt idx="318">
                  <c:v>10.6</c:v>
                </c:pt>
                <c:pt idx="319">
                  <c:v>10.633333333333333</c:v>
                </c:pt>
                <c:pt idx="320">
                  <c:v>10.666666666666666</c:v>
                </c:pt>
                <c:pt idx="321">
                  <c:v>10.7</c:v>
                </c:pt>
                <c:pt idx="322">
                  <c:v>10.733333333333333</c:v>
                </c:pt>
                <c:pt idx="323">
                  <c:v>10.766666666666667</c:v>
                </c:pt>
                <c:pt idx="324">
                  <c:v>10.8</c:v>
                </c:pt>
                <c:pt idx="325">
                  <c:v>10.833333333333334</c:v>
                </c:pt>
                <c:pt idx="326">
                  <c:v>10.866666666666667</c:v>
                </c:pt>
                <c:pt idx="327">
                  <c:v>10.9</c:v>
                </c:pt>
                <c:pt idx="328">
                  <c:v>10.933333333333334</c:v>
                </c:pt>
                <c:pt idx="329">
                  <c:v>10.966666666666667</c:v>
                </c:pt>
                <c:pt idx="330">
                  <c:v>11</c:v>
                </c:pt>
                <c:pt idx="331">
                  <c:v>11.033333333333333</c:v>
                </c:pt>
                <c:pt idx="332">
                  <c:v>11.066666666666666</c:v>
                </c:pt>
                <c:pt idx="333">
                  <c:v>11.1</c:v>
                </c:pt>
                <c:pt idx="334">
                  <c:v>11.133333333333333</c:v>
                </c:pt>
                <c:pt idx="335">
                  <c:v>11.166666666666666</c:v>
                </c:pt>
                <c:pt idx="336">
                  <c:v>11.2</c:v>
                </c:pt>
                <c:pt idx="337">
                  <c:v>11.233333333333333</c:v>
                </c:pt>
                <c:pt idx="338">
                  <c:v>11.266666666666667</c:v>
                </c:pt>
                <c:pt idx="339">
                  <c:v>11.3</c:v>
                </c:pt>
                <c:pt idx="340">
                  <c:v>11.333333333333334</c:v>
                </c:pt>
                <c:pt idx="341">
                  <c:v>11.366666666666667</c:v>
                </c:pt>
                <c:pt idx="342">
                  <c:v>11.4</c:v>
                </c:pt>
                <c:pt idx="343">
                  <c:v>11.433333333333334</c:v>
                </c:pt>
                <c:pt idx="344">
                  <c:v>11.466666666666667</c:v>
                </c:pt>
                <c:pt idx="345">
                  <c:v>11.5</c:v>
                </c:pt>
                <c:pt idx="346">
                  <c:v>11.533333333333333</c:v>
                </c:pt>
                <c:pt idx="347">
                  <c:v>11.566666666666666</c:v>
                </c:pt>
                <c:pt idx="348">
                  <c:v>11.6</c:v>
                </c:pt>
                <c:pt idx="349">
                  <c:v>11.633333333333333</c:v>
                </c:pt>
                <c:pt idx="350">
                  <c:v>11.666666666666666</c:v>
                </c:pt>
                <c:pt idx="351">
                  <c:v>11.7</c:v>
                </c:pt>
                <c:pt idx="352">
                  <c:v>11.733333333333333</c:v>
                </c:pt>
                <c:pt idx="353">
                  <c:v>11.766666666666667</c:v>
                </c:pt>
                <c:pt idx="354">
                  <c:v>11.8</c:v>
                </c:pt>
                <c:pt idx="355">
                  <c:v>11.833333333333334</c:v>
                </c:pt>
                <c:pt idx="356">
                  <c:v>11.866666666666667</c:v>
                </c:pt>
                <c:pt idx="357">
                  <c:v>11.9</c:v>
                </c:pt>
                <c:pt idx="358">
                  <c:v>11.933333333333334</c:v>
                </c:pt>
                <c:pt idx="359">
                  <c:v>11.966666666666667</c:v>
                </c:pt>
                <c:pt idx="360">
                  <c:v>12</c:v>
                </c:pt>
                <c:pt idx="361">
                  <c:v>12.033333333333333</c:v>
                </c:pt>
                <c:pt idx="362">
                  <c:v>12.066666666666666</c:v>
                </c:pt>
                <c:pt idx="363">
                  <c:v>12.1</c:v>
                </c:pt>
                <c:pt idx="364">
                  <c:v>12.133333333333333</c:v>
                </c:pt>
                <c:pt idx="365">
                  <c:v>12.166666666666666</c:v>
                </c:pt>
                <c:pt idx="366">
                  <c:v>12.2</c:v>
                </c:pt>
                <c:pt idx="367">
                  <c:v>12.233333333333333</c:v>
                </c:pt>
                <c:pt idx="368">
                  <c:v>12.266666666666667</c:v>
                </c:pt>
                <c:pt idx="369">
                  <c:v>12.3</c:v>
                </c:pt>
                <c:pt idx="370">
                  <c:v>12.333333333333334</c:v>
                </c:pt>
                <c:pt idx="371">
                  <c:v>12.366666666666667</c:v>
                </c:pt>
                <c:pt idx="372">
                  <c:v>12.4</c:v>
                </c:pt>
                <c:pt idx="373">
                  <c:v>12.433333333333334</c:v>
                </c:pt>
                <c:pt idx="374">
                  <c:v>12.466666666666667</c:v>
                </c:pt>
                <c:pt idx="375">
                  <c:v>12.5</c:v>
                </c:pt>
                <c:pt idx="376">
                  <c:v>12.533333333333333</c:v>
                </c:pt>
                <c:pt idx="377">
                  <c:v>12.566666666666666</c:v>
                </c:pt>
                <c:pt idx="378">
                  <c:v>12.6</c:v>
                </c:pt>
                <c:pt idx="379">
                  <c:v>12.633333333333333</c:v>
                </c:pt>
                <c:pt idx="380">
                  <c:v>12.666666666666666</c:v>
                </c:pt>
                <c:pt idx="381">
                  <c:v>12.7</c:v>
                </c:pt>
                <c:pt idx="382">
                  <c:v>12.733333333333333</c:v>
                </c:pt>
                <c:pt idx="383">
                  <c:v>12.766666666666667</c:v>
                </c:pt>
                <c:pt idx="384">
                  <c:v>12.8</c:v>
                </c:pt>
                <c:pt idx="385">
                  <c:v>12.833333333333334</c:v>
                </c:pt>
                <c:pt idx="386">
                  <c:v>12.866666666666667</c:v>
                </c:pt>
                <c:pt idx="387">
                  <c:v>12.9</c:v>
                </c:pt>
                <c:pt idx="388">
                  <c:v>12.933333333333334</c:v>
                </c:pt>
                <c:pt idx="389">
                  <c:v>12.966666666666667</c:v>
                </c:pt>
                <c:pt idx="390">
                  <c:v>13</c:v>
                </c:pt>
                <c:pt idx="391">
                  <c:v>13.033333333333333</c:v>
                </c:pt>
                <c:pt idx="392">
                  <c:v>13.066666666666666</c:v>
                </c:pt>
                <c:pt idx="393">
                  <c:v>13.1</c:v>
                </c:pt>
                <c:pt idx="394">
                  <c:v>13.133333333333333</c:v>
                </c:pt>
                <c:pt idx="395">
                  <c:v>13.166666666666666</c:v>
                </c:pt>
                <c:pt idx="396">
                  <c:v>13.2</c:v>
                </c:pt>
                <c:pt idx="397">
                  <c:v>13.233333333333333</c:v>
                </c:pt>
                <c:pt idx="398">
                  <c:v>13.266666666666667</c:v>
                </c:pt>
                <c:pt idx="399">
                  <c:v>13.3</c:v>
                </c:pt>
                <c:pt idx="400">
                  <c:v>13.333333333333334</c:v>
                </c:pt>
                <c:pt idx="401">
                  <c:v>13.366666666666667</c:v>
                </c:pt>
                <c:pt idx="402">
                  <c:v>13.4</c:v>
                </c:pt>
                <c:pt idx="403">
                  <c:v>13.433333333333334</c:v>
                </c:pt>
                <c:pt idx="404">
                  <c:v>13.466666666666667</c:v>
                </c:pt>
                <c:pt idx="405">
                  <c:v>13.5</c:v>
                </c:pt>
                <c:pt idx="406">
                  <c:v>13.533333333333333</c:v>
                </c:pt>
                <c:pt idx="407">
                  <c:v>13.566666666666666</c:v>
                </c:pt>
                <c:pt idx="408">
                  <c:v>13.6</c:v>
                </c:pt>
                <c:pt idx="409">
                  <c:v>13.633333333333333</c:v>
                </c:pt>
                <c:pt idx="410">
                  <c:v>13.666666666666666</c:v>
                </c:pt>
                <c:pt idx="411">
                  <c:v>13.7</c:v>
                </c:pt>
                <c:pt idx="412">
                  <c:v>13.733333333333333</c:v>
                </c:pt>
                <c:pt idx="413">
                  <c:v>13.766666666666667</c:v>
                </c:pt>
                <c:pt idx="414">
                  <c:v>13.8</c:v>
                </c:pt>
                <c:pt idx="415">
                  <c:v>13.833333333333334</c:v>
                </c:pt>
                <c:pt idx="416">
                  <c:v>13.866666666666667</c:v>
                </c:pt>
                <c:pt idx="417">
                  <c:v>13.9</c:v>
                </c:pt>
                <c:pt idx="418">
                  <c:v>13.933333333333334</c:v>
                </c:pt>
                <c:pt idx="419">
                  <c:v>13.966666666666667</c:v>
                </c:pt>
                <c:pt idx="420">
                  <c:v>14</c:v>
                </c:pt>
                <c:pt idx="421">
                  <c:v>14.033333333333333</c:v>
                </c:pt>
                <c:pt idx="422">
                  <c:v>14.066666666666666</c:v>
                </c:pt>
                <c:pt idx="423">
                  <c:v>14.1</c:v>
                </c:pt>
                <c:pt idx="424">
                  <c:v>14.133333333333333</c:v>
                </c:pt>
                <c:pt idx="425">
                  <c:v>14.166666666666666</c:v>
                </c:pt>
                <c:pt idx="426">
                  <c:v>14.2</c:v>
                </c:pt>
                <c:pt idx="427">
                  <c:v>14.233333333333333</c:v>
                </c:pt>
                <c:pt idx="428">
                  <c:v>14.266666666666667</c:v>
                </c:pt>
                <c:pt idx="429">
                  <c:v>14.3</c:v>
                </c:pt>
                <c:pt idx="430">
                  <c:v>14.333333333333334</c:v>
                </c:pt>
                <c:pt idx="431">
                  <c:v>14.366666666666667</c:v>
                </c:pt>
                <c:pt idx="432">
                  <c:v>14.4</c:v>
                </c:pt>
                <c:pt idx="433">
                  <c:v>14.433333333333334</c:v>
                </c:pt>
                <c:pt idx="434">
                  <c:v>14.466666666666667</c:v>
                </c:pt>
                <c:pt idx="435">
                  <c:v>14.5</c:v>
                </c:pt>
                <c:pt idx="436">
                  <c:v>14.533333333333333</c:v>
                </c:pt>
                <c:pt idx="437">
                  <c:v>14.566666666666666</c:v>
                </c:pt>
                <c:pt idx="438">
                  <c:v>14.6</c:v>
                </c:pt>
                <c:pt idx="439">
                  <c:v>14.633333333333333</c:v>
                </c:pt>
                <c:pt idx="440">
                  <c:v>14.666666666666666</c:v>
                </c:pt>
                <c:pt idx="441">
                  <c:v>14.7</c:v>
                </c:pt>
                <c:pt idx="442">
                  <c:v>14.733333333333333</c:v>
                </c:pt>
                <c:pt idx="443">
                  <c:v>14.766666666666667</c:v>
                </c:pt>
                <c:pt idx="444">
                  <c:v>14.8</c:v>
                </c:pt>
                <c:pt idx="445">
                  <c:v>14.833333333333334</c:v>
                </c:pt>
                <c:pt idx="446">
                  <c:v>14.866666666666667</c:v>
                </c:pt>
                <c:pt idx="447">
                  <c:v>14.9</c:v>
                </c:pt>
                <c:pt idx="448">
                  <c:v>14.933333333333334</c:v>
                </c:pt>
                <c:pt idx="449">
                  <c:v>14.966666666666667</c:v>
                </c:pt>
                <c:pt idx="450">
                  <c:v>15</c:v>
                </c:pt>
                <c:pt idx="451">
                  <c:v>15.033333333333333</c:v>
                </c:pt>
                <c:pt idx="452">
                  <c:v>15.066666666666666</c:v>
                </c:pt>
                <c:pt idx="453">
                  <c:v>15.1</c:v>
                </c:pt>
                <c:pt idx="454">
                  <c:v>15.133333333333333</c:v>
                </c:pt>
                <c:pt idx="455">
                  <c:v>15.166666666666666</c:v>
                </c:pt>
                <c:pt idx="456">
                  <c:v>15.2</c:v>
                </c:pt>
                <c:pt idx="457">
                  <c:v>15.233333333333333</c:v>
                </c:pt>
                <c:pt idx="458">
                  <c:v>15.266666666666667</c:v>
                </c:pt>
                <c:pt idx="459">
                  <c:v>15.3</c:v>
                </c:pt>
                <c:pt idx="460">
                  <c:v>15.333333333333334</c:v>
                </c:pt>
                <c:pt idx="461">
                  <c:v>15.366666666666667</c:v>
                </c:pt>
                <c:pt idx="462">
                  <c:v>15.4</c:v>
                </c:pt>
                <c:pt idx="463">
                  <c:v>15.433333333333334</c:v>
                </c:pt>
                <c:pt idx="464">
                  <c:v>15.466666666666667</c:v>
                </c:pt>
                <c:pt idx="465">
                  <c:v>15.5</c:v>
                </c:pt>
                <c:pt idx="466">
                  <c:v>15.533333333333333</c:v>
                </c:pt>
                <c:pt idx="467">
                  <c:v>15.566666666666666</c:v>
                </c:pt>
                <c:pt idx="468">
                  <c:v>15.6</c:v>
                </c:pt>
                <c:pt idx="469">
                  <c:v>15.633333333333333</c:v>
                </c:pt>
                <c:pt idx="470">
                  <c:v>15.666666666666666</c:v>
                </c:pt>
                <c:pt idx="471">
                  <c:v>15.7</c:v>
                </c:pt>
                <c:pt idx="472">
                  <c:v>15.733333333333333</c:v>
                </c:pt>
                <c:pt idx="473">
                  <c:v>15.766666666666667</c:v>
                </c:pt>
                <c:pt idx="474">
                  <c:v>15.8</c:v>
                </c:pt>
                <c:pt idx="475">
                  <c:v>15.833333333333334</c:v>
                </c:pt>
                <c:pt idx="476">
                  <c:v>15.866666666666667</c:v>
                </c:pt>
                <c:pt idx="477">
                  <c:v>15.9</c:v>
                </c:pt>
                <c:pt idx="478">
                  <c:v>15.933333333333334</c:v>
                </c:pt>
                <c:pt idx="479">
                  <c:v>15.966666666666667</c:v>
                </c:pt>
                <c:pt idx="480">
                  <c:v>16</c:v>
                </c:pt>
                <c:pt idx="481">
                  <c:v>16.033333333333335</c:v>
                </c:pt>
                <c:pt idx="482">
                  <c:v>16.066666666666666</c:v>
                </c:pt>
                <c:pt idx="483">
                  <c:v>16.100000000000001</c:v>
                </c:pt>
                <c:pt idx="484">
                  <c:v>16.133333333333333</c:v>
                </c:pt>
                <c:pt idx="485">
                  <c:v>16.166666666666668</c:v>
                </c:pt>
                <c:pt idx="486">
                  <c:v>16.2</c:v>
                </c:pt>
                <c:pt idx="487">
                  <c:v>16.233333333333334</c:v>
                </c:pt>
                <c:pt idx="488">
                  <c:v>16.266666666666666</c:v>
                </c:pt>
                <c:pt idx="489">
                  <c:v>16.3</c:v>
                </c:pt>
                <c:pt idx="490">
                  <c:v>16.333333333333332</c:v>
                </c:pt>
                <c:pt idx="491">
                  <c:v>16.366666666666667</c:v>
                </c:pt>
                <c:pt idx="492">
                  <c:v>16.399999999999999</c:v>
                </c:pt>
                <c:pt idx="493">
                  <c:v>16.433333333333334</c:v>
                </c:pt>
                <c:pt idx="494">
                  <c:v>16.466666666666665</c:v>
                </c:pt>
                <c:pt idx="495">
                  <c:v>16.5</c:v>
                </c:pt>
                <c:pt idx="496">
                  <c:v>16.533333333333335</c:v>
                </c:pt>
                <c:pt idx="497">
                  <c:v>16.566666666666666</c:v>
                </c:pt>
                <c:pt idx="498">
                  <c:v>16.600000000000001</c:v>
                </c:pt>
                <c:pt idx="499">
                  <c:v>16.633333333333333</c:v>
                </c:pt>
                <c:pt idx="500">
                  <c:v>16.666666666666668</c:v>
                </c:pt>
                <c:pt idx="501">
                  <c:v>16.7</c:v>
                </c:pt>
                <c:pt idx="502">
                  <c:v>16.733333333333334</c:v>
                </c:pt>
                <c:pt idx="503">
                  <c:v>16.766666666666666</c:v>
                </c:pt>
                <c:pt idx="504">
                  <c:v>16.8</c:v>
                </c:pt>
                <c:pt idx="505">
                  <c:v>16.833333333333332</c:v>
                </c:pt>
                <c:pt idx="506">
                  <c:v>16.866666666666667</c:v>
                </c:pt>
                <c:pt idx="507">
                  <c:v>16.899999999999999</c:v>
                </c:pt>
                <c:pt idx="508">
                  <c:v>16.933333333333334</c:v>
                </c:pt>
                <c:pt idx="509">
                  <c:v>16.966666666666665</c:v>
                </c:pt>
                <c:pt idx="510">
                  <c:v>17</c:v>
                </c:pt>
                <c:pt idx="511">
                  <c:v>17.033333333333335</c:v>
                </c:pt>
                <c:pt idx="512">
                  <c:v>17.066666666666666</c:v>
                </c:pt>
                <c:pt idx="513">
                  <c:v>17.100000000000001</c:v>
                </c:pt>
                <c:pt idx="514">
                  <c:v>17.133333333333333</c:v>
                </c:pt>
                <c:pt idx="515">
                  <c:v>17.166666666666668</c:v>
                </c:pt>
                <c:pt idx="516">
                  <c:v>17.2</c:v>
                </c:pt>
                <c:pt idx="517">
                  <c:v>17.233333333333334</c:v>
                </c:pt>
                <c:pt idx="518">
                  <c:v>17.266666666666666</c:v>
                </c:pt>
                <c:pt idx="519">
                  <c:v>17.3</c:v>
                </c:pt>
                <c:pt idx="520">
                  <c:v>17.333333333333332</c:v>
                </c:pt>
                <c:pt idx="521">
                  <c:v>17.366666666666667</c:v>
                </c:pt>
                <c:pt idx="522">
                  <c:v>17.399999999999999</c:v>
                </c:pt>
                <c:pt idx="523">
                  <c:v>17.433333333333334</c:v>
                </c:pt>
                <c:pt idx="524">
                  <c:v>17.466666666666665</c:v>
                </c:pt>
                <c:pt idx="525">
                  <c:v>17.5</c:v>
                </c:pt>
                <c:pt idx="526">
                  <c:v>17.533333333333335</c:v>
                </c:pt>
                <c:pt idx="527">
                  <c:v>17.566666666666666</c:v>
                </c:pt>
                <c:pt idx="528">
                  <c:v>17.600000000000001</c:v>
                </c:pt>
                <c:pt idx="529">
                  <c:v>17.633333333333333</c:v>
                </c:pt>
                <c:pt idx="530">
                  <c:v>17.666666666666668</c:v>
                </c:pt>
                <c:pt idx="531">
                  <c:v>17.7</c:v>
                </c:pt>
                <c:pt idx="532">
                  <c:v>17.733333333333334</c:v>
                </c:pt>
                <c:pt idx="533">
                  <c:v>17.766666666666666</c:v>
                </c:pt>
                <c:pt idx="534">
                  <c:v>17.8</c:v>
                </c:pt>
                <c:pt idx="535">
                  <c:v>17.833333333333332</c:v>
                </c:pt>
                <c:pt idx="536">
                  <c:v>17.866666666666667</c:v>
                </c:pt>
                <c:pt idx="537">
                  <c:v>17.899999999999999</c:v>
                </c:pt>
                <c:pt idx="538">
                  <c:v>17.933333333333334</c:v>
                </c:pt>
                <c:pt idx="539">
                  <c:v>17.966666666666665</c:v>
                </c:pt>
                <c:pt idx="540">
                  <c:v>18</c:v>
                </c:pt>
                <c:pt idx="541">
                  <c:v>18.033333333333335</c:v>
                </c:pt>
                <c:pt idx="542">
                  <c:v>18.066666666666666</c:v>
                </c:pt>
                <c:pt idx="543">
                  <c:v>18.100000000000001</c:v>
                </c:pt>
                <c:pt idx="544">
                  <c:v>18.133333333333333</c:v>
                </c:pt>
                <c:pt idx="545">
                  <c:v>18.166666666666668</c:v>
                </c:pt>
                <c:pt idx="546">
                  <c:v>18.2</c:v>
                </c:pt>
                <c:pt idx="547">
                  <c:v>18.233333333333334</c:v>
                </c:pt>
                <c:pt idx="548">
                  <c:v>18.266666666666666</c:v>
                </c:pt>
                <c:pt idx="549">
                  <c:v>18.3</c:v>
                </c:pt>
                <c:pt idx="550">
                  <c:v>18.333333333333332</c:v>
                </c:pt>
                <c:pt idx="551">
                  <c:v>18.366666666666667</c:v>
                </c:pt>
                <c:pt idx="552">
                  <c:v>18.399999999999999</c:v>
                </c:pt>
                <c:pt idx="553">
                  <c:v>18.433333333333334</c:v>
                </c:pt>
                <c:pt idx="554">
                  <c:v>18.466666666666665</c:v>
                </c:pt>
                <c:pt idx="555">
                  <c:v>18.5</c:v>
                </c:pt>
                <c:pt idx="556">
                  <c:v>18.533333333333335</c:v>
                </c:pt>
                <c:pt idx="557">
                  <c:v>18.566666666666666</c:v>
                </c:pt>
                <c:pt idx="558">
                  <c:v>18.600000000000001</c:v>
                </c:pt>
                <c:pt idx="559">
                  <c:v>18.633333333333333</c:v>
                </c:pt>
                <c:pt idx="560">
                  <c:v>18.666666666666668</c:v>
                </c:pt>
                <c:pt idx="561">
                  <c:v>18.7</c:v>
                </c:pt>
                <c:pt idx="562">
                  <c:v>18.733333333333334</c:v>
                </c:pt>
                <c:pt idx="563">
                  <c:v>18.766666666666666</c:v>
                </c:pt>
                <c:pt idx="564">
                  <c:v>18.8</c:v>
                </c:pt>
                <c:pt idx="565">
                  <c:v>18.833333333333332</c:v>
                </c:pt>
                <c:pt idx="566">
                  <c:v>18.866666666666667</c:v>
                </c:pt>
                <c:pt idx="567">
                  <c:v>18.899999999999999</c:v>
                </c:pt>
                <c:pt idx="568">
                  <c:v>18.933333333333334</c:v>
                </c:pt>
                <c:pt idx="569">
                  <c:v>18.966666666666665</c:v>
                </c:pt>
                <c:pt idx="570">
                  <c:v>19</c:v>
                </c:pt>
                <c:pt idx="571">
                  <c:v>19.033333333333335</c:v>
                </c:pt>
                <c:pt idx="572">
                  <c:v>19.066666666666666</c:v>
                </c:pt>
                <c:pt idx="573">
                  <c:v>19.100000000000001</c:v>
                </c:pt>
                <c:pt idx="574">
                  <c:v>19.133333333333333</c:v>
                </c:pt>
                <c:pt idx="575">
                  <c:v>19.166666666666668</c:v>
                </c:pt>
                <c:pt idx="576">
                  <c:v>19.2</c:v>
                </c:pt>
                <c:pt idx="577">
                  <c:v>19.233333333333334</c:v>
                </c:pt>
                <c:pt idx="578">
                  <c:v>19.266666666666666</c:v>
                </c:pt>
                <c:pt idx="579">
                  <c:v>19.3</c:v>
                </c:pt>
                <c:pt idx="580">
                  <c:v>19.333333333333332</c:v>
                </c:pt>
                <c:pt idx="581">
                  <c:v>19.366666666666667</c:v>
                </c:pt>
                <c:pt idx="582">
                  <c:v>19.399999999999999</c:v>
                </c:pt>
                <c:pt idx="583">
                  <c:v>19.433333333333334</c:v>
                </c:pt>
                <c:pt idx="584">
                  <c:v>19.466666666666665</c:v>
                </c:pt>
                <c:pt idx="585">
                  <c:v>19.5</c:v>
                </c:pt>
                <c:pt idx="586">
                  <c:v>19.533333333333335</c:v>
                </c:pt>
                <c:pt idx="587">
                  <c:v>19.566666666666666</c:v>
                </c:pt>
                <c:pt idx="588">
                  <c:v>19.600000000000001</c:v>
                </c:pt>
                <c:pt idx="589">
                  <c:v>19.633333333333333</c:v>
                </c:pt>
                <c:pt idx="590">
                  <c:v>19.666666666666668</c:v>
                </c:pt>
                <c:pt idx="591">
                  <c:v>19.7</c:v>
                </c:pt>
                <c:pt idx="592">
                  <c:v>19.733333333333334</c:v>
                </c:pt>
                <c:pt idx="593">
                  <c:v>19.766666666666666</c:v>
                </c:pt>
                <c:pt idx="594">
                  <c:v>19.8</c:v>
                </c:pt>
                <c:pt idx="595">
                  <c:v>19.833333333333332</c:v>
                </c:pt>
                <c:pt idx="596">
                  <c:v>19.866666666666667</c:v>
                </c:pt>
                <c:pt idx="597">
                  <c:v>19.899999999999999</c:v>
                </c:pt>
                <c:pt idx="598">
                  <c:v>19.933333333333334</c:v>
                </c:pt>
                <c:pt idx="599">
                  <c:v>19.966666666666665</c:v>
                </c:pt>
                <c:pt idx="600">
                  <c:v>20</c:v>
                </c:pt>
                <c:pt idx="601">
                  <c:v>20.033333333333335</c:v>
                </c:pt>
                <c:pt idx="602">
                  <c:v>20.066666666666666</c:v>
                </c:pt>
                <c:pt idx="603">
                  <c:v>20.100000000000001</c:v>
                </c:pt>
                <c:pt idx="604">
                  <c:v>20.133333333333333</c:v>
                </c:pt>
                <c:pt idx="605">
                  <c:v>20.166666666666668</c:v>
                </c:pt>
                <c:pt idx="606">
                  <c:v>20.2</c:v>
                </c:pt>
                <c:pt idx="607">
                  <c:v>20.233333333333334</c:v>
                </c:pt>
                <c:pt idx="608">
                  <c:v>20.266666666666666</c:v>
                </c:pt>
                <c:pt idx="609">
                  <c:v>20.3</c:v>
                </c:pt>
                <c:pt idx="610">
                  <c:v>20.333333333333332</c:v>
                </c:pt>
                <c:pt idx="611">
                  <c:v>20.366666666666667</c:v>
                </c:pt>
                <c:pt idx="612">
                  <c:v>20.399999999999999</c:v>
                </c:pt>
                <c:pt idx="613">
                  <c:v>20.433333333333334</c:v>
                </c:pt>
                <c:pt idx="614">
                  <c:v>20.466666666666665</c:v>
                </c:pt>
                <c:pt idx="615">
                  <c:v>20.5</c:v>
                </c:pt>
                <c:pt idx="616">
                  <c:v>20.533333333333335</c:v>
                </c:pt>
                <c:pt idx="617">
                  <c:v>20.566666666666666</c:v>
                </c:pt>
                <c:pt idx="618">
                  <c:v>20.6</c:v>
                </c:pt>
                <c:pt idx="619">
                  <c:v>20.633333333333333</c:v>
                </c:pt>
                <c:pt idx="620">
                  <c:v>20.666666666666668</c:v>
                </c:pt>
                <c:pt idx="621">
                  <c:v>20.7</c:v>
                </c:pt>
                <c:pt idx="622">
                  <c:v>20.733333333333334</c:v>
                </c:pt>
                <c:pt idx="623">
                  <c:v>20.766666666666666</c:v>
                </c:pt>
                <c:pt idx="624">
                  <c:v>20.8</c:v>
                </c:pt>
                <c:pt idx="625">
                  <c:v>20.833333333333332</c:v>
                </c:pt>
                <c:pt idx="626">
                  <c:v>20.866666666666667</c:v>
                </c:pt>
                <c:pt idx="627">
                  <c:v>20.9</c:v>
                </c:pt>
                <c:pt idx="628">
                  <c:v>20.933333333333334</c:v>
                </c:pt>
                <c:pt idx="629">
                  <c:v>20.966666666666665</c:v>
                </c:pt>
                <c:pt idx="630">
                  <c:v>21</c:v>
                </c:pt>
                <c:pt idx="631">
                  <c:v>21.033333333333335</c:v>
                </c:pt>
                <c:pt idx="632">
                  <c:v>21.066666666666666</c:v>
                </c:pt>
                <c:pt idx="633">
                  <c:v>21.1</c:v>
                </c:pt>
                <c:pt idx="634">
                  <c:v>21.133333333333333</c:v>
                </c:pt>
                <c:pt idx="635">
                  <c:v>21.166666666666668</c:v>
                </c:pt>
                <c:pt idx="636">
                  <c:v>21.2</c:v>
                </c:pt>
                <c:pt idx="637">
                  <c:v>21.233333333333334</c:v>
                </c:pt>
                <c:pt idx="638">
                  <c:v>21.266666666666666</c:v>
                </c:pt>
                <c:pt idx="639">
                  <c:v>21.3</c:v>
                </c:pt>
                <c:pt idx="640">
                  <c:v>21.333333333333332</c:v>
                </c:pt>
                <c:pt idx="641">
                  <c:v>21.366666666666667</c:v>
                </c:pt>
                <c:pt idx="642">
                  <c:v>21.4</c:v>
                </c:pt>
                <c:pt idx="643">
                  <c:v>21.433333333333334</c:v>
                </c:pt>
                <c:pt idx="644">
                  <c:v>21.466666666666665</c:v>
                </c:pt>
                <c:pt idx="645">
                  <c:v>21.5</c:v>
                </c:pt>
                <c:pt idx="646">
                  <c:v>21.533333333333335</c:v>
                </c:pt>
                <c:pt idx="647">
                  <c:v>21.566666666666666</c:v>
                </c:pt>
                <c:pt idx="648">
                  <c:v>21.6</c:v>
                </c:pt>
                <c:pt idx="649">
                  <c:v>21.633333333333333</c:v>
                </c:pt>
                <c:pt idx="650">
                  <c:v>21.666666666666668</c:v>
                </c:pt>
                <c:pt idx="651">
                  <c:v>21.7</c:v>
                </c:pt>
                <c:pt idx="652">
                  <c:v>21.733333333333334</c:v>
                </c:pt>
                <c:pt idx="653">
                  <c:v>21.766666666666666</c:v>
                </c:pt>
                <c:pt idx="654">
                  <c:v>21.8</c:v>
                </c:pt>
                <c:pt idx="655">
                  <c:v>21.833333333333332</c:v>
                </c:pt>
                <c:pt idx="656">
                  <c:v>21.866666666666667</c:v>
                </c:pt>
                <c:pt idx="657">
                  <c:v>21.9</c:v>
                </c:pt>
                <c:pt idx="658">
                  <c:v>21.933333333333334</c:v>
                </c:pt>
                <c:pt idx="659">
                  <c:v>21.966666666666665</c:v>
                </c:pt>
                <c:pt idx="660">
                  <c:v>22</c:v>
                </c:pt>
                <c:pt idx="661">
                  <c:v>22.033333333333335</c:v>
                </c:pt>
                <c:pt idx="662">
                  <c:v>22.066666666666666</c:v>
                </c:pt>
                <c:pt idx="663">
                  <c:v>22.1</c:v>
                </c:pt>
                <c:pt idx="664">
                  <c:v>22.133333333333333</c:v>
                </c:pt>
                <c:pt idx="665">
                  <c:v>22.166666666666668</c:v>
                </c:pt>
                <c:pt idx="666">
                  <c:v>22.2</c:v>
                </c:pt>
                <c:pt idx="667">
                  <c:v>22.233333333333334</c:v>
                </c:pt>
                <c:pt idx="668">
                  <c:v>22.266666666666666</c:v>
                </c:pt>
                <c:pt idx="669">
                  <c:v>22.3</c:v>
                </c:pt>
                <c:pt idx="670">
                  <c:v>22.333333333333332</c:v>
                </c:pt>
                <c:pt idx="671">
                  <c:v>22.366666666666667</c:v>
                </c:pt>
                <c:pt idx="672">
                  <c:v>22.4</c:v>
                </c:pt>
                <c:pt idx="673">
                  <c:v>22.433333333333334</c:v>
                </c:pt>
                <c:pt idx="674">
                  <c:v>22.466666666666665</c:v>
                </c:pt>
                <c:pt idx="675">
                  <c:v>22.5</c:v>
                </c:pt>
                <c:pt idx="676">
                  <c:v>22.533333333333335</c:v>
                </c:pt>
                <c:pt idx="677">
                  <c:v>22.566666666666666</c:v>
                </c:pt>
                <c:pt idx="678">
                  <c:v>22.6</c:v>
                </c:pt>
                <c:pt idx="679">
                  <c:v>22.633333333333333</c:v>
                </c:pt>
                <c:pt idx="680">
                  <c:v>22.666666666666668</c:v>
                </c:pt>
                <c:pt idx="681">
                  <c:v>22.7</c:v>
                </c:pt>
                <c:pt idx="682">
                  <c:v>22.733333333333334</c:v>
                </c:pt>
                <c:pt idx="683">
                  <c:v>22.766666666666666</c:v>
                </c:pt>
                <c:pt idx="684">
                  <c:v>22.8</c:v>
                </c:pt>
                <c:pt idx="685">
                  <c:v>22.833333333333332</c:v>
                </c:pt>
                <c:pt idx="686">
                  <c:v>22.866666666666667</c:v>
                </c:pt>
                <c:pt idx="687">
                  <c:v>22.9</c:v>
                </c:pt>
                <c:pt idx="688">
                  <c:v>22.933333333333334</c:v>
                </c:pt>
                <c:pt idx="689">
                  <c:v>22.966666666666665</c:v>
                </c:pt>
                <c:pt idx="690">
                  <c:v>23</c:v>
                </c:pt>
                <c:pt idx="691">
                  <c:v>23.033333333333335</c:v>
                </c:pt>
                <c:pt idx="692">
                  <c:v>23.066666666666666</c:v>
                </c:pt>
                <c:pt idx="693">
                  <c:v>23.1</c:v>
                </c:pt>
                <c:pt idx="694">
                  <c:v>23.133333333333333</c:v>
                </c:pt>
                <c:pt idx="695">
                  <c:v>23.166666666666668</c:v>
                </c:pt>
                <c:pt idx="696">
                  <c:v>23.2</c:v>
                </c:pt>
                <c:pt idx="697">
                  <c:v>23.233333333333334</c:v>
                </c:pt>
                <c:pt idx="698">
                  <c:v>23.266666666666666</c:v>
                </c:pt>
                <c:pt idx="699">
                  <c:v>23.3</c:v>
                </c:pt>
                <c:pt idx="700">
                  <c:v>23.333333333333332</c:v>
                </c:pt>
                <c:pt idx="701">
                  <c:v>23.366666666666667</c:v>
                </c:pt>
                <c:pt idx="702">
                  <c:v>23.4</c:v>
                </c:pt>
                <c:pt idx="703">
                  <c:v>23.433333333333334</c:v>
                </c:pt>
                <c:pt idx="704">
                  <c:v>23.466666666666665</c:v>
                </c:pt>
                <c:pt idx="705">
                  <c:v>23.5</c:v>
                </c:pt>
                <c:pt idx="706">
                  <c:v>23.533333333333335</c:v>
                </c:pt>
                <c:pt idx="707">
                  <c:v>23.566666666666666</c:v>
                </c:pt>
                <c:pt idx="708">
                  <c:v>23.6</c:v>
                </c:pt>
                <c:pt idx="709">
                  <c:v>23.633333333333333</c:v>
                </c:pt>
                <c:pt idx="710">
                  <c:v>23.666666666666668</c:v>
                </c:pt>
                <c:pt idx="711">
                  <c:v>23.7</c:v>
                </c:pt>
                <c:pt idx="712">
                  <c:v>23.733333333333334</c:v>
                </c:pt>
                <c:pt idx="713">
                  <c:v>23.766666666666666</c:v>
                </c:pt>
                <c:pt idx="714">
                  <c:v>23.8</c:v>
                </c:pt>
                <c:pt idx="715">
                  <c:v>23.833333333333332</c:v>
                </c:pt>
                <c:pt idx="716">
                  <c:v>23.866666666666667</c:v>
                </c:pt>
                <c:pt idx="717">
                  <c:v>23.9</c:v>
                </c:pt>
                <c:pt idx="718">
                  <c:v>23.933333333333334</c:v>
                </c:pt>
                <c:pt idx="719">
                  <c:v>23.966666666666665</c:v>
                </c:pt>
                <c:pt idx="720">
                  <c:v>24</c:v>
                </c:pt>
                <c:pt idx="721">
                  <c:v>24.033333333333335</c:v>
                </c:pt>
                <c:pt idx="722">
                  <c:v>24.066666666666666</c:v>
                </c:pt>
                <c:pt idx="723">
                  <c:v>24.1</c:v>
                </c:pt>
                <c:pt idx="724">
                  <c:v>24.133333333333333</c:v>
                </c:pt>
                <c:pt idx="725">
                  <c:v>24.166666666666668</c:v>
                </c:pt>
                <c:pt idx="726">
                  <c:v>24.2</c:v>
                </c:pt>
                <c:pt idx="727">
                  <c:v>24.233333333333334</c:v>
                </c:pt>
                <c:pt idx="728">
                  <c:v>24.266666666666666</c:v>
                </c:pt>
                <c:pt idx="729">
                  <c:v>24.3</c:v>
                </c:pt>
                <c:pt idx="730">
                  <c:v>24.333333333333332</c:v>
                </c:pt>
                <c:pt idx="731">
                  <c:v>24.366666666666667</c:v>
                </c:pt>
                <c:pt idx="732">
                  <c:v>24.4</c:v>
                </c:pt>
                <c:pt idx="733">
                  <c:v>24.433333333333334</c:v>
                </c:pt>
                <c:pt idx="734">
                  <c:v>24.466666666666665</c:v>
                </c:pt>
                <c:pt idx="735">
                  <c:v>24.5</c:v>
                </c:pt>
                <c:pt idx="736">
                  <c:v>24.533333333333335</c:v>
                </c:pt>
                <c:pt idx="737">
                  <c:v>24.566666666666666</c:v>
                </c:pt>
                <c:pt idx="738">
                  <c:v>24.6</c:v>
                </c:pt>
                <c:pt idx="739">
                  <c:v>24.633333333333333</c:v>
                </c:pt>
                <c:pt idx="740">
                  <c:v>24.666666666666668</c:v>
                </c:pt>
                <c:pt idx="741">
                  <c:v>24.7</c:v>
                </c:pt>
                <c:pt idx="742">
                  <c:v>24.733333333333334</c:v>
                </c:pt>
                <c:pt idx="743">
                  <c:v>24.766666666666666</c:v>
                </c:pt>
                <c:pt idx="744">
                  <c:v>24.8</c:v>
                </c:pt>
                <c:pt idx="745">
                  <c:v>24.833333333333332</c:v>
                </c:pt>
                <c:pt idx="746">
                  <c:v>24.866666666666667</c:v>
                </c:pt>
                <c:pt idx="747">
                  <c:v>24.9</c:v>
                </c:pt>
                <c:pt idx="748">
                  <c:v>24.933333333333334</c:v>
                </c:pt>
                <c:pt idx="749">
                  <c:v>24.966666666666665</c:v>
                </c:pt>
                <c:pt idx="750">
                  <c:v>25</c:v>
                </c:pt>
                <c:pt idx="751">
                  <c:v>25.033333333333335</c:v>
                </c:pt>
                <c:pt idx="752">
                  <c:v>25.066666666666666</c:v>
                </c:pt>
                <c:pt idx="753">
                  <c:v>25.1</c:v>
                </c:pt>
                <c:pt idx="754">
                  <c:v>25.133333333333333</c:v>
                </c:pt>
                <c:pt idx="755">
                  <c:v>25.166666666666668</c:v>
                </c:pt>
                <c:pt idx="756">
                  <c:v>25.2</c:v>
                </c:pt>
                <c:pt idx="757">
                  <c:v>25.233333333333334</c:v>
                </c:pt>
                <c:pt idx="758">
                  <c:v>25.266666666666666</c:v>
                </c:pt>
                <c:pt idx="759">
                  <c:v>25.3</c:v>
                </c:pt>
                <c:pt idx="760">
                  <c:v>25.333333333333332</c:v>
                </c:pt>
                <c:pt idx="761">
                  <c:v>25.366666666666667</c:v>
                </c:pt>
                <c:pt idx="762">
                  <c:v>25.4</c:v>
                </c:pt>
                <c:pt idx="763">
                  <c:v>25.433333333333334</c:v>
                </c:pt>
                <c:pt idx="764">
                  <c:v>25.466666666666665</c:v>
                </c:pt>
                <c:pt idx="765">
                  <c:v>25.5</c:v>
                </c:pt>
                <c:pt idx="766">
                  <c:v>25.533333333333335</c:v>
                </c:pt>
                <c:pt idx="767">
                  <c:v>25.566666666666666</c:v>
                </c:pt>
                <c:pt idx="768">
                  <c:v>25.6</c:v>
                </c:pt>
                <c:pt idx="769">
                  <c:v>25.633333333333333</c:v>
                </c:pt>
                <c:pt idx="770">
                  <c:v>25.666666666666668</c:v>
                </c:pt>
                <c:pt idx="771">
                  <c:v>25.7</c:v>
                </c:pt>
                <c:pt idx="772">
                  <c:v>25.733333333333334</c:v>
                </c:pt>
                <c:pt idx="773">
                  <c:v>25.766666666666666</c:v>
                </c:pt>
                <c:pt idx="774">
                  <c:v>25.8</c:v>
                </c:pt>
                <c:pt idx="775">
                  <c:v>25.833333333333332</c:v>
                </c:pt>
                <c:pt idx="776">
                  <c:v>25.866666666666667</c:v>
                </c:pt>
                <c:pt idx="777">
                  <c:v>25.9</c:v>
                </c:pt>
                <c:pt idx="778">
                  <c:v>25.933333333333334</c:v>
                </c:pt>
                <c:pt idx="779">
                  <c:v>25.966666666666665</c:v>
                </c:pt>
                <c:pt idx="780">
                  <c:v>26</c:v>
                </c:pt>
                <c:pt idx="781">
                  <c:v>26.033333333333335</c:v>
                </c:pt>
                <c:pt idx="782">
                  <c:v>26.066666666666666</c:v>
                </c:pt>
                <c:pt idx="783">
                  <c:v>26.1</c:v>
                </c:pt>
                <c:pt idx="784">
                  <c:v>26.133333333333333</c:v>
                </c:pt>
                <c:pt idx="785">
                  <c:v>26.166666666666668</c:v>
                </c:pt>
                <c:pt idx="786">
                  <c:v>26.2</c:v>
                </c:pt>
                <c:pt idx="787">
                  <c:v>26.233333333333334</c:v>
                </c:pt>
                <c:pt idx="788">
                  <c:v>26.266666666666666</c:v>
                </c:pt>
                <c:pt idx="789">
                  <c:v>26.3</c:v>
                </c:pt>
                <c:pt idx="790">
                  <c:v>26.333333333333332</c:v>
                </c:pt>
                <c:pt idx="791">
                  <c:v>26.366666666666667</c:v>
                </c:pt>
                <c:pt idx="792">
                  <c:v>26.4</c:v>
                </c:pt>
                <c:pt idx="793">
                  <c:v>26.433333333333334</c:v>
                </c:pt>
                <c:pt idx="794">
                  <c:v>26.466666666666665</c:v>
                </c:pt>
                <c:pt idx="795">
                  <c:v>26.5</c:v>
                </c:pt>
                <c:pt idx="796">
                  <c:v>26.533333333333335</c:v>
                </c:pt>
                <c:pt idx="797">
                  <c:v>26.566666666666666</c:v>
                </c:pt>
                <c:pt idx="798">
                  <c:v>26.6</c:v>
                </c:pt>
                <c:pt idx="799">
                  <c:v>26.633333333333333</c:v>
                </c:pt>
                <c:pt idx="800">
                  <c:v>26.666666666666668</c:v>
                </c:pt>
                <c:pt idx="801">
                  <c:v>26.7</c:v>
                </c:pt>
                <c:pt idx="802">
                  <c:v>26.733333333333334</c:v>
                </c:pt>
                <c:pt idx="803">
                  <c:v>26.766666666666666</c:v>
                </c:pt>
                <c:pt idx="804">
                  <c:v>26.8</c:v>
                </c:pt>
                <c:pt idx="805">
                  <c:v>26.833333333333332</c:v>
                </c:pt>
                <c:pt idx="806">
                  <c:v>26.866666666666667</c:v>
                </c:pt>
                <c:pt idx="807">
                  <c:v>26.9</c:v>
                </c:pt>
                <c:pt idx="808">
                  <c:v>26.933333333333334</c:v>
                </c:pt>
                <c:pt idx="809">
                  <c:v>26.966666666666665</c:v>
                </c:pt>
                <c:pt idx="810">
                  <c:v>27</c:v>
                </c:pt>
                <c:pt idx="811">
                  <c:v>27.033333333333335</c:v>
                </c:pt>
                <c:pt idx="812">
                  <c:v>27.066666666666666</c:v>
                </c:pt>
                <c:pt idx="813">
                  <c:v>27.1</c:v>
                </c:pt>
                <c:pt idx="814">
                  <c:v>27.133333333333333</c:v>
                </c:pt>
                <c:pt idx="815">
                  <c:v>27.166666666666668</c:v>
                </c:pt>
                <c:pt idx="816">
                  <c:v>27.2</c:v>
                </c:pt>
                <c:pt idx="817">
                  <c:v>27.233333333333334</c:v>
                </c:pt>
                <c:pt idx="818">
                  <c:v>27.266666666666666</c:v>
                </c:pt>
                <c:pt idx="819">
                  <c:v>27.3</c:v>
                </c:pt>
                <c:pt idx="820">
                  <c:v>27.333333333333332</c:v>
                </c:pt>
                <c:pt idx="821">
                  <c:v>27.366666666666667</c:v>
                </c:pt>
                <c:pt idx="822">
                  <c:v>27.4</c:v>
                </c:pt>
                <c:pt idx="823">
                  <c:v>27.433333333333334</c:v>
                </c:pt>
                <c:pt idx="824">
                  <c:v>27.466666666666665</c:v>
                </c:pt>
                <c:pt idx="825">
                  <c:v>27.5</c:v>
                </c:pt>
                <c:pt idx="826">
                  <c:v>27.533333333333335</c:v>
                </c:pt>
                <c:pt idx="827">
                  <c:v>27.566666666666666</c:v>
                </c:pt>
                <c:pt idx="828">
                  <c:v>27.6</c:v>
                </c:pt>
                <c:pt idx="829">
                  <c:v>27.633333333333333</c:v>
                </c:pt>
                <c:pt idx="830">
                  <c:v>27.666666666666668</c:v>
                </c:pt>
                <c:pt idx="831">
                  <c:v>27.7</c:v>
                </c:pt>
                <c:pt idx="832">
                  <c:v>27.733333333333334</c:v>
                </c:pt>
                <c:pt idx="833">
                  <c:v>27.766666666666666</c:v>
                </c:pt>
                <c:pt idx="834">
                  <c:v>27.8</c:v>
                </c:pt>
                <c:pt idx="835">
                  <c:v>27.833333333333332</c:v>
                </c:pt>
                <c:pt idx="836">
                  <c:v>27.866666666666667</c:v>
                </c:pt>
                <c:pt idx="837">
                  <c:v>27.9</c:v>
                </c:pt>
                <c:pt idx="838">
                  <c:v>27.933333333333334</c:v>
                </c:pt>
                <c:pt idx="839">
                  <c:v>27.966666666666665</c:v>
                </c:pt>
                <c:pt idx="840">
                  <c:v>28</c:v>
                </c:pt>
                <c:pt idx="841">
                  <c:v>28.033333333333335</c:v>
                </c:pt>
                <c:pt idx="842">
                  <c:v>28.066666666666666</c:v>
                </c:pt>
                <c:pt idx="843">
                  <c:v>28.1</c:v>
                </c:pt>
                <c:pt idx="844">
                  <c:v>28.133333333333333</c:v>
                </c:pt>
                <c:pt idx="845">
                  <c:v>28.166666666666668</c:v>
                </c:pt>
                <c:pt idx="846">
                  <c:v>28.2</c:v>
                </c:pt>
                <c:pt idx="847">
                  <c:v>28.233333333333334</c:v>
                </c:pt>
                <c:pt idx="848">
                  <c:v>28.266666666666666</c:v>
                </c:pt>
                <c:pt idx="849">
                  <c:v>28.3</c:v>
                </c:pt>
                <c:pt idx="850">
                  <c:v>28.333333333333332</c:v>
                </c:pt>
                <c:pt idx="851">
                  <c:v>28.366666666666667</c:v>
                </c:pt>
                <c:pt idx="852">
                  <c:v>28.4</c:v>
                </c:pt>
                <c:pt idx="853">
                  <c:v>28.433333333333334</c:v>
                </c:pt>
                <c:pt idx="854">
                  <c:v>28.466666666666665</c:v>
                </c:pt>
                <c:pt idx="855">
                  <c:v>28.5</c:v>
                </c:pt>
                <c:pt idx="856">
                  <c:v>28.533333333333335</c:v>
                </c:pt>
                <c:pt idx="857">
                  <c:v>28.566666666666666</c:v>
                </c:pt>
                <c:pt idx="858">
                  <c:v>28.6</c:v>
                </c:pt>
                <c:pt idx="859">
                  <c:v>28.633333333333333</c:v>
                </c:pt>
                <c:pt idx="860">
                  <c:v>28.666666666666668</c:v>
                </c:pt>
                <c:pt idx="861">
                  <c:v>28.7</c:v>
                </c:pt>
                <c:pt idx="862">
                  <c:v>28.733333333333334</c:v>
                </c:pt>
                <c:pt idx="863">
                  <c:v>28.766666666666666</c:v>
                </c:pt>
                <c:pt idx="864">
                  <c:v>28.8</c:v>
                </c:pt>
                <c:pt idx="865">
                  <c:v>28.833333333333332</c:v>
                </c:pt>
                <c:pt idx="866">
                  <c:v>28.866666666666667</c:v>
                </c:pt>
                <c:pt idx="867">
                  <c:v>28.9</c:v>
                </c:pt>
                <c:pt idx="868">
                  <c:v>28.933333333333334</c:v>
                </c:pt>
                <c:pt idx="869">
                  <c:v>28.966666666666665</c:v>
                </c:pt>
                <c:pt idx="870">
                  <c:v>29</c:v>
                </c:pt>
                <c:pt idx="871">
                  <c:v>29.033333333333335</c:v>
                </c:pt>
                <c:pt idx="872">
                  <c:v>29.066666666666666</c:v>
                </c:pt>
                <c:pt idx="873">
                  <c:v>29.1</c:v>
                </c:pt>
                <c:pt idx="874">
                  <c:v>29.133333333333333</c:v>
                </c:pt>
                <c:pt idx="875">
                  <c:v>29.166666666666668</c:v>
                </c:pt>
                <c:pt idx="876">
                  <c:v>29.2</c:v>
                </c:pt>
                <c:pt idx="877">
                  <c:v>29.233333333333334</c:v>
                </c:pt>
                <c:pt idx="878">
                  <c:v>29.266666666666666</c:v>
                </c:pt>
                <c:pt idx="879">
                  <c:v>29.3</c:v>
                </c:pt>
                <c:pt idx="880">
                  <c:v>29.333333333333332</c:v>
                </c:pt>
                <c:pt idx="881">
                  <c:v>29.366666666666667</c:v>
                </c:pt>
                <c:pt idx="882">
                  <c:v>29.4</c:v>
                </c:pt>
                <c:pt idx="883">
                  <c:v>29.433333333333334</c:v>
                </c:pt>
                <c:pt idx="884">
                  <c:v>29.466666666666665</c:v>
                </c:pt>
                <c:pt idx="885">
                  <c:v>29.5</c:v>
                </c:pt>
                <c:pt idx="886">
                  <c:v>29.533333333333335</c:v>
                </c:pt>
                <c:pt idx="887">
                  <c:v>29.566666666666666</c:v>
                </c:pt>
                <c:pt idx="888">
                  <c:v>29.6</c:v>
                </c:pt>
                <c:pt idx="889">
                  <c:v>29.633333333333333</c:v>
                </c:pt>
                <c:pt idx="890">
                  <c:v>29.666666666666668</c:v>
                </c:pt>
                <c:pt idx="891">
                  <c:v>29.7</c:v>
                </c:pt>
                <c:pt idx="892">
                  <c:v>29.733333333333334</c:v>
                </c:pt>
                <c:pt idx="893">
                  <c:v>29.766666666666666</c:v>
                </c:pt>
                <c:pt idx="894">
                  <c:v>29.8</c:v>
                </c:pt>
                <c:pt idx="895">
                  <c:v>29.833333333333332</c:v>
                </c:pt>
                <c:pt idx="896">
                  <c:v>29.866666666666667</c:v>
                </c:pt>
                <c:pt idx="897">
                  <c:v>29.9</c:v>
                </c:pt>
                <c:pt idx="898">
                  <c:v>29.933333333333334</c:v>
                </c:pt>
                <c:pt idx="899">
                  <c:v>29.966666666666665</c:v>
                </c:pt>
                <c:pt idx="900">
                  <c:v>30</c:v>
                </c:pt>
              </c:numCache>
            </c:numRef>
          </c:xVal>
          <c:yVal>
            <c:numRef>
              <c:f>'力(2秒)'!$O$2:$O$902</c:f>
              <c:numCache>
                <c:formatCode>General</c:formatCode>
                <c:ptCount val="901"/>
                <c:pt idx="29">
                  <c:v>0.11451641952788878</c:v>
                </c:pt>
                <c:pt idx="30">
                  <c:v>0.11573618551877282</c:v>
                </c:pt>
                <c:pt idx="31">
                  <c:v>0.14036853925377926</c:v>
                </c:pt>
                <c:pt idx="32">
                  <c:v>0.19821088216700572</c:v>
                </c:pt>
                <c:pt idx="33">
                  <c:v>0.27016280186098368</c:v>
                </c:pt>
                <c:pt idx="34">
                  <c:v>0.37583865949616968</c:v>
                </c:pt>
                <c:pt idx="35">
                  <c:v>0.36363385449063601</c:v>
                </c:pt>
                <c:pt idx="36">
                  <c:v>0.31855928637309955</c:v>
                </c:pt>
                <c:pt idx="37">
                  <c:v>0.28668440034905796</c:v>
                </c:pt>
                <c:pt idx="38">
                  <c:v>0.24540658592726181</c:v>
                </c:pt>
                <c:pt idx="39">
                  <c:v>0.21349968043451856</c:v>
                </c:pt>
                <c:pt idx="40">
                  <c:v>0.17564118805913845</c:v>
                </c:pt>
                <c:pt idx="41">
                  <c:v>-1.8465953897304235E-2</c:v>
                </c:pt>
                <c:pt idx="42">
                  <c:v>-0.14491804168377667</c:v>
                </c:pt>
                <c:pt idx="43">
                  <c:v>-0.26322568996823614</c:v>
                </c:pt>
                <c:pt idx="44">
                  <c:v>-0.36292185588402343</c:v>
                </c:pt>
                <c:pt idx="45">
                  <c:v>-0.47601881666604901</c:v>
                </c:pt>
                <c:pt idx="46">
                  <c:v>-0.58552677432619482</c:v>
                </c:pt>
                <c:pt idx="47">
                  <c:v>-0.71701825619946624</c:v>
                </c:pt>
                <c:pt idx="48">
                  <c:v>-0.88002245863468975</c:v>
                </c:pt>
                <c:pt idx="49">
                  <c:v>-1.0061313659931179</c:v>
                </c:pt>
                <c:pt idx="50">
                  <c:v>-1.1303158264517508</c:v>
                </c:pt>
                <c:pt idx="51">
                  <c:v>-1.2552309522733336</c:v>
                </c:pt>
                <c:pt idx="52">
                  <c:v>-1.3181747089712765</c:v>
                </c:pt>
                <c:pt idx="53">
                  <c:v>-1.3242266344374249</c:v>
                </c:pt>
                <c:pt idx="54">
                  <c:v>-1.2687069830485014</c:v>
                </c:pt>
                <c:pt idx="55">
                  <c:v>-1.2359785062629243</c:v>
                </c:pt>
                <c:pt idx="56">
                  <c:v>-1.1800251947153222</c:v>
                </c:pt>
                <c:pt idx="57">
                  <c:v>-0.9574320799799888</c:v>
                </c:pt>
                <c:pt idx="58">
                  <c:v>-0.6937993401898106</c:v>
                </c:pt>
                <c:pt idx="59">
                  <c:v>-0.48726063151051852</c:v>
                </c:pt>
                <c:pt idx="60">
                  <c:v>-0.28723070119832189</c:v>
                </c:pt>
                <c:pt idx="61">
                  <c:v>-9.2881466768884868E-2</c:v>
                </c:pt>
                <c:pt idx="62">
                  <c:v>1.6562124682650086E-3</c:v>
                </c:pt>
                <c:pt idx="63">
                  <c:v>0.11071137580479769</c:v>
                </c:pt>
                <c:pt idx="64">
                  <c:v>0.16558689250972286</c:v>
                </c:pt>
                <c:pt idx="65">
                  <c:v>0.22836257316290381</c:v>
                </c:pt>
                <c:pt idx="66">
                  <c:v>0.26805321039575497</c:v>
                </c:pt>
                <c:pt idx="67">
                  <c:v>0.23399408677925917</c:v>
                </c:pt>
                <c:pt idx="68">
                  <c:v>0.144821320527487</c:v>
                </c:pt>
                <c:pt idx="69">
                  <c:v>8.0435918426817826E-2</c:v>
                </c:pt>
                <c:pt idx="70">
                  <c:v>3.3285923483228667E-2</c:v>
                </c:pt>
                <c:pt idx="71">
                  <c:v>-4.7898758607121963E-2</c:v>
                </c:pt>
                <c:pt idx="72">
                  <c:v>-0.11019173869656647</c:v>
                </c:pt>
                <c:pt idx="73">
                  <c:v>-0.10390772141133975</c:v>
                </c:pt>
                <c:pt idx="74">
                  <c:v>-0.11909267192952062</c:v>
                </c:pt>
                <c:pt idx="75">
                  <c:v>-0.16968029520221872</c:v>
                </c:pt>
                <c:pt idx="76">
                  <c:v>-0.24362108092961068</c:v>
                </c:pt>
                <c:pt idx="77">
                  <c:v>-0.22346296733066065</c:v>
                </c:pt>
                <c:pt idx="78">
                  <c:v>-0.15942600713987495</c:v>
                </c:pt>
                <c:pt idx="79">
                  <c:v>-0.13692248274570706</c:v>
                </c:pt>
                <c:pt idx="80">
                  <c:v>-0.13205477781167124</c:v>
                </c:pt>
                <c:pt idx="81">
                  <c:v>-0.17785315838619642</c:v>
                </c:pt>
                <c:pt idx="82">
                  <c:v>-0.20006860005253665</c:v>
                </c:pt>
                <c:pt idx="83">
                  <c:v>-0.26185067000829215</c:v>
                </c:pt>
                <c:pt idx="84">
                  <c:v>-0.29529341985014657</c:v>
                </c:pt>
                <c:pt idx="85">
                  <c:v>-0.33400916501470063</c:v>
                </c:pt>
                <c:pt idx="86">
                  <c:v>-0.3148199007095282</c:v>
                </c:pt>
                <c:pt idx="87">
                  <c:v>-0.34217110954154639</c:v>
                </c:pt>
                <c:pt idx="88">
                  <c:v>-0.40614836534410087</c:v>
                </c:pt>
                <c:pt idx="89">
                  <c:v>-0.48041329611074124</c:v>
                </c:pt>
                <c:pt idx="90">
                  <c:v>-0.56151337750967212</c:v>
                </c:pt>
                <c:pt idx="91">
                  <c:v>-0.70799996983147262</c:v>
                </c:pt>
                <c:pt idx="92">
                  <c:v>-0.87164373215638369</c:v>
                </c:pt>
                <c:pt idx="93">
                  <c:v>-1.0653152765358718</c:v>
                </c:pt>
                <c:pt idx="94">
                  <c:v>-1.2552748657464705</c:v>
                </c:pt>
                <c:pt idx="95">
                  <c:v>-1.4429700635755065</c:v>
                </c:pt>
                <c:pt idx="96">
                  <c:v>-1.6310806492570862</c:v>
                </c:pt>
                <c:pt idx="97">
                  <c:v>-1.823503379859744</c:v>
                </c:pt>
                <c:pt idx="98">
                  <c:v>-2.0311454096484369</c:v>
                </c:pt>
                <c:pt idx="99">
                  <c:v>-2.2933999159531853</c:v>
                </c:pt>
                <c:pt idx="100">
                  <c:v>-2.4426233269792106</c:v>
                </c:pt>
                <c:pt idx="101">
                  <c:v>-2.5381460523191004</c:v>
                </c:pt>
                <c:pt idx="102">
                  <c:v>-2.6174546084905774</c:v>
                </c:pt>
                <c:pt idx="103">
                  <c:v>-2.6786052194770407</c:v>
                </c:pt>
                <c:pt idx="104">
                  <c:v>-2.6389095676959573</c:v>
                </c:pt>
                <c:pt idx="105">
                  <c:v>-2.5971607060223691</c:v>
                </c:pt>
                <c:pt idx="106">
                  <c:v>-2.4387637801987756</c:v>
                </c:pt>
                <c:pt idx="107">
                  <c:v>-2.2107205549936269</c:v>
                </c:pt>
                <c:pt idx="108">
                  <c:v>-1.929052486220618</c:v>
                </c:pt>
                <c:pt idx="109">
                  <c:v>-1.5753667548465848</c:v>
                </c:pt>
                <c:pt idx="110">
                  <c:v>-1.1927447950176022</c:v>
                </c:pt>
                <c:pt idx="111">
                  <c:v>-0.76658113729581123</c:v>
                </c:pt>
                <c:pt idx="112">
                  <c:v>-0.51672822893173354</c:v>
                </c:pt>
                <c:pt idx="113">
                  <c:v>-0.30816760059787307</c:v>
                </c:pt>
                <c:pt idx="114">
                  <c:v>-3.6728805833126668E-2</c:v>
                </c:pt>
                <c:pt idx="115">
                  <c:v>0.19007714222063457</c:v>
                </c:pt>
                <c:pt idx="116">
                  <c:v>0.29285112979991429</c:v>
                </c:pt>
                <c:pt idx="117">
                  <c:v>0.37064690082745511</c:v>
                </c:pt>
                <c:pt idx="118">
                  <c:v>0.44819480358128339</c:v>
                </c:pt>
                <c:pt idx="119">
                  <c:v>0.49944170120098991</c:v>
                </c:pt>
                <c:pt idx="120">
                  <c:v>0.42910109701824578</c:v>
                </c:pt>
                <c:pt idx="121">
                  <c:v>0.31663910719802979</c:v>
                </c:pt>
                <c:pt idx="122">
                  <c:v>0.22641955596176266</c:v>
                </c:pt>
                <c:pt idx="123">
                  <c:v>0.18304141441385771</c:v>
                </c:pt>
                <c:pt idx="124">
                  <c:v>9.1927573680601116E-2</c:v>
                </c:pt>
                <c:pt idx="125">
                  <c:v>2.4431799920937712E-2</c:v>
                </c:pt>
                <c:pt idx="126">
                  <c:v>2.4891118553528012E-3</c:v>
                </c:pt>
                <c:pt idx="127">
                  <c:v>-2.2406594479140916E-2</c:v>
                </c:pt>
                <c:pt idx="128">
                  <c:v>-1.6937046501812467E-2</c:v>
                </c:pt>
                <c:pt idx="129">
                  <c:v>-5.7635464862852114E-3</c:v>
                </c:pt>
                <c:pt idx="130">
                  <c:v>4.5289742430330588E-3</c:v>
                </c:pt>
                <c:pt idx="131">
                  <c:v>3.0127296956244408E-2</c:v>
                </c:pt>
                <c:pt idx="132">
                  <c:v>5.7977089083591019E-2</c:v>
                </c:pt>
                <c:pt idx="133">
                  <c:v>4.90679741846754E-2</c:v>
                </c:pt>
                <c:pt idx="134">
                  <c:v>0.1476724297492179</c:v>
                </c:pt>
                <c:pt idx="135">
                  <c:v>0.24138268255770634</c:v>
                </c:pt>
                <c:pt idx="136">
                  <c:v>0.27812711951555469</c:v>
                </c:pt>
                <c:pt idx="137">
                  <c:v>0.33282847767643925</c:v>
                </c:pt>
                <c:pt idx="138">
                  <c:v>0.36147479773878982</c:v>
                </c:pt>
                <c:pt idx="139">
                  <c:v>0.43077492566132042</c:v>
                </c:pt>
                <c:pt idx="140">
                  <c:v>0.52054279498647793</c:v>
                </c:pt>
                <c:pt idx="141">
                  <c:v>0.52067456852663618</c:v>
                </c:pt>
                <c:pt idx="142">
                  <c:v>0.51689203851590071</c:v>
                </c:pt>
                <c:pt idx="143">
                  <c:v>0.35521504550475819</c:v>
                </c:pt>
                <c:pt idx="144">
                  <c:v>0.1764089470176487</c:v>
                </c:pt>
                <c:pt idx="145">
                  <c:v>-5.2223732220281822E-2</c:v>
                </c:pt>
                <c:pt idx="146">
                  <c:v>-0.31336093952673122</c:v>
                </c:pt>
                <c:pt idx="147">
                  <c:v>-0.57767310031657415</c:v>
                </c:pt>
                <c:pt idx="148">
                  <c:v>-0.81397499732046086</c:v>
                </c:pt>
                <c:pt idx="149">
                  <c:v>-1.0249691912118319</c:v>
                </c:pt>
                <c:pt idx="150">
                  <c:v>-1.2289786559714084</c:v>
                </c:pt>
                <c:pt idx="151">
                  <c:v>-1.4296446300548988</c:v>
                </c:pt>
                <c:pt idx="152">
                  <c:v>-1.5939910989754458</c:v>
                </c:pt>
                <c:pt idx="153">
                  <c:v>-1.6953273413743533</c:v>
                </c:pt>
                <c:pt idx="154">
                  <c:v>-1.7498044120717433</c:v>
                </c:pt>
                <c:pt idx="155">
                  <c:v>-1.765048861091302</c:v>
                </c:pt>
                <c:pt idx="156">
                  <c:v>-1.7320057026518501</c:v>
                </c:pt>
                <c:pt idx="157">
                  <c:v>-1.7007751324531242</c:v>
                </c:pt>
                <c:pt idx="158">
                  <c:v>-1.6018926219669116</c:v>
                </c:pt>
                <c:pt idx="159">
                  <c:v>-1.4326683040775103</c:v>
                </c:pt>
                <c:pt idx="160">
                  <c:v>-1.2709187065154757</c:v>
                </c:pt>
                <c:pt idx="161">
                  <c:v>-1.0458215104169946</c:v>
                </c:pt>
                <c:pt idx="162">
                  <c:v>-0.77627241074007691</c:v>
                </c:pt>
                <c:pt idx="163">
                  <c:v>-0.50695767381084955</c:v>
                </c:pt>
                <c:pt idx="164">
                  <c:v>-0.2326630085032444</c:v>
                </c:pt>
                <c:pt idx="165">
                  <c:v>-2.166706380663427E-2</c:v>
                </c:pt>
                <c:pt idx="166">
                  <c:v>0.1990870558743934</c:v>
                </c:pt>
                <c:pt idx="167">
                  <c:v>0.31986653860591152</c:v>
                </c:pt>
                <c:pt idx="168">
                  <c:v>0.37049434056770303</c:v>
                </c:pt>
                <c:pt idx="169">
                  <c:v>0.37391970785761658</c:v>
                </c:pt>
                <c:pt idx="170">
                  <c:v>0.33629107687925325</c:v>
                </c:pt>
                <c:pt idx="171">
                  <c:v>0.38086984947965613</c:v>
                </c:pt>
                <c:pt idx="172">
                  <c:v>0.31152286688390213</c:v>
                </c:pt>
                <c:pt idx="173">
                  <c:v>0.17193094729210487</c:v>
                </c:pt>
                <c:pt idx="174">
                  <c:v>7.1779308652975632E-2</c:v>
                </c:pt>
                <c:pt idx="175">
                  <c:v>-5.3145602219058383E-2</c:v>
                </c:pt>
                <c:pt idx="176">
                  <c:v>-0.17083479879587612</c:v>
                </c:pt>
                <c:pt idx="177">
                  <c:v>-0.33232144211278858</c:v>
                </c:pt>
                <c:pt idx="178">
                  <c:v>-0.44033284030612524</c:v>
                </c:pt>
                <c:pt idx="179">
                  <c:v>-0.51153976029830606</c:v>
                </c:pt>
                <c:pt idx="180">
                  <c:v>-0.51501094744653786</c:v>
                </c:pt>
                <c:pt idx="181">
                  <c:v>-0.55908200033039579</c:v>
                </c:pt>
                <c:pt idx="182">
                  <c:v>-0.54653506384136086</c:v>
                </c:pt>
                <c:pt idx="183">
                  <c:v>-0.42975706094673971</c:v>
                </c:pt>
                <c:pt idx="184">
                  <c:v>-0.23607933605416792</c:v>
                </c:pt>
                <c:pt idx="185">
                  <c:v>-5.997810311928372E-2</c:v>
                </c:pt>
                <c:pt idx="186">
                  <c:v>0.17579523964720284</c:v>
                </c:pt>
                <c:pt idx="187">
                  <c:v>0.31507224330031347</c:v>
                </c:pt>
                <c:pt idx="188">
                  <c:v>0.44403159870663633</c:v>
                </c:pt>
                <c:pt idx="189">
                  <c:v>0.58604537770736898</c:v>
                </c:pt>
                <c:pt idx="190">
                  <c:v>0.58818385749926805</c:v>
                </c:pt>
                <c:pt idx="191">
                  <c:v>0.55690542906814688</c:v>
                </c:pt>
                <c:pt idx="192">
                  <c:v>0.52718286658062452</c:v>
                </c:pt>
                <c:pt idx="193">
                  <c:v>0.41935222756579155</c:v>
                </c:pt>
                <c:pt idx="194">
                  <c:v>0.26062395452825077</c:v>
                </c:pt>
                <c:pt idx="195">
                  <c:v>0.14479271586186496</c:v>
                </c:pt>
                <c:pt idx="196">
                  <c:v>-2.0088783374760864E-2</c:v>
                </c:pt>
                <c:pt idx="197">
                  <c:v>-0.19001627571927507</c:v>
                </c:pt>
                <c:pt idx="198">
                  <c:v>-0.42956267328793557</c:v>
                </c:pt>
                <c:pt idx="199">
                  <c:v>-0.65738248942514632</c:v>
                </c:pt>
                <c:pt idx="200">
                  <c:v>-0.90327054781725236</c:v>
                </c:pt>
                <c:pt idx="201">
                  <c:v>-1.16485051017474</c:v>
                </c:pt>
                <c:pt idx="202">
                  <c:v>-1.3474231894437345</c:v>
                </c:pt>
                <c:pt idx="203">
                  <c:v>-1.5654856670109403</c:v>
                </c:pt>
                <c:pt idx="204">
                  <c:v>-1.6972493578705279</c:v>
                </c:pt>
                <c:pt idx="205">
                  <c:v>-1.7694765790910492</c:v>
                </c:pt>
                <c:pt idx="206">
                  <c:v>-1.7637157584903411</c:v>
                </c:pt>
                <c:pt idx="207">
                  <c:v>-1.7321378454542125</c:v>
                </c:pt>
                <c:pt idx="208">
                  <c:v>-1.686986871665237</c:v>
                </c:pt>
                <c:pt idx="209">
                  <c:v>-1.6112323509300488</c:v>
                </c:pt>
                <c:pt idx="210">
                  <c:v>-1.4889872108474878</c:v>
                </c:pt>
                <c:pt idx="211">
                  <c:v>-1.3568107673709069</c:v>
                </c:pt>
                <c:pt idx="212">
                  <c:v>-1.1774046253710144</c:v>
                </c:pt>
                <c:pt idx="213">
                  <c:v>-0.98100790039574826</c:v>
                </c:pt>
                <c:pt idx="214">
                  <c:v>-0.80109989122421121</c:v>
                </c:pt>
                <c:pt idx="215">
                  <c:v>-0.65881235727142895</c:v>
                </c:pt>
                <c:pt idx="216">
                  <c:v>-0.47111585676134593</c:v>
                </c:pt>
                <c:pt idx="217">
                  <c:v>-0.2793157513673008</c:v>
                </c:pt>
                <c:pt idx="218">
                  <c:v>-0.12154768156885418</c:v>
                </c:pt>
                <c:pt idx="219">
                  <c:v>2.6719884248693117E-2</c:v>
                </c:pt>
                <c:pt idx="220">
                  <c:v>0.16295961094896461</c:v>
                </c:pt>
                <c:pt idx="221">
                  <c:v>0.30406148252054627</c:v>
                </c:pt>
                <c:pt idx="222">
                  <c:v>0.3904524493191236</c:v>
                </c:pt>
                <c:pt idx="223">
                  <c:v>0.55411863457613986</c:v>
                </c:pt>
                <c:pt idx="224">
                  <c:v>0.61237498025319914</c:v>
                </c:pt>
                <c:pt idx="225">
                  <c:v>0.53356565325923022</c:v>
                </c:pt>
                <c:pt idx="226">
                  <c:v>0.38072727668861139</c:v>
                </c:pt>
                <c:pt idx="227">
                  <c:v>0.19716988848701567</c:v>
                </c:pt>
                <c:pt idx="228">
                  <c:v>-2.3968840090408845E-2</c:v>
                </c:pt>
                <c:pt idx="229">
                  <c:v>-0.26795080021952683</c:v>
                </c:pt>
                <c:pt idx="230">
                  <c:v>-0.47028653800105757</c:v>
                </c:pt>
                <c:pt idx="231">
                  <c:v>-0.52022159201012574</c:v>
                </c:pt>
                <c:pt idx="232">
                  <c:v>-0.54342042676668401</c:v>
                </c:pt>
                <c:pt idx="233">
                  <c:v>-0.5880072279619537</c:v>
                </c:pt>
                <c:pt idx="234">
                  <c:v>-0.58974192235942524</c:v>
                </c:pt>
                <c:pt idx="235">
                  <c:v>-0.54955565783560989</c:v>
                </c:pt>
                <c:pt idx="236">
                  <c:v>-0.50387223120728608</c:v>
                </c:pt>
                <c:pt idx="237">
                  <c:v>-0.47664282338989949</c:v>
                </c:pt>
                <c:pt idx="238">
                  <c:v>-0.42694292231521097</c:v>
                </c:pt>
                <c:pt idx="239">
                  <c:v>-0.3026279065099195</c:v>
                </c:pt>
                <c:pt idx="240">
                  <c:v>-0.13045633049311883</c:v>
                </c:pt>
                <c:pt idx="241">
                  <c:v>3.4768698438653288E-2</c:v>
                </c:pt>
                <c:pt idx="242">
                  <c:v>0.20608257982473704</c:v>
                </c:pt>
                <c:pt idx="243">
                  <c:v>0.32929165997504156</c:v>
                </c:pt>
                <c:pt idx="244">
                  <c:v>0.42904671514395681</c:v>
                </c:pt>
                <c:pt idx="245">
                  <c:v>0.4050963212356915</c:v>
                </c:pt>
                <c:pt idx="246">
                  <c:v>0.40296505636134494</c:v>
                </c:pt>
                <c:pt idx="247">
                  <c:v>0.29427147175479323</c:v>
                </c:pt>
                <c:pt idx="248">
                  <c:v>0.14019226627902509</c:v>
                </c:pt>
                <c:pt idx="249">
                  <c:v>7.119383974732417E-2</c:v>
                </c:pt>
                <c:pt idx="250">
                  <c:v>3.1023976814221435E-2</c:v>
                </c:pt>
                <c:pt idx="251">
                  <c:v>-7.0370560010478853E-2</c:v>
                </c:pt>
                <c:pt idx="252">
                  <c:v>-0.23274969996580996</c:v>
                </c:pt>
                <c:pt idx="253">
                  <c:v>-0.37895807421757488</c:v>
                </c:pt>
                <c:pt idx="254">
                  <c:v>-0.52554465797502792</c:v>
                </c:pt>
                <c:pt idx="255">
                  <c:v>-0.66132259475283117</c:v>
                </c:pt>
                <c:pt idx="256">
                  <c:v>-0.79914200113629874</c:v>
                </c:pt>
                <c:pt idx="257">
                  <c:v>-0.82264409089245372</c:v>
                </c:pt>
                <c:pt idx="258">
                  <c:v>-0.80765874188315123</c:v>
                </c:pt>
                <c:pt idx="259">
                  <c:v>-0.76736166854790955</c:v>
                </c:pt>
                <c:pt idx="260">
                  <c:v>-0.6346135166695781</c:v>
                </c:pt>
                <c:pt idx="261">
                  <c:v>-0.48093485207354175</c:v>
                </c:pt>
                <c:pt idx="262">
                  <c:v>-0.34454054249211019</c:v>
                </c:pt>
                <c:pt idx="263">
                  <c:v>-0.24030619959561805</c:v>
                </c:pt>
                <c:pt idx="264">
                  <c:v>-0.12453323663944194</c:v>
                </c:pt>
                <c:pt idx="265">
                  <c:v>-6.9629021868435351E-2</c:v>
                </c:pt>
                <c:pt idx="266">
                  <c:v>7.7231770930171343E-3</c:v>
                </c:pt>
                <c:pt idx="267">
                  <c:v>0.1095225592291814</c:v>
                </c:pt>
                <c:pt idx="268">
                  <c:v>0.21766716167276218</c:v>
                </c:pt>
                <c:pt idx="269">
                  <c:v>0.2070824337210049</c:v>
                </c:pt>
                <c:pt idx="270">
                  <c:v>0.17777555228423364</c:v>
                </c:pt>
                <c:pt idx="271">
                  <c:v>7.4556421159247405E-2</c:v>
                </c:pt>
                <c:pt idx="272">
                  <c:v>2.5709987157468785E-2</c:v>
                </c:pt>
                <c:pt idx="273">
                  <c:v>-4.8156429756913786E-3</c:v>
                </c:pt>
                <c:pt idx="274">
                  <c:v>1.6808501607286922E-2</c:v>
                </c:pt>
                <c:pt idx="275">
                  <c:v>1.6393268007231367E-2</c:v>
                </c:pt>
                <c:pt idx="276">
                  <c:v>3.5027086403942496E-2</c:v>
                </c:pt>
                <c:pt idx="277">
                  <c:v>5.434384892186464E-3</c:v>
                </c:pt>
                <c:pt idx="278">
                  <c:v>-2.7021362486060102E-2</c:v>
                </c:pt>
                <c:pt idx="279">
                  <c:v>-0.11835563297307183</c:v>
                </c:pt>
                <c:pt idx="280">
                  <c:v>-0.27992134550046699</c:v>
                </c:pt>
                <c:pt idx="281">
                  <c:v>-0.41543534524497333</c:v>
                </c:pt>
                <c:pt idx="282">
                  <c:v>-0.67262083479039791</c:v>
                </c:pt>
                <c:pt idx="283">
                  <c:v>-0.84918622939255251</c:v>
                </c:pt>
                <c:pt idx="284">
                  <c:v>-0.93684992764059372</c:v>
                </c:pt>
                <c:pt idx="285">
                  <c:v>-0.913999787297753</c:v>
                </c:pt>
                <c:pt idx="286">
                  <c:v>-0.88654124208197616</c:v>
                </c:pt>
                <c:pt idx="287">
                  <c:v>-0.70679259909709169</c:v>
                </c:pt>
                <c:pt idx="288">
                  <c:v>-0.57946628593743421</c:v>
                </c:pt>
                <c:pt idx="289">
                  <c:v>-0.38535014975243109</c:v>
                </c:pt>
                <c:pt idx="290">
                  <c:v>-0.27847646243440155</c:v>
                </c:pt>
                <c:pt idx="291">
                  <c:v>-0.16750442180818825</c:v>
                </c:pt>
                <c:pt idx="292">
                  <c:v>-5.9268155152506406E-2</c:v>
                </c:pt>
                <c:pt idx="293">
                  <c:v>-2.4687788835870066E-2</c:v>
                </c:pt>
                <c:pt idx="294">
                  <c:v>7.685151162819541E-2</c:v>
                </c:pt>
                <c:pt idx="295">
                  <c:v>0.24983344746319014</c:v>
                </c:pt>
                <c:pt idx="296">
                  <c:v>0.38226304005200451</c:v>
                </c:pt>
                <c:pt idx="297">
                  <c:v>0.5559055125312764</c:v>
                </c:pt>
                <c:pt idx="298">
                  <c:v>0.69032082960222696</c:v>
                </c:pt>
                <c:pt idx="299">
                  <c:v>0.72809470164792245</c:v>
                </c:pt>
                <c:pt idx="300">
                  <c:v>0.72197152459766878</c:v>
                </c:pt>
                <c:pt idx="301">
                  <c:v>0.63959725260378997</c:v>
                </c:pt>
                <c:pt idx="302">
                  <c:v>0.42198152471243539</c:v>
                </c:pt>
                <c:pt idx="303">
                  <c:v>0.12544952715719707</c:v>
                </c:pt>
                <c:pt idx="304">
                  <c:v>-0.17439986235084129</c:v>
                </c:pt>
                <c:pt idx="305">
                  <c:v>-0.38457973276880192</c:v>
                </c:pt>
                <c:pt idx="306">
                  <c:v>-0.47416851547731859</c:v>
                </c:pt>
                <c:pt idx="307">
                  <c:v>-0.54154465960210307</c:v>
                </c:pt>
                <c:pt idx="308">
                  <c:v>-0.5943152400173034</c:v>
                </c:pt>
                <c:pt idx="309">
                  <c:v>-0.62533871115263817</c:v>
                </c:pt>
                <c:pt idx="310">
                  <c:v>-0.59480271689867859</c:v>
                </c:pt>
                <c:pt idx="311">
                  <c:v>-0.53657392852862873</c:v>
                </c:pt>
                <c:pt idx="312">
                  <c:v>-0.39280751369551931</c:v>
                </c:pt>
                <c:pt idx="313">
                  <c:v>-0.29067487382717255</c:v>
                </c:pt>
                <c:pt idx="314">
                  <c:v>-0.15479588883716283</c:v>
                </c:pt>
                <c:pt idx="315">
                  <c:v>-4.1668055491448789E-3</c:v>
                </c:pt>
                <c:pt idx="316">
                  <c:v>8.747993634092241E-2</c:v>
                </c:pt>
                <c:pt idx="317">
                  <c:v>-9.624362456664275E-3</c:v>
                </c:pt>
                <c:pt idx="318">
                  <c:v>-0.10585225747850127</c:v>
                </c:pt>
                <c:pt idx="319">
                  <c:v>-0.28112943777232285</c:v>
                </c:pt>
                <c:pt idx="320">
                  <c:v>-0.46235977483317703</c:v>
                </c:pt>
                <c:pt idx="321">
                  <c:v>-0.53116404785880722</c:v>
                </c:pt>
                <c:pt idx="322">
                  <c:v>-0.63353668320278789</c:v>
                </c:pt>
                <c:pt idx="323">
                  <c:v>-0.85664344687264171</c:v>
                </c:pt>
                <c:pt idx="324">
                  <c:v>-1.0451374289102111</c:v>
                </c:pt>
                <c:pt idx="325">
                  <c:v>-1.2894009898182071</c:v>
                </c:pt>
                <c:pt idx="326">
                  <c:v>-1.5796748524639206</c:v>
                </c:pt>
                <c:pt idx="327">
                  <c:v>-1.8486736182068828</c:v>
                </c:pt>
                <c:pt idx="328">
                  <c:v>-1.9351062002796269</c:v>
                </c:pt>
                <c:pt idx="329">
                  <c:v>-1.8690310559748717</c:v>
                </c:pt>
                <c:pt idx="330">
                  <c:v>-1.6464567720068348</c:v>
                </c:pt>
                <c:pt idx="331">
                  <c:v>-1.4753232106415124</c:v>
                </c:pt>
                <c:pt idx="332">
                  <c:v>-1.3291779819902416</c:v>
                </c:pt>
                <c:pt idx="333">
                  <c:v>-1.2479352539131321</c:v>
                </c:pt>
                <c:pt idx="334">
                  <c:v>-1.1070261839239683</c:v>
                </c:pt>
                <c:pt idx="335">
                  <c:v>-1.0082884140115043</c:v>
                </c:pt>
                <c:pt idx="336">
                  <c:v>-0.84243646461463062</c:v>
                </c:pt>
                <c:pt idx="337">
                  <c:v>-0.70099300436656453</c:v>
                </c:pt>
                <c:pt idx="338">
                  <c:v>-0.54484977735821527</c:v>
                </c:pt>
                <c:pt idx="339">
                  <c:v>-0.36517739811565658</c:v>
                </c:pt>
                <c:pt idx="340">
                  <c:v>-0.17850585652600304</c:v>
                </c:pt>
                <c:pt idx="341">
                  <c:v>5.7458086818726939E-2</c:v>
                </c:pt>
                <c:pt idx="342">
                  <c:v>0.23598192559030715</c:v>
                </c:pt>
                <c:pt idx="343">
                  <c:v>0.39521388534700091</c:v>
                </c:pt>
                <c:pt idx="344">
                  <c:v>0.52890087932719598</c:v>
                </c:pt>
                <c:pt idx="345">
                  <c:v>0.69410168544367856</c:v>
                </c:pt>
                <c:pt idx="346">
                  <c:v>0.78895738298236484</c:v>
                </c:pt>
                <c:pt idx="347">
                  <c:v>0.87726776961878639</c:v>
                </c:pt>
                <c:pt idx="348">
                  <c:v>0.93230197935472447</c:v>
                </c:pt>
                <c:pt idx="349">
                  <c:v>0.98739676676228139</c:v>
                </c:pt>
                <c:pt idx="350">
                  <c:v>1.0540609436414965</c:v>
                </c:pt>
                <c:pt idx="351">
                  <c:v>1.1633602381462633</c:v>
                </c:pt>
                <c:pt idx="352">
                  <c:v>1.2874776813272637</c:v>
                </c:pt>
                <c:pt idx="353">
                  <c:v>1.2644024389862554</c:v>
                </c:pt>
                <c:pt idx="354">
                  <c:v>1.1611846203406546</c:v>
                </c:pt>
                <c:pt idx="355">
                  <c:v>1.024532110375215</c:v>
                </c:pt>
                <c:pt idx="356">
                  <c:v>0.86992693464191906</c:v>
                </c:pt>
                <c:pt idx="357">
                  <c:v>0.80292544026201418</c:v>
                </c:pt>
                <c:pt idx="358">
                  <c:v>0.79004582428890779</c:v>
                </c:pt>
                <c:pt idx="359">
                  <c:v>0.78466034960551134</c:v>
                </c:pt>
                <c:pt idx="360">
                  <c:v>0.76090261117006153</c:v>
                </c:pt>
                <c:pt idx="361">
                  <c:v>0.77688611246177408</c:v>
                </c:pt>
                <c:pt idx="362">
                  <c:v>0.80583504930921968</c:v>
                </c:pt>
                <c:pt idx="363">
                  <c:v>0.89193970145603374</c:v>
                </c:pt>
                <c:pt idx="364">
                  <c:v>0.93844364293224625</c:v>
                </c:pt>
                <c:pt idx="365">
                  <c:v>0.99168339783523296</c:v>
                </c:pt>
                <c:pt idx="366">
                  <c:v>1.0047965911509382</c:v>
                </c:pt>
                <c:pt idx="367">
                  <c:v>0.90778212573757922</c:v>
                </c:pt>
                <c:pt idx="368">
                  <c:v>0.75028459083138532</c:v>
                </c:pt>
                <c:pt idx="369">
                  <c:v>0.58185678029606225</c:v>
                </c:pt>
                <c:pt idx="370">
                  <c:v>0.44414531077751268</c:v>
                </c:pt>
                <c:pt idx="371">
                  <c:v>0.26908984412300069</c:v>
                </c:pt>
                <c:pt idx="372">
                  <c:v>8.5396350834838361E-2</c:v>
                </c:pt>
                <c:pt idx="373">
                  <c:v>-0.12803324847330275</c:v>
                </c:pt>
                <c:pt idx="374">
                  <c:v>-0.35532761947735497</c:v>
                </c:pt>
                <c:pt idx="375">
                  <c:v>-0.6196355149794438</c:v>
                </c:pt>
                <c:pt idx="376">
                  <c:v>-0.7585060808950469</c:v>
                </c:pt>
                <c:pt idx="377">
                  <c:v>-0.88712433910626831</c:v>
                </c:pt>
                <c:pt idx="378">
                  <c:v>-0.9542087492369733</c:v>
                </c:pt>
                <c:pt idx="379">
                  <c:v>-0.99520186654747045</c:v>
                </c:pt>
                <c:pt idx="380">
                  <c:v>-1.0639950446405013</c:v>
                </c:pt>
                <c:pt idx="381">
                  <c:v>-1.1054175302040703</c:v>
                </c:pt>
                <c:pt idx="382">
                  <c:v>-1.10783635374439</c:v>
                </c:pt>
                <c:pt idx="383">
                  <c:v>-1.0094169393242949</c:v>
                </c:pt>
                <c:pt idx="384">
                  <c:v>-0.84517251044707598</c:v>
                </c:pt>
                <c:pt idx="385">
                  <c:v>-0.58756914011104722</c:v>
                </c:pt>
                <c:pt idx="386">
                  <c:v>-0.35404305885254839</c:v>
                </c:pt>
                <c:pt idx="387">
                  <c:v>-0.19601237008536646</c:v>
                </c:pt>
                <c:pt idx="388">
                  <c:v>-0.17203310921313417</c:v>
                </c:pt>
                <c:pt idx="389">
                  <c:v>-0.24198289595878844</c:v>
                </c:pt>
                <c:pt idx="390">
                  <c:v>-0.25664138374788159</c:v>
                </c:pt>
                <c:pt idx="391">
                  <c:v>-0.24348404657055844</c:v>
                </c:pt>
                <c:pt idx="392">
                  <c:v>-0.18442963236702961</c:v>
                </c:pt>
                <c:pt idx="393">
                  <c:v>-0.15826106236174581</c:v>
                </c:pt>
                <c:pt idx="394">
                  <c:v>-0.16329306523592843</c:v>
                </c:pt>
                <c:pt idx="395">
                  <c:v>-0.21600114325477976</c:v>
                </c:pt>
                <c:pt idx="396">
                  <c:v>-0.22364362794303014</c:v>
                </c:pt>
                <c:pt idx="397">
                  <c:v>-0.16281052852765754</c:v>
                </c:pt>
                <c:pt idx="398">
                  <c:v>-0.11785930788013357</c:v>
                </c:pt>
                <c:pt idx="399">
                  <c:v>-0.12996076438317949</c:v>
                </c:pt>
                <c:pt idx="400">
                  <c:v>-0.19139710880975125</c:v>
                </c:pt>
                <c:pt idx="401">
                  <c:v>-0.2186565280962241</c:v>
                </c:pt>
                <c:pt idx="402">
                  <c:v>-0.18729123473394418</c:v>
                </c:pt>
                <c:pt idx="403">
                  <c:v>-0.18142727192322616</c:v>
                </c:pt>
                <c:pt idx="404">
                  <c:v>-0.1715589315621858</c:v>
                </c:pt>
                <c:pt idx="405">
                  <c:v>-0.20582221405213003</c:v>
                </c:pt>
                <c:pt idx="406">
                  <c:v>-0.15023508416073716</c:v>
                </c:pt>
                <c:pt idx="407">
                  <c:v>-0.2080457647416826</c:v>
                </c:pt>
                <c:pt idx="408">
                  <c:v>-0.27628330025590098</c:v>
                </c:pt>
                <c:pt idx="409">
                  <c:v>-0.38208958919263841</c:v>
                </c:pt>
                <c:pt idx="410">
                  <c:v>-0.52091438563148484</c:v>
                </c:pt>
                <c:pt idx="411">
                  <c:v>-0.65964561292803581</c:v>
                </c:pt>
                <c:pt idx="412">
                  <c:v>-0.70699222739830836</c:v>
                </c:pt>
                <c:pt idx="413">
                  <c:v>-0.71110617149216881</c:v>
                </c:pt>
                <c:pt idx="414">
                  <c:v>-0.60778476973695639</c:v>
                </c:pt>
                <c:pt idx="415">
                  <c:v>-0.50397612522826507</c:v>
                </c:pt>
                <c:pt idx="416">
                  <c:v>-0.54628772620028876</c:v>
                </c:pt>
                <c:pt idx="417">
                  <c:v>-0.55317412288457513</c:v>
                </c:pt>
                <c:pt idx="418">
                  <c:v>-0.57033164976346806</c:v>
                </c:pt>
                <c:pt idx="419">
                  <c:v>-0.49000408667370488</c:v>
                </c:pt>
                <c:pt idx="420">
                  <c:v>-0.41902739782071402</c:v>
                </c:pt>
                <c:pt idx="421">
                  <c:v>-0.32275840656483212</c:v>
                </c:pt>
                <c:pt idx="422">
                  <c:v>-0.24449918826817274</c:v>
                </c:pt>
                <c:pt idx="423">
                  <c:v>-0.14447271699840164</c:v>
                </c:pt>
                <c:pt idx="424">
                  <c:v>-5.3070532879829949E-2</c:v>
                </c:pt>
                <c:pt idx="425">
                  <c:v>5.6124244495512322E-2</c:v>
                </c:pt>
                <c:pt idx="426">
                  <c:v>0.21273209821591788</c:v>
                </c:pt>
                <c:pt idx="427">
                  <c:v>0.29232864971577815</c:v>
                </c:pt>
                <c:pt idx="428">
                  <c:v>0.33865029832729482</c:v>
                </c:pt>
                <c:pt idx="429">
                  <c:v>0.33594977166633222</c:v>
                </c:pt>
                <c:pt idx="430">
                  <c:v>0.26052283963824868</c:v>
                </c:pt>
                <c:pt idx="431">
                  <c:v>0.17841689559325202</c:v>
                </c:pt>
                <c:pt idx="432">
                  <c:v>9.0220913843899311E-2</c:v>
                </c:pt>
                <c:pt idx="433">
                  <c:v>3.8793585164687409E-3</c:v>
                </c:pt>
                <c:pt idx="434">
                  <c:v>-5.5102765952964455E-2</c:v>
                </c:pt>
                <c:pt idx="435">
                  <c:v>-0.12513352302317193</c:v>
                </c:pt>
                <c:pt idx="436">
                  <c:v>-0.26579818159846391</c:v>
                </c:pt>
                <c:pt idx="437">
                  <c:v>-0.38950795173856195</c:v>
                </c:pt>
                <c:pt idx="438">
                  <c:v>-0.4349828028301207</c:v>
                </c:pt>
                <c:pt idx="439">
                  <c:v>-0.48512343398421731</c:v>
                </c:pt>
                <c:pt idx="440">
                  <c:v>-0.44735156729496772</c:v>
                </c:pt>
                <c:pt idx="441">
                  <c:v>-0.2063981889682581</c:v>
                </c:pt>
                <c:pt idx="442">
                  <c:v>1.9718542518635626E-2</c:v>
                </c:pt>
                <c:pt idx="443">
                  <c:v>0.18384746997465021</c:v>
                </c:pt>
                <c:pt idx="444">
                  <c:v>0.22932206959105605</c:v>
                </c:pt>
                <c:pt idx="445">
                  <c:v>0.28112693625383217</c:v>
                </c:pt>
                <c:pt idx="446">
                  <c:v>0.40312146564503004</c:v>
                </c:pt>
                <c:pt idx="447">
                  <c:v>0.50818766778025393</c:v>
                </c:pt>
                <c:pt idx="448">
                  <c:v>0.55332129911890748</c:v>
                </c:pt>
                <c:pt idx="449">
                  <c:v>0.59835895418458585</c:v>
                </c:pt>
                <c:pt idx="450">
                  <c:v>0.67620821598959269</c:v>
                </c:pt>
                <c:pt idx="451">
                  <c:v>0.66743443326397889</c:v>
                </c:pt>
                <c:pt idx="452">
                  <c:v>0.62328832994255989</c:v>
                </c:pt>
                <c:pt idx="453">
                  <c:v>0.72111452801055065</c:v>
                </c:pt>
                <c:pt idx="454">
                  <c:v>0.73689618184265004</c:v>
                </c:pt>
                <c:pt idx="455">
                  <c:v>0.73333621041401875</c:v>
                </c:pt>
                <c:pt idx="456">
                  <c:v>0.62687825481943582</c:v>
                </c:pt>
                <c:pt idx="457">
                  <c:v>0.51168850037771718</c:v>
                </c:pt>
                <c:pt idx="458">
                  <c:v>0.4728332758722773</c:v>
                </c:pt>
                <c:pt idx="459">
                  <c:v>0.52071906974558324</c:v>
                </c:pt>
                <c:pt idx="460">
                  <c:v>0.49156879833470207</c:v>
                </c:pt>
                <c:pt idx="461">
                  <c:v>0.37913857546169127</c:v>
                </c:pt>
                <c:pt idx="462">
                  <c:v>0.29320708138724899</c:v>
                </c:pt>
                <c:pt idx="463">
                  <c:v>0.16685114636754744</c:v>
                </c:pt>
                <c:pt idx="464">
                  <c:v>-1.3409421046817216E-2</c:v>
                </c:pt>
                <c:pt idx="465">
                  <c:v>-0.20095906007345374</c:v>
                </c:pt>
                <c:pt idx="466">
                  <c:v>-0.28507207599402445</c:v>
                </c:pt>
                <c:pt idx="467">
                  <c:v>-0.28035848580251299</c:v>
                </c:pt>
                <c:pt idx="468">
                  <c:v>-0.31463031386023477</c:v>
                </c:pt>
                <c:pt idx="469">
                  <c:v>-0.35105783107665217</c:v>
                </c:pt>
                <c:pt idx="470">
                  <c:v>-0.34393348266587581</c:v>
                </c:pt>
                <c:pt idx="471">
                  <c:v>-0.36810524004214518</c:v>
                </c:pt>
                <c:pt idx="472">
                  <c:v>-0.40303039727145562</c:v>
                </c:pt>
                <c:pt idx="473">
                  <c:v>-0.39697555916964722</c:v>
                </c:pt>
                <c:pt idx="474">
                  <c:v>-0.37649291268251134</c:v>
                </c:pt>
                <c:pt idx="475">
                  <c:v>-0.29060507002776564</c:v>
                </c:pt>
                <c:pt idx="476">
                  <c:v>-0.24947889262174375</c:v>
                </c:pt>
                <c:pt idx="477">
                  <c:v>-0.26362345877426324</c:v>
                </c:pt>
                <c:pt idx="478">
                  <c:v>-0.38489542384768771</c:v>
                </c:pt>
                <c:pt idx="479">
                  <c:v>-0.55307661836301514</c:v>
                </c:pt>
                <c:pt idx="480">
                  <c:v>-0.69160763275806936</c:v>
                </c:pt>
                <c:pt idx="481">
                  <c:v>-0.69260962461551923</c:v>
                </c:pt>
                <c:pt idx="482">
                  <c:v>-0.7732632868209306</c:v>
                </c:pt>
                <c:pt idx="483">
                  <c:v>-0.86290158780343318</c:v>
                </c:pt>
                <c:pt idx="484">
                  <c:v>-0.99784765547228671</c:v>
                </c:pt>
                <c:pt idx="485">
                  <c:v>-1.1495630938138233</c:v>
                </c:pt>
                <c:pt idx="486">
                  <c:v>-1.240083515532088</c:v>
                </c:pt>
                <c:pt idx="487">
                  <c:v>-1.3534972980088569</c:v>
                </c:pt>
                <c:pt idx="488">
                  <c:v>-1.4919018876532955</c:v>
                </c:pt>
                <c:pt idx="489">
                  <c:v>-1.4768057901360978</c:v>
                </c:pt>
                <c:pt idx="490">
                  <c:v>-1.4472683061969995</c:v>
                </c:pt>
                <c:pt idx="491">
                  <c:v>-1.3579150317463886</c:v>
                </c:pt>
                <c:pt idx="492">
                  <c:v>-1.2597656377982862</c:v>
                </c:pt>
                <c:pt idx="493">
                  <c:v>-1.2090299085399725</c:v>
                </c:pt>
                <c:pt idx="494">
                  <c:v>-1.0921720733500475</c:v>
                </c:pt>
                <c:pt idx="495">
                  <c:v>-0.81908844331543462</c:v>
                </c:pt>
                <c:pt idx="496">
                  <c:v>-0.52337782051282256</c:v>
                </c:pt>
                <c:pt idx="497">
                  <c:v>-0.30608077718796656</c:v>
                </c:pt>
                <c:pt idx="498">
                  <c:v>-4.643712733541764E-2</c:v>
                </c:pt>
                <c:pt idx="499">
                  <c:v>0.1570612178975497</c:v>
                </c:pt>
                <c:pt idx="500">
                  <c:v>0.34124068191171997</c:v>
                </c:pt>
                <c:pt idx="501">
                  <c:v>0.56724468826911911</c:v>
                </c:pt>
                <c:pt idx="502">
                  <c:v>0.65394271207754251</c:v>
                </c:pt>
                <c:pt idx="503">
                  <c:v>0.85999718686695759</c:v>
                </c:pt>
                <c:pt idx="504">
                  <c:v>1.0287456646035664</c:v>
                </c:pt>
                <c:pt idx="505">
                  <c:v>1.101830651614413</c:v>
                </c:pt>
                <c:pt idx="506">
                  <c:v>1.1377225887352211</c:v>
                </c:pt>
                <c:pt idx="507">
                  <c:v>1.1215397556288129</c:v>
                </c:pt>
                <c:pt idx="508">
                  <c:v>1.0728230001138015</c:v>
                </c:pt>
                <c:pt idx="509">
                  <c:v>1.0105344932213072</c:v>
                </c:pt>
                <c:pt idx="510">
                  <c:v>0.90245973529143675</c:v>
                </c:pt>
                <c:pt idx="511">
                  <c:v>0.8990853402338278</c:v>
                </c:pt>
                <c:pt idx="512">
                  <c:v>0.77404449521190355</c:v>
                </c:pt>
                <c:pt idx="513">
                  <c:v>0.78864611131814444</c:v>
                </c:pt>
                <c:pt idx="514">
                  <c:v>0.75919440134459459</c:v>
                </c:pt>
                <c:pt idx="515">
                  <c:v>0.73397575010004978</c:v>
                </c:pt>
                <c:pt idx="516">
                  <c:v>0.73845679555685095</c:v>
                </c:pt>
                <c:pt idx="517">
                  <c:v>0.67138460070630268</c:v>
                </c:pt>
                <c:pt idx="518">
                  <c:v>0.52642910426167455</c:v>
                </c:pt>
                <c:pt idx="519">
                  <c:v>0.44968756236792418</c:v>
                </c:pt>
                <c:pt idx="520">
                  <c:v>0.45419787734028266</c:v>
                </c:pt>
                <c:pt idx="521">
                  <c:v>0.4559864880356716</c:v>
                </c:pt>
                <c:pt idx="522">
                  <c:v>0.5059285403462489</c:v>
                </c:pt>
                <c:pt idx="523">
                  <c:v>0.65643563233308955</c:v>
                </c:pt>
                <c:pt idx="524">
                  <c:v>0.76270180968213919</c:v>
                </c:pt>
                <c:pt idx="525">
                  <c:v>0.84980712274340608</c:v>
                </c:pt>
                <c:pt idx="526">
                  <c:v>0.75199597262361373</c:v>
                </c:pt>
                <c:pt idx="527">
                  <c:v>0.72986536867020879</c:v>
                </c:pt>
                <c:pt idx="528">
                  <c:v>0.6913087263150175</c:v>
                </c:pt>
                <c:pt idx="529">
                  <c:v>0.71574000323733644</c:v>
                </c:pt>
                <c:pt idx="530">
                  <c:v>0.68346678252498083</c:v>
                </c:pt>
                <c:pt idx="531">
                  <c:v>0.60490880068136799</c:v>
                </c:pt>
                <c:pt idx="532">
                  <c:v>0.50778740836609149</c:v>
                </c:pt>
                <c:pt idx="533">
                  <c:v>0.47634025932923513</c:v>
                </c:pt>
                <c:pt idx="534">
                  <c:v>0.37984949896906639</c:v>
                </c:pt>
                <c:pt idx="535">
                  <c:v>0.34114743284679533</c:v>
                </c:pt>
                <c:pt idx="536">
                  <c:v>0.3009244738366923</c:v>
                </c:pt>
                <c:pt idx="537">
                  <c:v>0.26822481178894836</c:v>
                </c:pt>
                <c:pt idx="538">
                  <c:v>0.20573202353409764</c:v>
                </c:pt>
                <c:pt idx="539">
                  <c:v>0.18933879999439177</c:v>
                </c:pt>
                <c:pt idx="540">
                  <c:v>1.490987466259691E-2</c:v>
                </c:pt>
                <c:pt idx="541">
                  <c:v>-5.0366192738887962E-2</c:v>
                </c:pt>
                <c:pt idx="542">
                  <c:v>-0.14342563936590752</c:v>
                </c:pt>
                <c:pt idx="543">
                  <c:v>-0.20611382070817</c:v>
                </c:pt>
                <c:pt idx="544">
                  <c:v>-0.24144389116801943</c:v>
                </c:pt>
                <c:pt idx="545">
                  <c:v>-0.30386199025597982</c:v>
                </c:pt>
                <c:pt idx="546">
                  <c:v>-0.34768880622977494</c:v>
                </c:pt>
                <c:pt idx="547">
                  <c:v>-0.28893257461317978</c:v>
                </c:pt>
                <c:pt idx="548">
                  <c:v>-0.32554013927081354</c:v>
                </c:pt>
                <c:pt idx="549">
                  <c:v>-0.33772323883882149</c:v>
                </c:pt>
                <c:pt idx="550">
                  <c:v>-0.24184117526424517</c:v>
                </c:pt>
                <c:pt idx="551">
                  <c:v>-1.8414970943510477E-2</c:v>
                </c:pt>
                <c:pt idx="552">
                  <c:v>0.2603708211776119</c:v>
                </c:pt>
                <c:pt idx="553">
                  <c:v>0.51138812909755482</c:v>
                </c:pt>
                <c:pt idx="554">
                  <c:v>0.62201913672800002</c:v>
                </c:pt>
                <c:pt idx="555">
                  <c:v>0.61097580845721211</c:v>
                </c:pt>
                <c:pt idx="556">
                  <c:v>0.54815369771192834</c:v>
                </c:pt>
                <c:pt idx="557">
                  <c:v>0.61179548219939928</c:v>
                </c:pt>
                <c:pt idx="558">
                  <c:v>0.66742498410039619</c:v>
                </c:pt>
                <c:pt idx="559">
                  <c:v>0.69732361083813754</c:v>
                </c:pt>
                <c:pt idx="560">
                  <c:v>0.54343834283366488</c:v>
                </c:pt>
                <c:pt idx="561">
                  <c:v>0.44306392019171659</c:v>
                </c:pt>
                <c:pt idx="562">
                  <c:v>0.31338291724153405</c:v>
                </c:pt>
                <c:pt idx="563">
                  <c:v>0.13974394706821089</c:v>
                </c:pt>
                <c:pt idx="564">
                  <c:v>3.363837254799603E-2</c:v>
                </c:pt>
                <c:pt idx="565">
                  <c:v>0.10619588175594331</c:v>
                </c:pt>
                <c:pt idx="566">
                  <c:v>0.25286718983047363</c:v>
                </c:pt>
                <c:pt idx="567">
                  <c:v>0.25414244868520441</c:v>
                </c:pt>
                <c:pt idx="568">
                  <c:v>0.18526502731917699</c:v>
                </c:pt>
                <c:pt idx="569">
                  <c:v>0.18702232375493064</c:v>
                </c:pt>
                <c:pt idx="570">
                  <c:v>9.0553703402262292E-2</c:v>
                </c:pt>
                <c:pt idx="571">
                  <c:v>0.24341723729781312</c:v>
                </c:pt>
                <c:pt idx="572">
                  <c:v>0.3838694559734227</c:v>
                </c:pt>
                <c:pt idx="573">
                  <c:v>0.56870725879314754</c:v>
                </c:pt>
                <c:pt idx="574">
                  <c:v>0.74683969444888321</c:v>
                </c:pt>
                <c:pt idx="575">
                  <c:v>0.79916785794031209</c:v>
                </c:pt>
                <c:pt idx="576">
                  <c:v>0.77943648227896034</c:v>
                </c:pt>
                <c:pt idx="577">
                  <c:v>0.98599564660452432</c:v>
                </c:pt>
                <c:pt idx="578">
                  <c:v>1.1505634807551333</c:v>
                </c:pt>
                <c:pt idx="579">
                  <c:v>1.2008145301445998</c:v>
                </c:pt>
                <c:pt idx="580">
                  <c:v>1.2163792420218345</c:v>
                </c:pt>
                <c:pt idx="581">
                  <c:v>1.0952355065275392</c:v>
                </c:pt>
                <c:pt idx="582">
                  <c:v>0.98373773043272805</c:v>
                </c:pt>
                <c:pt idx="583">
                  <c:v>0.95798189405638134</c:v>
                </c:pt>
                <c:pt idx="584">
                  <c:v>0.80964022690976056</c:v>
                </c:pt>
                <c:pt idx="585">
                  <c:v>0.68501429351970622</c:v>
                </c:pt>
                <c:pt idx="586">
                  <c:v>0.44664121473651197</c:v>
                </c:pt>
                <c:pt idx="587">
                  <c:v>0.41614744632806594</c:v>
                </c:pt>
                <c:pt idx="588">
                  <c:v>0.24407008760751714</c:v>
                </c:pt>
                <c:pt idx="589">
                  <c:v>0.11871634908594085</c:v>
                </c:pt>
                <c:pt idx="590">
                  <c:v>-1.6873099110534594E-2</c:v>
                </c:pt>
                <c:pt idx="591">
                  <c:v>-0.18451651047022835</c:v>
                </c:pt>
                <c:pt idx="592">
                  <c:v>-0.44446229937064846</c:v>
                </c:pt>
                <c:pt idx="593">
                  <c:v>-0.60552839600135056</c:v>
                </c:pt>
                <c:pt idx="594">
                  <c:v>-0.88398251105907155</c:v>
                </c:pt>
                <c:pt idx="595">
                  <c:v>-0.97300531547788638</c:v>
                </c:pt>
                <c:pt idx="596">
                  <c:v>-0.99017867475571164</c:v>
                </c:pt>
                <c:pt idx="597">
                  <c:v>-0.8993249023126163</c:v>
                </c:pt>
                <c:pt idx="598">
                  <c:v>-0.74178392252615988</c:v>
                </c:pt>
                <c:pt idx="599">
                  <c:v>-0.60015617466583304</c:v>
                </c:pt>
                <c:pt idx="600">
                  <c:v>-0.52197697637268448</c:v>
                </c:pt>
                <c:pt idx="601">
                  <c:v>-0.50579408182498209</c:v>
                </c:pt>
                <c:pt idx="602">
                  <c:v>-0.43139620889961539</c:v>
                </c:pt>
                <c:pt idx="603">
                  <c:v>-0.43107574971320839</c:v>
                </c:pt>
                <c:pt idx="604">
                  <c:v>-0.47064959347563967</c:v>
                </c:pt>
                <c:pt idx="605">
                  <c:v>-0.38263331277358104</c:v>
                </c:pt>
                <c:pt idx="606">
                  <c:v>-0.34365135750232984</c:v>
                </c:pt>
                <c:pt idx="607">
                  <c:v>-0.25172096531412502</c:v>
                </c:pt>
                <c:pt idx="608">
                  <c:v>-0.12037497899785292</c:v>
                </c:pt>
                <c:pt idx="609">
                  <c:v>-0.13410576901232354</c:v>
                </c:pt>
                <c:pt idx="610">
                  <c:v>-0.30757021780829313</c:v>
                </c:pt>
                <c:pt idx="611">
                  <c:v>-0.51740885617686705</c:v>
                </c:pt>
                <c:pt idx="612">
                  <c:v>-0.74446465360551173</c:v>
                </c:pt>
                <c:pt idx="613">
                  <c:v>-0.87894043870768312</c:v>
                </c:pt>
                <c:pt idx="614">
                  <c:v>-0.90037144185012863</c:v>
                </c:pt>
                <c:pt idx="615">
                  <c:v>-0.85511909833467126</c:v>
                </c:pt>
                <c:pt idx="616">
                  <c:v>-0.87065958078171124</c:v>
                </c:pt>
                <c:pt idx="617">
                  <c:v>-0.89474488127927143</c:v>
                </c:pt>
                <c:pt idx="618">
                  <c:v>-0.98037111975467006</c:v>
                </c:pt>
                <c:pt idx="619">
                  <c:v>-1.0279492766061067</c:v>
                </c:pt>
                <c:pt idx="620">
                  <c:v>-0.95612953724883853</c:v>
                </c:pt>
                <c:pt idx="621">
                  <c:v>-0.92557758667441825</c:v>
                </c:pt>
                <c:pt idx="622">
                  <c:v>-0.76404941577029062</c:v>
                </c:pt>
                <c:pt idx="623">
                  <c:v>-0.66238453200235403</c:v>
                </c:pt>
                <c:pt idx="624">
                  <c:v>-0.62566863514718707</c:v>
                </c:pt>
                <c:pt idx="625">
                  <c:v>-0.56384094353573722</c:v>
                </c:pt>
                <c:pt idx="626">
                  <c:v>-0.33704503785538009</c:v>
                </c:pt>
                <c:pt idx="627">
                  <c:v>-0.10210067881391879</c:v>
                </c:pt>
                <c:pt idx="628">
                  <c:v>0.13323332563372894</c:v>
                </c:pt>
                <c:pt idx="629">
                  <c:v>0.39388953039778762</c:v>
                </c:pt>
                <c:pt idx="630">
                  <c:v>0.36384794102408058</c:v>
                </c:pt>
                <c:pt idx="631">
                  <c:v>0.27201018559627094</c:v>
                </c:pt>
                <c:pt idx="632">
                  <c:v>0.18179524329489996</c:v>
                </c:pt>
                <c:pt idx="633">
                  <c:v>0.10432798657003632</c:v>
                </c:pt>
                <c:pt idx="634">
                  <c:v>0.12571597839207715</c:v>
                </c:pt>
                <c:pt idx="635">
                  <c:v>0.2193682893134451</c:v>
                </c:pt>
                <c:pt idx="636">
                  <c:v>6.0681564875560284E-2</c:v>
                </c:pt>
                <c:pt idx="637">
                  <c:v>-3.9689865039366119E-2</c:v>
                </c:pt>
                <c:pt idx="638">
                  <c:v>-0.14155836461870966</c:v>
                </c:pt>
                <c:pt idx="639">
                  <c:v>-0.23176497908608992</c:v>
                </c:pt>
                <c:pt idx="640">
                  <c:v>-0.25135485271872571</c:v>
                </c:pt>
                <c:pt idx="641">
                  <c:v>-0.33312242117868635</c:v>
                </c:pt>
                <c:pt idx="642">
                  <c:v>-0.55337063752950821</c:v>
                </c:pt>
                <c:pt idx="643">
                  <c:v>-0.68517626174268431</c:v>
                </c:pt>
                <c:pt idx="644">
                  <c:v>-0.73296983204945154</c:v>
                </c:pt>
                <c:pt idx="645">
                  <c:v>-0.60154605684752838</c:v>
                </c:pt>
                <c:pt idx="646">
                  <c:v>-0.64032887409942318</c:v>
                </c:pt>
                <c:pt idx="647">
                  <c:v>-0.64199121422997163</c:v>
                </c:pt>
                <c:pt idx="648">
                  <c:v>-0.60206510326421758</c:v>
                </c:pt>
                <c:pt idx="649">
                  <c:v>-0.45339673625871696</c:v>
                </c:pt>
                <c:pt idx="650">
                  <c:v>-0.28062046847273087</c:v>
                </c:pt>
                <c:pt idx="651">
                  <c:v>-4.416347871090813E-2</c:v>
                </c:pt>
                <c:pt idx="652">
                  <c:v>0.1635168982247055</c:v>
                </c:pt>
                <c:pt idx="653">
                  <c:v>0.48213744461635388</c:v>
                </c:pt>
                <c:pt idx="654">
                  <c:v>0.67690689515632307</c:v>
                </c:pt>
                <c:pt idx="655">
                  <c:v>0.76407749877045239</c:v>
                </c:pt>
                <c:pt idx="656">
                  <c:v>0.86751970691487035</c:v>
                </c:pt>
                <c:pt idx="657">
                  <c:v>0.84993235007732881</c:v>
                </c:pt>
                <c:pt idx="658">
                  <c:v>0.87920560513274681</c:v>
                </c:pt>
                <c:pt idx="659">
                  <c:v>0.84765834513222771</c:v>
                </c:pt>
                <c:pt idx="660">
                  <c:v>0.81200122839103028</c:v>
                </c:pt>
                <c:pt idx="661">
                  <c:v>0.69194944288803684</c:v>
                </c:pt>
                <c:pt idx="662">
                  <c:v>0.60055683106693147</c:v>
                </c:pt>
                <c:pt idx="663">
                  <c:v>0.58429650360012653</c:v>
                </c:pt>
                <c:pt idx="664">
                  <c:v>0.50349578721432842</c:v>
                </c:pt>
                <c:pt idx="665">
                  <c:v>0.49861791869918942</c:v>
                </c:pt>
                <c:pt idx="666">
                  <c:v>0.45111339809096351</c:v>
                </c:pt>
                <c:pt idx="667">
                  <c:v>0.37825238580267873</c:v>
                </c:pt>
                <c:pt idx="668">
                  <c:v>0.364596803193592</c:v>
                </c:pt>
                <c:pt idx="669">
                  <c:v>0.43729483476662817</c:v>
                </c:pt>
                <c:pt idx="670">
                  <c:v>0.5501157974956522</c:v>
                </c:pt>
                <c:pt idx="671">
                  <c:v>0.67591920242769699</c:v>
                </c:pt>
                <c:pt idx="672">
                  <c:v>0.76732569274725926</c:v>
                </c:pt>
                <c:pt idx="673">
                  <c:v>0.87251427162985451</c:v>
                </c:pt>
                <c:pt idx="674">
                  <c:v>1.0005110884246473</c:v>
                </c:pt>
                <c:pt idx="675">
                  <c:v>1.0961511695721231</c:v>
                </c:pt>
                <c:pt idx="676">
                  <c:v>1.194399354490653</c:v>
                </c:pt>
                <c:pt idx="677">
                  <c:v>1.3100058989575754</c:v>
                </c:pt>
                <c:pt idx="678">
                  <c:v>1.4301196176747866</c:v>
                </c:pt>
                <c:pt idx="679">
                  <c:v>1.4889179998475535</c:v>
                </c:pt>
                <c:pt idx="680">
                  <c:v>1.5191575950921372</c:v>
                </c:pt>
                <c:pt idx="681">
                  <c:v>1.5698080827641228</c:v>
                </c:pt>
                <c:pt idx="682">
                  <c:v>1.5662299880001949</c:v>
                </c:pt>
                <c:pt idx="683">
                  <c:v>1.4676296871732342</c:v>
                </c:pt>
                <c:pt idx="684">
                  <c:v>1.330154254956512</c:v>
                </c:pt>
                <c:pt idx="685">
                  <c:v>1.1198911994301868</c:v>
                </c:pt>
                <c:pt idx="686">
                  <c:v>0.91050173622751496</c:v>
                </c:pt>
                <c:pt idx="687">
                  <c:v>0.69910592688601647</c:v>
                </c:pt>
                <c:pt idx="688">
                  <c:v>0.51739339967101827</c:v>
                </c:pt>
                <c:pt idx="689">
                  <c:v>0.42995892244338224</c:v>
                </c:pt>
                <c:pt idx="690">
                  <c:v>0.24781962342454442</c:v>
                </c:pt>
                <c:pt idx="691">
                  <c:v>6.7824308597578029E-2</c:v>
                </c:pt>
                <c:pt idx="692">
                  <c:v>-0.11868756717854934</c:v>
                </c:pt>
                <c:pt idx="693">
                  <c:v>-0.36265281818616568</c:v>
                </c:pt>
                <c:pt idx="694">
                  <c:v>-0.50226883928615906</c:v>
                </c:pt>
                <c:pt idx="695">
                  <c:v>-0.56002114144365556</c:v>
                </c:pt>
                <c:pt idx="696">
                  <c:v>-0.64294667815307083</c:v>
                </c:pt>
                <c:pt idx="697">
                  <c:v>-0.63991533255178445</c:v>
                </c:pt>
                <c:pt idx="698">
                  <c:v>-0.63014507817359533</c:v>
                </c:pt>
                <c:pt idx="699">
                  <c:v>-0.57875414830251626</c:v>
                </c:pt>
                <c:pt idx="700">
                  <c:v>-0.47790071941025164</c:v>
                </c:pt>
                <c:pt idx="701">
                  <c:v>-0.37470532341398499</c:v>
                </c:pt>
                <c:pt idx="702">
                  <c:v>-0.30740428279098786</c:v>
                </c:pt>
                <c:pt idx="703">
                  <c:v>-0.21902022388979167</c:v>
                </c:pt>
                <c:pt idx="704">
                  <c:v>-0.19673090175525043</c:v>
                </c:pt>
                <c:pt idx="705">
                  <c:v>-0.18654375826641728</c:v>
                </c:pt>
                <c:pt idx="706">
                  <c:v>-0.1575573088781034</c:v>
                </c:pt>
                <c:pt idx="707">
                  <c:v>-0.17145068777482306</c:v>
                </c:pt>
                <c:pt idx="708">
                  <c:v>-0.28503432357655312</c:v>
                </c:pt>
                <c:pt idx="709">
                  <c:v>-0.460074650025107</c:v>
                </c:pt>
                <c:pt idx="710">
                  <c:v>-0.66293594015946</c:v>
                </c:pt>
                <c:pt idx="711">
                  <c:v>-0.87211570344177158</c:v>
                </c:pt>
                <c:pt idx="712">
                  <c:v>-0.98292297716231236</c:v>
                </c:pt>
                <c:pt idx="713">
                  <c:v>-1.1108804552233136</c:v>
                </c:pt>
                <c:pt idx="714">
                  <c:v>-1.2030078108975546</c:v>
                </c:pt>
                <c:pt idx="715">
                  <c:v>-1.3477429865268722</c:v>
                </c:pt>
                <c:pt idx="716">
                  <c:v>-1.5021942259597065</c:v>
                </c:pt>
                <c:pt idx="717">
                  <c:v>-1.6394101513862605</c:v>
                </c:pt>
                <c:pt idx="718">
                  <c:v>-1.6899472562452389</c:v>
                </c:pt>
                <c:pt idx="719">
                  <c:v>-1.6677291910542635</c:v>
                </c:pt>
                <c:pt idx="720">
                  <c:v>-1.6196867280248617</c:v>
                </c:pt>
                <c:pt idx="721">
                  <c:v>-1.5380083540735177</c:v>
                </c:pt>
                <c:pt idx="722">
                  <c:v>-1.3907932385884103</c:v>
                </c:pt>
                <c:pt idx="723">
                  <c:v>-1.2950522277477381</c:v>
                </c:pt>
                <c:pt idx="724">
                  <c:v>-1.2326293309131884</c:v>
                </c:pt>
                <c:pt idx="725">
                  <c:v>-1.1360395988538197</c:v>
                </c:pt>
                <c:pt idx="726">
                  <c:v>-0.99237034257726031</c:v>
                </c:pt>
                <c:pt idx="727">
                  <c:v>-0.87443982832385314</c:v>
                </c:pt>
                <c:pt idx="728">
                  <c:v>-0.77132856647839132</c:v>
                </c:pt>
                <c:pt idx="729">
                  <c:v>-0.67951096872084016</c:v>
                </c:pt>
                <c:pt idx="730">
                  <c:v>-0.57434062352239756</c:v>
                </c:pt>
                <c:pt idx="731">
                  <c:v>-0.42771301560304636</c:v>
                </c:pt>
                <c:pt idx="732">
                  <c:v>-0.27580035827435978</c:v>
                </c:pt>
                <c:pt idx="733">
                  <c:v>-0.11165987497605726</c:v>
                </c:pt>
                <c:pt idx="734">
                  <c:v>3.7471560124829141E-2</c:v>
                </c:pt>
                <c:pt idx="735">
                  <c:v>0.14069993475638889</c:v>
                </c:pt>
                <c:pt idx="736">
                  <c:v>0.20297582765186889</c:v>
                </c:pt>
                <c:pt idx="737">
                  <c:v>0.21001335735262749</c:v>
                </c:pt>
                <c:pt idx="738">
                  <c:v>0.23483248140418977</c:v>
                </c:pt>
                <c:pt idx="739">
                  <c:v>0.25156160407866363</c:v>
                </c:pt>
                <c:pt idx="740">
                  <c:v>0.18002585515139186</c:v>
                </c:pt>
                <c:pt idx="741">
                  <c:v>0.11744834508431445</c:v>
                </c:pt>
                <c:pt idx="742">
                  <c:v>5.8733992269492531E-2</c:v>
                </c:pt>
                <c:pt idx="743">
                  <c:v>-2.1225460458479176E-2</c:v>
                </c:pt>
                <c:pt idx="744">
                  <c:v>-7.8844531657635955E-2</c:v>
                </c:pt>
                <c:pt idx="745">
                  <c:v>-0.10566792629271317</c:v>
                </c:pt>
                <c:pt idx="746">
                  <c:v>-0.10286474870159647</c:v>
                </c:pt>
                <c:pt idx="747">
                  <c:v>-4.9335856249107128E-2</c:v>
                </c:pt>
                <c:pt idx="748">
                  <c:v>5.0047931914964251E-3</c:v>
                </c:pt>
                <c:pt idx="749">
                  <c:v>0.16663953847853419</c:v>
                </c:pt>
                <c:pt idx="750">
                  <c:v>0.28620564339308596</c:v>
                </c:pt>
                <c:pt idx="751">
                  <c:v>0.40400129509833566</c:v>
                </c:pt>
                <c:pt idx="752">
                  <c:v>0.5482311967658906</c:v>
                </c:pt>
                <c:pt idx="753">
                  <c:v>0.65872679880666107</c:v>
                </c:pt>
                <c:pt idx="754">
                  <c:v>0.73142322999158238</c:v>
                </c:pt>
                <c:pt idx="755">
                  <c:v>0.75839952545993861</c:v>
                </c:pt>
                <c:pt idx="756">
                  <c:v>0.70845803720370404</c:v>
                </c:pt>
                <c:pt idx="757">
                  <c:v>0.72348760543814183</c:v>
                </c:pt>
                <c:pt idx="758">
                  <c:v>0.68101577123561696</c:v>
                </c:pt>
                <c:pt idx="759">
                  <c:v>0.62965731434046379</c:v>
                </c:pt>
                <c:pt idx="760">
                  <c:v>0.55979187047482437</c:v>
                </c:pt>
                <c:pt idx="761">
                  <c:v>0.48889222499790136</c:v>
                </c:pt>
                <c:pt idx="762">
                  <c:v>0.37745213200239508</c:v>
                </c:pt>
                <c:pt idx="763">
                  <c:v>0.27079962244213568</c:v>
                </c:pt>
                <c:pt idx="764">
                  <c:v>0.17581145888397062</c:v>
                </c:pt>
                <c:pt idx="765">
                  <c:v>6.5570292461709062E-2</c:v>
                </c:pt>
                <c:pt idx="766">
                  <c:v>-6.3263001475204542E-2</c:v>
                </c:pt>
                <c:pt idx="767">
                  <c:v>-0.15112126428090769</c:v>
                </c:pt>
                <c:pt idx="768">
                  <c:v>-0.17244791927548542</c:v>
                </c:pt>
                <c:pt idx="769">
                  <c:v>-0.14595032732408963</c:v>
                </c:pt>
                <c:pt idx="770">
                  <c:v>-6.6960581386365209E-2</c:v>
                </c:pt>
                <c:pt idx="771">
                  <c:v>-6.2098233961636946E-2</c:v>
                </c:pt>
                <c:pt idx="772">
                  <c:v>-5.6861074526761014E-2</c:v>
                </c:pt>
                <c:pt idx="773">
                  <c:v>-3.1642104433556299E-2</c:v>
                </c:pt>
                <c:pt idx="774">
                  <c:v>-1.3055768651601648E-3</c:v>
                </c:pt>
                <c:pt idx="775">
                  <c:v>7.048623448472835E-2</c:v>
                </c:pt>
                <c:pt idx="776">
                  <c:v>0.16760062201556858</c:v>
                </c:pt>
                <c:pt idx="777">
                  <c:v>0.24003371737340401</c:v>
                </c:pt>
                <c:pt idx="778">
                  <c:v>0.28493145999218245</c:v>
                </c:pt>
                <c:pt idx="779">
                  <c:v>0.36043773250028588</c:v>
                </c:pt>
                <c:pt idx="780">
                  <c:v>0.48654201911721878</c:v>
                </c:pt>
                <c:pt idx="781">
                  <c:v>0.50205655906265445</c:v>
                </c:pt>
                <c:pt idx="782">
                  <c:v>0.51900710350135049</c:v>
                </c:pt>
                <c:pt idx="783">
                  <c:v>0.5496589087889856</c:v>
                </c:pt>
                <c:pt idx="784">
                  <c:v>0.59787143919646313</c:v>
                </c:pt>
                <c:pt idx="785">
                  <c:v>0.61259126352089754</c:v>
                </c:pt>
                <c:pt idx="786">
                  <c:v>0.63340505876305286</c:v>
                </c:pt>
                <c:pt idx="787">
                  <c:v>0.5920212278318786</c:v>
                </c:pt>
                <c:pt idx="788">
                  <c:v>0.54643427791531096</c:v>
                </c:pt>
                <c:pt idx="789">
                  <c:v>0.47215923413023869</c:v>
                </c:pt>
                <c:pt idx="790">
                  <c:v>0.37502929312022371</c:v>
                </c:pt>
                <c:pt idx="791">
                  <c:v>0.21763830483623745</c:v>
                </c:pt>
                <c:pt idx="792">
                  <c:v>2.5758231337300774E-2</c:v>
                </c:pt>
                <c:pt idx="793">
                  <c:v>-0.14942228668820937</c:v>
                </c:pt>
                <c:pt idx="794">
                  <c:v>-0.3434692305126924</c:v>
                </c:pt>
                <c:pt idx="795">
                  <c:v>-0.47360660954493605</c:v>
                </c:pt>
                <c:pt idx="796">
                  <c:v>-0.55952834737796064</c:v>
                </c:pt>
                <c:pt idx="797">
                  <c:v>-0.66933746177293363</c:v>
                </c:pt>
                <c:pt idx="798">
                  <c:v>-0.67551302046787243</c:v>
                </c:pt>
                <c:pt idx="799">
                  <c:v>-0.66169055680908473</c:v>
                </c:pt>
                <c:pt idx="800">
                  <c:v>-0.61763191539514373</c:v>
                </c:pt>
                <c:pt idx="801">
                  <c:v>-0.51415689223032657</c:v>
                </c:pt>
                <c:pt idx="802">
                  <c:v>-0.48078587877883677</c:v>
                </c:pt>
                <c:pt idx="803">
                  <c:v>-0.44883491815883675</c:v>
                </c:pt>
                <c:pt idx="804">
                  <c:v>-0.45874940645962214</c:v>
                </c:pt>
                <c:pt idx="805">
                  <c:v>-0.38255682843306793</c:v>
                </c:pt>
                <c:pt idx="806">
                  <c:v>-0.32816258240939555</c:v>
                </c:pt>
                <c:pt idx="807">
                  <c:v>-0.27572061191938868</c:v>
                </c:pt>
                <c:pt idx="808">
                  <c:v>-0.28555806897754776</c:v>
                </c:pt>
                <c:pt idx="809">
                  <c:v>-0.28430795675176385</c:v>
                </c:pt>
                <c:pt idx="810">
                  <c:v>-0.29568871469769092</c:v>
                </c:pt>
                <c:pt idx="811">
                  <c:v>-0.28812808116678418</c:v>
                </c:pt>
                <c:pt idx="812">
                  <c:v>-0.33376949679591905</c:v>
                </c:pt>
                <c:pt idx="813">
                  <c:v>-0.41615640625430944</c:v>
                </c:pt>
                <c:pt idx="814">
                  <c:v>-0.50355905127087974</c:v>
                </c:pt>
                <c:pt idx="815">
                  <c:v>-0.50152288987663762</c:v>
                </c:pt>
                <c:pt idx="816">
                  <c:v>-0.62617828276809195</c:v>
                </c:pt>
                <c:pt idx="817">
                  <c:v>-0.65535252059465321</c:v>
                </c:pt>
                <c:pt idx="818">
                  <c:v>-0.6882526326951719</c:v>
                </c:pt>
                <c:pt idx="819">
                  <c:v>-0.71537765061042169</c:v>
                </c:pt>
                <c:pt idx="820">
                  <c:v>-0.730161176385693</c:v>
                </c:pt>
                <c:pt idx="821">
                  <c:v>-0.76513611044642427</c:v>
                </c:pt>
                <c:pt idx="822">
                  <c:v>-0.80132800183267394</c:v>
                </c:pt>
                <c:pt idx="823">
                  <c:v>-0.91931352190185678</c:v>
                </c:pt>
                <c:pt idx="824">
                  <c:v>-1.0389215978335113</c:v>
                </c:pt>
                <c:pt idx="825">
                  <c:v>-1.119114276540079</c:v>
                </c:pt>
                <c:pt idx="826">
                  <c:v>-1.1532988173467622</c:v>
                </c:pt>
                <c:pt idx="827">
                  <c:v>-1.1079181065025754</c:v>
                </c:pt>
                <c:pt idx="828">
                  <c:v>-1.0325381244749736</c:v>
                </c:pt>
                <c:pt idx="829">
                  <c:v>-0.98664810168834938</c:v>
                </c:pt>
                <c:pt idx="830">
                  <c:v>-0.9539458010014269</c:v>
                </c:pt>
                <c:pt idx="831">
                  <c:v>-0.89215145373778293</c:v>
                </c:pt>
                <c:pt idx="832">
                  <c:v>-0.8327455918374671</c:v>
                </c:pt>
                <c:pt idx="833">
                  <c:v>-0.78518231012466433</c:v>
                </c:pt>
                <c:pt idx="834">
                  <c:v>-0.71675663553934243</c:v>
                </c:pt>
                <c:pt idx="835">
                  <c:v>-0.67793336236129098</c:v>
                </c:pt>
                <c:pt idx="836">
                  <c:v>-0.67122075897625177</c:v>
                </c:pt>
                <c:pt idx="837">
                  <c:v>-0.70265768864301226</c:v>
                </c:pt>
                <c:pt idx="838">
                  <c:v>-0.80301784831959211</c:v>
                </c:pt>
                <c:pt idx="839">
                  <c:v>-0.93819814689954151</c:v>
                </c:pt>
                <c:pt idx="840">
                  <c:v>-1.0143531278015776</c:v>
                </c:pt>
                <c:pt idx="841">
                  <c:v>-1.0393782776221279</c:v>
                </c:pt>
                <c:pt idx="842">
                  <c:v>-1.0543925980942004</c:v>
                </c:pt>
                <c:pt idx="843">
                  <c:v>-1.0647240723794105</c:v>
                </c:pt>
                <c:pt idx="844">
                  <c:v>-1.082027322399129</c:v>
                </c:pt>
                <c:pt idx="845">
                  <c:v>-1.0786193580916077</c:v>
                </c:pt>
                <c:pt idx="846">
                  <c:v>-1.0644383897201042</c:v>
                </c:pt>
                <c:pt idx="847">
                  <c:v>-1.0995590294748232</c:v>
                </c:pt>
                <c:pt idx="848">
                  <c:v>-1.1289929849588096</c:v>
                </c:pt>
                <c:pt idx="849">
                  <c:v>-1.1329603021454657</c:v>
                </c:pt>
                <c:pt idx="850">
                  <c:v>-1.0591960477029818</c:v>
                </c:pt>
                <c:pt idx="851">
                  <c:v>-0.91742396685569993</c:v>
                </c:pt>
                <c:pt idx="852">
                  <c:v>-0.79177191159183014</c:v>
                </c:pt>
                <c:pt idx="853">
                  <c:v>-0.59070494008999241</c:v>
                </c:pt>
                <c:pt idx="854">
                  <c:v>-0.41569570809628553</c:v>
                </c:pt>
                <c:pt idx="855">
                  <c:v>-0.19869812484415439</c:v>
                </c:pt>
                <c:pt idx="856">
                  <c:v>1.0091416494098037E-2</c:v>
                </c:pt>
                <c:pt idx="857">
                  <c:v>0.14819377440048556</c:v>
                </c:pt>
                <c:pt idx="858">
                  <c:v>0.2697274795095842</c:v>
                </c:pt>
                <c:pt idx="859">
                  <c:v>0.35295706480908712</c:v>
                </c:pt>
                <c:pt idx="860">
                  <c:v>0.36288317259726499</c:v>
                </c:pt>
                <c:pt idx="861">
                  <c:v>0.48802016887017052</c:v>
                </c:pt>
                <c:pt idx="862">
                  <c:v>0.50995922476897249</c:v>
                </c:pt>
                <c:pt idx="863">
                  <c:v>0.54096711186918678</c:v>
                </c:pt>
                <c:pt idx="864">
                  <c:v>0.52613049951143165</c:v>
                </c:pt>
                <c:pt idx="865">
                  <c:v>0.41426968954024945</c:v>
                </c:pt>
                <c:pt idx="866">
                  <c:v>0.29022484708766472</c:v>
                </c:pt>
                <c:pt idx="867">
                  <c:v>0.16631492833363351</c:v>
                </c:pt>
                <c:pt idx="868">
                  <c:v>2.3633634149317753E-2</c:v>
                </c:pt>
                <c:pt idx="869">
                  <c:v>-0.10911026221991589</c:v>
                </c:pt>
                <c:pt idx="870">
                  <c:v>-0.21441285512031943</c:v>
                </c:pt>
                <c:pt idx="871">
                  <c:v>-0.209428411397043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3238-42DF-80BD-4576923245F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018580160"/>
        <c:axId val="2018579680"/>
      </c:scatterChart>
      <c:valAx>
        <c:axId val="2018580160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ja-JP" altLang="en-US" sz="1800" baseline="0"/>
                  <a:t>時間</a:t>
                </a:r>
                <a:r>
                  <a:rPr lang="en-US" altLang="ja-JP" sz="1800" baseline="0"/>
                  <a:t> [s]</a:t>
                </a:r>
                <a:endParaRPr lang="ja-JP" altLang="en-US" sz="1800" baseline="0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ja-JP" altLang="en-US"/>
            </a:p>
          </c:txPr>
        </c:title>
        <c:numFmt formatCode="General" sourceLinked="1"/>
        <c:majorTickMark val="none"/>
        <c:minorTickMark val="none"/>
        <c:tickLblPos val="low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2018579680"/>
        <c:crosses val="autoZero"/>
        <c:crossBetween val="midCat"/>
      </c:valAx>
      <c:valAx>
        <c:axId val="2018579680"/>
        <c:scaling>
          <c:orientation val="minMax"/>
          <c:max val="50"/>
          <c:min val="-1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altLang="ja-JP" sz="1800" b="0" i="0" u="none" strike="noStrike" kern="1200" baseline="0">
                    <a:solidFill>
                      <a:sysClr val="windowText" lastClr="000000">
                        <a:lumMod val="65000"/>
                        <a:lumOff val="35000"/>
                      </a:sysClr>
                    </a:solidFill>
                  </a:rPr>
                  <a:t>y</a:t>
                </a:r>
                <a:r>
                  <a:rPr lang="ja-JP" altLang="en-US" sz="1800" b="0" i="0" u="none" strike="noStrike" kern="1200" baseline="0">
                    <a:solidFill>
                      <a:sysClr val="windowText" lastClr="000000">
                        <a:lumMod val="65000"/>
                        <a:lumOff val="35000"/>
                      </a:sysClr>
                    </a:solidFill>
                  </a:rPr>
                  <a:t>方向の力</a:t>
                </a:r>
                <a:r>
                  <a:rPr lang="en-US" altLang="ja-JP" sz="1800" b="0" i="0" u="none" strike="noStrike" kern="1200" baseline="0">
                    <a:solidFill>
                      <a:sysClr val="windowText" lastClr="000000">
                        <a:lumMod val="65000"/>
                        <a:lumOff val="35000"/>
                      </a:sysClr>
                    </a:solidFill>
                  </a:rPr>
                  <a:t> [dyne]</a:t>
                </a:r>
                <a:endParaRPr lang="ja-JP" altLang="en-US" sz="1800" baseline="0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ja-JP" alt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2018580160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24927676282022007"/>
          <c:y val="0.1955416650977144"/>
          <c:w val="0.19211834358439453"/>
          <c:h val="0.14522180092750081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8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chart" Target="../charts/chart3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647699</xdr:colOff>
      <xdr:row>1</xdr:row>
      <xdr:rowOff>23811</xdr:rowOff>
    </xdr:from>
    <xdr:to>
      <xdr:col>20</xdr:col>
      <xdr:colOff>447674</xdr:colOff>
      <xdr:row>19</xdr:row>
      <xdr:rowOff>238124</xdr:rowOff>
    </xdr:to>
    <xdr:graphicFrame macro="">
      <xdr:nvGraphicFramePr>
        <xdr:cNvPr id="4" name="グラフ 3">
          <a:extLst>
            <a:ext uri="{FF2B5EF4-FFF2-40B4-BE49-F238E27FC236}">
              <a16:creationId xmlns:a16="http://schemas.microsoft.com/office/drawing/2014/main" id="{23BC9AF0-172C-09E1-533C-78A7BDE28048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9</xdr:col>
      <xdr:colOff>657224</xdr:colOff>
      <xdr:row>20</xdr:row>
      <xdr:rowOff>204787</xdr:rowOff>
    </xdr:from>
    <xdr:to>
      <xdr:col>20</xdr:col>
      <xdr:colOff>438149</xdr:colOff>
      <xdr:row>43</xdr:row>
      <xdr:rowOff>19050</xdr:rowOff>
    </xdr:to>
    <xdr:graphicFrame macro="">
      <xdr:nvGraphicFramePr>
        <xdr:cNvPr id="5" name="グラフ 4">
          <a:extLst>
            <a:ext uri="{FF2B5EF4-FFF2-40B4-BE49-F238E27FC236}">
              <a16:creationId xmlns:a16="http://schemas.microsoft.com/office/drawing/2014/main" id="{E05DD866-EB68-5E3B-95AF-EEA117572BBE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38100</xdr:colOff>
      <xdr:row>3</xdr:row>
      <xdr:rowOff>14287</xdr:rowOff>
    </xdr:from>
    <xdr:to>
      <xdr:col>8</xdr:col>
      <xdr:colOff>657225</xdr:colOff>
      <xdr:row>24</xdr:row>
      <xdr:rowOff>88900</xdr:rowOff>
    </xdr:to>
    <xdr:graphicFrame macro="">
      <xdr:nvGraphicFramePr>
        <xdr:cNvPr id="3" name="グラフ 2">
          <a:extLst>
            <a:ext uri="{FF2B5EF4-FFF2-40B4-BE49-F238E27FC236}">
              <a16:creationId xmlns:a16="http://schemas.microsoft.com/office/drawing/2014/main" id="{806FEF2C-ABC8-B05A-9564-9973E381A0CD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1</xdr:col>
      <xdr:colOff>479425</xdr:colOff>
      <xdr:row>3</xdr:row>
      <xdr:rowOff>33336</xdr:rowOff>
    </xdr:from>
    <xdr:to>
      <xdr:col>16</xdr:col>
      <xdr:colOff>203201</xdr:colOff>
      <xdr:row>23</xdr:row>
      <xdr:rowOff>161925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BDFB2BBB-92E0-3E6B-9A82-0B2C6920BE94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C66407A-40D5-4DFF-89B1-08D4EFA18AF0}">
  <dimension ref="A1:AC903"/>
  <sheetViews>
    <sheetView workbookViewId="0">
      <selection activeCell="AC3" sqref="AC3"/>
    </sheetView>
  </sheetViews>
  <sheetFormatPr defaultColWidth="8.875" defaultRowHeight="18.75" x14ac:dyDescent="0.4"/>
  <cols>
    <col min="1" max="1" width="10" bestFit="1" customWidth="1"/>
    <col min="2" max="2" width="12.625" bestFit="1" customWidth="1"/>
    <col min="3" max="4" width="10.5" bestFit="1" customWidth="1"/>
    <col min="5" max="5" width="11.625" bestFit="1" customWidth="1"/>
    <col min="6" max="7" width="10.5" bestFit="1" customWidth="1"/>
    <col min="8" max="8" width="11.625" bestFit="1" customWidth="1"/>
    <col min="9" max="10" width="10.5" bestFit="1" customWidth="1"/>
    <col min="11" max="11" width="11.625" bestFit="1" customWidth="1"/>
    <col min="12" max="13" width="12.625" bestFit="1" customWidth="1"/>
    <col min="14" max="14" width="13.625" bestFit="1" customWidth="1"/>
    <col min="15" max="15" width="12.625" bestFit="1" customWidth="1"/>
    <col min="16" max="16" width="11.625" customWidth="1"/>
    <col min="17" max="17" width="11.625" bestFit="1" customWidth="1"/>
    <col min="18" max="18" width="10.5" bestFit="1" customWidth="1"/>
    <col min="19" max="19" width="11.625" bestFit="1" customWidth="1"/>
    <col min="20" max="21" width="10.5" bestFit="1" customWidth="1"/>
    <col min="22" max="22" width="11.625" bestFit="1" customWidth="1"/>
    <col min="23" max="24" width="10.5" bestFit="1" customWidth="1"/>
    <col min="25" max="25" width="11.625" bestFit="1" customWidth="1"/>
    <col min="26" max="29" width="12.625" bestFit="1" customWidth="1"/>
  </cols>
  <sheetData>
    <row r="1" spans="1:29" x14ac:dyDescent="0.4">
      <c r="A1" t="s">
        <v>0</v>
      </c>
      <c r="B1" t="s">
        <v>16</v>
      </c>
      <c r="C1" t="s">
        <v>1</v>
      </c>
      <c r="D1" t="s">
        <v>1</v>
      </c>
      <c r="E1" t="s">
        <v>1</v>
      </c>
      <c r="F1" t="s">
        <v>2</v>
      </c>
      <c r="G1" t="s">
        <v>2</v>
      </c>
      <c r="H1" t="s">
        <v>2</v>
      </c>
      <c r="I1" t="s">
        <v>3</v>
      </c>
      <c r="J1" t="s">
        <v>3</v>
      </c>
      <c r="K1" t="s">
        <v>3</v>
      </c>
      <c r="L1" t="s">
        <v>11</v>
      </c>
      <c r="M1" t="s">
        <v>12</v>
      </c>
      <c r="N1" t="s">
        <v>13</v>
      </c>
      <c r="O1" t="s">
        <v>14</v>
      </c>
      <c r="Q1" t="s">
        <v>4</v>
      </c>
      <c r="R1" t="s">
        <v>4</v>
      </c>
      <c r="S1" t="s">
        <v>4</v>
      </c>
      <c r="T1" t="s">
        <v>5</v>
      </c>
      <c r="U1" t="s">
        <v>5</v>
      </c>
      <c r="V1" t="s">
        <v>5</v>
      </c>
      <c r="W1" t="s">
        <v>6</v>
      </c>
      <c r="X1" t="s">
        <v>6</v>
      </c>
      <c r="Y1" t="s">
        <v>6</v>
      </c>
      <c r="Z1" t="s">
        <v>17</v>
      </c>
      <c r="AA1" t="s">
        <v>18</v>
      </c>
      <c r="AB1" t="s">
        <v>13</v>
      </c>
      <c r="AC1" t="s">
        <v>14</v>
      </c>
    </row>
    <row r="2" spans="1:29" x14ac:dyDescent="0.4">
      <c r="A2" t="s">
        <v>7</v>
      </c>
      <c r="C2" t="s">
        <v>8</v>
      </c>
      <c r="D2" t="s">
        <v>9</v>
      </c>
      <c r="E2" t="s">
        <v>10</v>
      </c>
      <c r="F2" t="s">
        <v>8</v>
      </c>
      <c r="G2" t="s">
        <v>9</v>
      </c>
      <c r="H2" t="s">
        <v>10</v>
      </c>
      <c r="I2" t="s">
        <v>8</v>
      </c>
      <c r="J2" t="s">
        <v>9</v>
      </c>
      <c r="K2" t="s">
        <v>10</v>
      </c>
      <c r="Q2" t="s">
        <v>8</v>
      </c>
      <c r="R2" t="s">
        <v>9</v>
      </c>
      <c r="S2" t="s">
        <v>10</v>
      </c>
      <c r="T2" t="s">
        <v>8</v>
      </c>
      <c r="U2" t="s">
        <v>9</v>
      </c>
      <c r="V2" t="s">
        <v>10</v>
      </c>
      <c r="W2" t="s">
        <v>8</v>
      </c>
      <c r="X2" t="s">
        <v>9</v>
      </c>
      <c r="Y2" t="s">
        <v>10</v>
      </c>
    </row>
    <row r="3" spans="1:29" x14ac:dyDescent="0.4">
      <c r="A3">
        <v>0</v>
      </c>
      <c r="B3">
        <f>A3/30</f>
        <v>0</v>
      </c>
      <c r="C3">
        <v>475.38</v>
      </c>
      <c r="D3">
        <v>519.54912999999999</v>
      </c>
      <c r="E3">
        <v>0.95525884999999999</v>
      </c>
      <c r="F3">
        <v>608.85739999999998</v>
      </c>
      <c r="G3">
        <v>464.33179999999999</v>
      </c>
      <c r="H3">
        <v>0.88749825999999998</v>
      </c>
      <c r="I3">
        <v>589.50036999999998</v>
      </c>
      <c r="J3">
        <v>607.71680000000003</v>
      </c>
      <c r="K3">
        <v>0.87714254999999997</v>
      </c>
      <c r="L3">
        <f>(C3+F3+I3)/3</f>
        <v>557.91259000000002</v>
      </c>
      <c r="M3">
        <f>(D3+G3+J3)/3</f>
        <v>530.53257666666661</v>
      </c>
      <c r="N3">
        <f xml:space="preserve"> -36.96+0.03963*L3-0.0003398*M3+6.089*10^(-7)*L3^2+1.529*10^(-8)*M3^2</f>
        <v>-14.836365284506222</v>
      </c>
      <c r="O3">
        <f xml:space="preserve"> 23.7-0.0003167*L3-0.0406*M3-1.335*10^(-8)*L3^2-2.149*10^(-7)*M3^2</f>
        <v>1.9190442741419684</v>
      </c>
      <c r="Q3">
        <v>1208.847</v>
      </c>
      <c r="R3">
        <v>521.45339999999999</v>
      </c>
      <c r="S3">
        <v>0.86700772999999998</v>
      </c>
      <c r="T3">
        <v>1329.653</v>
      </c>
      <c r="U3">
        <v>443.03136999999998</v>
      </c>
      <c r="V3">
        <v>0.85926539999999996</v>
      </c>
      <c r="W3">
        <v>1335.1039000000001</v>
      </c>
      <c r="X3">
        <v>587.24347</v>
      </c>
      <c r="Y3">
        <v>0.85265820000000003</v>
      </c>
      <c r="Z3">
        <f>(Q3+T3+W3)/3</f>
        <v>1291.2012999999999</v>
      </c>
      <c r="AA3">
        <f>(R3+U3+X3)/3</f>
        <v>517.24274666666668</v>
      </c>
      <c r="AB3">
        <f xml:space="preserve"> -36.96+0.03963*Z3-0.0003398*AA3+6.089*10^(-7)*Z3^2+1.529*10^(-8)*AA3^2</f>
        <v>15.053797686551855</v>
      </c>
      <c r="AC3">
        <f xml:space="preserve"> 23.7-0.0003167*Z3-0.0406*AA3-1.335*10^(-8)*Z3^2-2.149*10^(-7)*AA3^2</f>
        <v>2.2112695443071129</v>
      </c>
    </row>
    <row r="4" spans="1:29" x14ac:dyDescent="0.4">
      <c r="A4">
        <v>1</v>
      </c>
      <c r="B4">
        <f t="shared" ref="B4:B67" si="0">A4/30</f>
        <v>3.3333333333333333E-2</v>
      </c>
      <c r="C4">
        <v>475.55500000000001</v>
      </c>
      <c r="D4">
        <v>519.62756000000002</v>
      </c>
      <c r="E4">
        <v>0.9575977</v>
      </c>
      <c r="F4">
        <v>609.20339999999999</v>
      </c>
      <c r="G4">
        <v>464.22573999999997</v>
      </c>
      <c r="H4">
        <v>0.88969403999999996</v>
      </c>
      <c r="I4">
        <v>589.69866999999999</v>
      </c>
      <c r="J4">
        <v>607.80444</v>
      </c>
      <c r="K4">
        <v>0.88373435</v>
      </c>
      <c r="L4">
        <f t="shared" ref="L4:L67" si="1">(C4+F4+I4)/3</f>
        <v>558.15235666666661</v>
      </c>
      <c r="M4">
        <f t="shared" ref="M4:M67" si="2">(D4+G4+J4)/3</f>
        <v>530.55258000000003</v>
      </c>
      <c r="N4">
        <f xml:space="preserve"> -36.96+0.03963*L4-0.0003398*M4+6.089*10^(-7)*L4^2+1.529*10^(-8)*M4^2</f>
        <v>-14.826706865404713</v>
      </c>
      <c r="O4">
        <f t="shared" ref="O4:O67" si="3" xml:space="preserve"> 23.7-0.0003167*L4-0.0406*M4-1.335*10^(-8)*L4^2-2.149*10^(-7)*M4^2</f>
        <v>1.9181480710056582</v>
      </c>
      <c r="Q4">
        <v>1208.7293999999999</v>
      </c>
      <c r="R4">
        <v>521.39070000000004</v>
      </c>
      <c r="S4">
        <v>0.86368820000000002</v>
      </c>
      <c r="T4">
        <v>1329.3759</v>
      </c>
      <c r="U4">
        <v>443.00036999999998</v>
      </c>
      <c r="V4">
        <v>0.84827180000000002</v>
      </c>
      <c r="W4">
        <v>1335.1659</v>
      </c>
      <c r="X4">
        <v>587.20060000000001</v>
      </c>
      <c r="Y4">
        <v>0.85297703999999996</v>
      </c>
      <c r="Z4">
        <f t="shared" ref="Z4:Z67" si="4">(Q4+T4+W4)/3</f>
        <v>1291.0904</v>
      </c>
      <c r="AA4">
        <f t="shared" ref="AA4:AA67" si="5">(R4+U4+X4)/3</f>
        <v>517.19722333333334</v>
      </c>
      <c r="AB4">
        <f t="shared" ref="AB4:AB67" si="6" xml:space="preserve"> -36.96+0.03963*Z4-0.0003398*AA4+6.089*10^(-7)*Z4^2+1.529*10^(-8)*AA4^2</f>
        <v>15.049243093919307</v>
      </c>
      <c r="AC4">
        <f t="shared" ref="AC4:AC67" si="7" xml:space="preserve"> 23.7-0.0003167*Z4-0.0406*AA4-1.335*10^(-8)*Z4^2-2.149*10^(-7)*AA4^2</f>
        <v>2.2131668566813745</v>
      </c>
    </row>
    <row r="5" spans="1:29" x14ac:dyDescent="0.4">
      <c r="A5">
        <v>2</v>
      </c>
      <c r="B5">
        <f t="shared" si="0"/>
        <v>6.6666666666666666E-2</v>
      </c>
      <c r="C5">
        <v>475.69499999999999</v>
      </c>
      <c r="D5">
        <v>519.46469999999999</v>
      </c>
      <c r="E5">
        <v>0.95845809999999998</v>
      </c>
      <c r="F5">
        <v>609.17240000000004</v>
      </c>
      <c r="G5">
        <v>464.29253999999997</v>
      </c>
      <c r="H5">
        <v>0.89846190000000004</v>
      </c>
      <c r="I5">
        <v>589.75519999999995</v>
      </c>
      <c r="J5">
        <v>607.71839999999997</v>
      </c>
      <c r="K5">
        <v>0.8787142</v>
      </c>
      <c r="L5">
        <f t="shared" si="1"/>
        <v>558.20753333333334</v>
      </c>
      <c r="M5">
        <f t="shared" si="2"/>
        <v>530.49187999999992</v>
      </c>
      <c r="N5">
        <f t="shared" ref="N5:N67" si="8" xml:space="preserve"> -36.96+0.03963*L5-0.0003398*M5+6.089*10^(-7)*L5^2+1.529*10^(-8)*M5^2</f>
        <v>-14.82446306657928</v>
      </c>
      <c r="O5">
        <f t="shared" si="3"/>
        <v>1.9206080349553276</v>
      </c>
      <c r="Q5">
        <v>1208.5944999999999</v>
      </c>
      <c r="R5">
        <v>521.47389999999996</v>
      </c>
      <c r="S5">
        <v>0.87950015000000004</v>
      </c>
      <c r="T5">
        <v>1329.3353</v>
      </c>
      <c r="U5">
        <v>442.98214999999999</v>
      </c>
      <c r="V5">
        <v>0.84829675999999998</v>
      </c>
      <c r="W5">
        <v>1335.27</v>
      </c>
      <c r="X5">
        <v>587.18600000000004</v>
      </c>
      <c r="Y5">
        <v>0.85891550000000005</v>
      </c>
      <c r="Z5">
        <f t="shared" si="4"/>
        <v>1291.0665999999999</v>
      </c>
      <c r="AA5">
        <f t="shared" si="5"/>
        <v>517.21401666666668</v>
      </c>
      <c r="AB5">
        <f t="shared" si="6"/>
        <v>15.04825703899602</v>
      </c>
      <c r="AC5">
        <f t="shared" si="7"/>
        <v>2.2124896721631635</v>
      </c>
    </row>
    <row r="6" spans="1:29" x14ac:dyDescent="0.4">
      <c r="A6">
        <v>3</v>
      </c>
      <c r="B6">
        <f t="shared" si="0"/>
        <v>0.1</v>
      </c>
      <c r="C6">
        <v>475.78325999999998</v>
      </c>
      <c r="D6">
        <v>519.46325999999999</v>
      </c>
      <c r="E6">
        <v>0.95220660000000001</v>
      </c>
      <c r="F6">
        <v>609.17345999999998</v>
      </c>
      <c r="G6">
        <v>464.31076000000002</v>
      </c>
      <c r="H6">
        <v>0.90114545999999995</v>
      </c>
      <c r="I6">
        <v>589.83923000000004</v>
      </c>
      <c r="J6">
        <v>607.75810000000001</v>
      </c>
      <c r="K6">
        <v>0.88041519999999995</v>
      </c>
      <c r="L6">
        <f t="shared" si="1"/>
        <v>558.26531666666665</v>
      </c>
      <c r="M6">
        <f t="shared" si="2"/>
        <v>530.51070666666669</v>
      </c>
      <c r="N6">
        <f t="shared" si="8"/>
        <v>-14.822139922676632</v>
      </c>
      <c r="O6">
        <f t="shared" si="3"/>
        <v>1.9198202183934412</v>
      </c>
      <c r="Q6">
        <v>1208.4090000000001</v>
      </c>
      <c r="R6">
        <v>521.60670000000005</v>
      </c>
      <c r="S6">
        <v>0.89361745000000004</v>
      </c>
      <c r="T6">
        <v>1329.1561999999999</v>
      </c>
      <c r="U6">
        <v>442.87732</v>
      </c>
      <c r="V6">
        <v>0.85808850000000003</v>
      </c>
      <c r="W6">
        <v>1335.2811999999999</v>
      </c>
      <c r="X6">
        <v>587.18510000000003</v>
      </c>
      <c r="Y6">
        <v>0.86411979999999999</v>
      </c>
      <c r="Z6">
        <f t="shared" si="4"/>
        <v>1290.9487999999999</v>
      </c>
      <c r="AA6">
        <f t="shared" si="5"/>
        <v>517.22303999999997</v>
      </c>
      <c r="AB6">
        <f t="shared" si="6"/>
        <v>15.04340049770023</v>
      </c>
      <c r="AC6">
        <f t="shared" si="7"/>
        <v>2.2121626867529867</v>
      </c>
    </row>
    <row r="7" spans="1:29" x14ac:dyDescent="0.4">
      <c r="A7">
        <v>4</v>
      </c>
      <c r="B7">
        <f t="shared" si="0"/>
        <v>0.13333333333333333</v>
      </c>
      <c r="C7">
        <v>476.03915000000001</v>
      </c>
      <c r="D7">
        <v>519.47090000000003</v>
      </c>
      <c r="E7">
        <v>0.94765984999999997</v>
      </c>
      <c r="F7">
        <v>609.30493000000001</v>
      </c>
      <c r="G7">
        <v>464.31790000000001</v>
      </c>
      <c r="H7">
        <v>0.89088639999999997</v>
      </c>
      <c r="I7">
        <v>589.9203</v>
      </c>
      <c r="J7">
        <v>607.78970000000004</v>
      </c>
      <c r="K7">
        <v>0.87999105</v>
      </c>
      <c r="L7">
        <f t="shared" si="1"/>
        <v>558.42146000000002</v>
      </c>
      <c r="M7">
        <f t="shared" si="2"/>
        <v>530.52616666666665</v>
      </c>
      <c r="N7">
        <f t="shared" si="8"/>
        <v>-14.815850795123326</v>
      </c>
      <c r="O7">
        <f t="shared" si="3"/>
        <v>1.9191372389110113</v>
      </c>
      <c r="Q7">
        <v>1208.3733999999999</v>
      </c>
      <c r="R7">
        <v>521.56115999999997</v>
      </c>
      <c r="S7">
        <v>0.89458114</v>
      </c>
      <c r="T7">
        <v>1328.9650999999999</v>
      </c>
      <c r="U7">
        <v>442.70409999999998</v>
      </c>
      <c r="V7">
        <v>0.86003929999999995</v>
      </c>
      <c r="W7">
        <v>1335.3721</v>
      </c>
      <c r="X7">
        <v>587.2681</v>
      </c>
      <c r="Y7">
        <v>0.87273040000000002</v>
      </c>
      <c r="Z7">
        <f t="shared" si="4"/>
        <v>1290.9035333333334</v>
      </c>
      <c r="AA7">
        <f t="shared" si="5"/>
        <v>517.17778666666663</v>
      </c>
      <c r="AB7">
        <f t="shared" si="6"/>
        <v>15.041550077787871</v>
      </c>
      <c r="AC7">
        <f t="shared" si="7"/>
        <v>2.21402592776619</v>
      </c>
    </row>
    <row r="8" spans="1:29" x14ac:dyDescent="0.4">
      <c r="A8">
        <v>5</v>
      </c>
      <c r="B8">
        <f t="shared" si="0"/>
        <v>0.16666666666666666</v>
      </c>
      <c r="C8">
        <v>476.06704999999999</v>
      </c>
      <c r="D8">
        <v>519.62134000000003</v>
      </c>
      <c r="E8">
        <v>0.94100930000000005</v>
      </c>
      <c r="F8">
        <v>609.35266000000001</v>
      </c>
      <c r="G8">
        <v>464.30103000000003</v>
      </c>
      <c r="H8">
        <v>0.90152370000000004</v>
      </c>
      <c r="I8">
        <v>590.11614999999995</v>
      </c>
      <c r="J8">
        <v>607.84045000000003</v>
      </c>
      <c r="K8">
        <v>0.88379609999999997</v>
      </c>
      <c r="L8">
        <f t="shared" si="1"/>
        <v>558.51195333333328</v>
      </c>
      <c r="M8">
        <f t="shared" si="2"/>
        <v>530.5876066666666</v>
      </c>
      <c r="N8">
        <f t="shared" si="8"/>
        <v>-14.81222288022202</v>
      </c>
      <c r="O8">
        <f t="shared" si="3"/>
        <v>1.9165987559517106</v>
      </c>
      <c r="Q8">
        <v>1208.3688999999999</v>
      </c>
      <c r="R8">
        <v>521.63810000000001</v>
      </c>
      <c r="S8">
        <v>0.89617186999999998</v>
      </c>
      <c r="T8">
        <v>1328.8655000000001</v>
      </c>
      <c r="U8">
        <v>442.726</v>
      </c>
      <c r="V8">
        <v>0.90002800000000005</v>
      </c>
      <c r="W8">
        <v>1335.2499</v>
      </c>
      <c r="X8">
        <v>587.43679999999995</v>
      </c>
      <c r="Y8">
        <v>0.88283265</v>
      </c>
      <c r="Z8">
        <f t="shared" si="4"/>
        <v>1290.8280999999999</v>
      </c>
      <c r="AA8">
        <f t="shared" si="5"/>
        <v>517.26696666666669</v>
      </c>
      <c r="AB8">
        <f t="shared" si="6"/>
        <v>15.038413179517157</v>
      </c>
      <c r="AC8">
        <f t="shared" si="7"/>
        <v>2.2104118844887806</v>
      </c>
    </row>
    <row r="9" spans="1:29" x14ac:dyDescent="0.4">
      <c r="A9">
        <v>6</v>
      </c>
      <c r="B9">
        <f t="shared" si="0"/>
        <v>0.2</v>
      </c>
      <c r="C9">
        <v>476.18292000000002</v>
      </c>
      <c r="D9">
        <v>519.75959999999998</v>
      </c>
      <c r="E9">
        <v>0.93692774000000001</v>
      </c>
      <c r="F9">
        <v>609.47289999999998</v>
      </c>
      <c r="G9">
        <v>464.33438000000001</v>
      </c>
      <c r="H9">
        <v>0.90528039999999999</v>
      </c>
      <c r="I9">
        <v>590.21230000000003</v>
      </c>
      <c r="J9">
        <v>607.91819999999996</v>
      </c>
      <c r="K9">
        <v>0.88785729999999996</v>
      </c>
      <c r="L9">
        <f t="shared" si="1"/>
        <v>558.62270666666666</v>
      </c>
      <c r="M9">
        <f t="shared" si="2"/>
        <v>530.67072666666661</v>
      </c>
      <c r="N9">
        <f t="shared" si="8"/>
        <v>-14.807785284042431</v>
      </c>
      <c r="O9">
        <f t="shared" si="3"/>
        <v>1.9131683999095299</v>
      </c>
      <c r="Q9">
        <v>1208.259</v>
      </c>
      <c r="R9">
        <v>521.77</v>
      </c>
      <c r="S9">
        <v>0.91256689999999996</v>
      </c>
      <c r="T9">
        <v>1328.8694</v>
      </c>
      <c r="U9">
        <v>442.61455999999998</v>
      </c>
      <c r="V9">
        <v>0.9058271</v>
      </c>
      <c r="W9">
        <v>1335.1934000000001</v>
      </c>
      <c r="X9">
        <v>587.45299999999997</v>
      </c>
      <c r="Y9">
        <v>0.88391923999999999</v>
      </c>
      <c r="Z9">
        <f t="shared" si="4"/>
        <v>1290.7739333333334</v>
      </c>
      <c r="AA9">
        <f t="shared" si="5"/>
        <v>517.27918666666665</v>
      </c>
      <c r="AB9">
        <f t="shared" si="6"/>
        <v>15.036177448846299</v>
      </c>
      <c r="AC9">
        <f t="shared" si="7"/>
        <v>2.2099320570941918</v>
      </c>
    </row>
    <row r="10" spans="1:29" x14ac:dyDescent="0.4">
      <c r="A10">
        <v>7</v>
      </c>
      <c r="B10">
        <f t="shared" si="0"/>
        <v>0.23333333333333334</v>
      </c>
      <c r="C10">
        <v>476.19952000000001</v>
      </c>
      <c r="D10">
        <v>519.98130000000003</v>
      </c>
      <c r="E10">
        <v>0.92880779999999996</v>
      </c>
      <c r="F10">
        <v>609.5951</v>
      </c>
      <c r="G10">
        <v>464.40463</v>
      </c>
      <c r="H10">
        <v>0.91231154999999997</v>
      </c>
      <c r="I10">
        <v>590.23289999999997</v>
      </c>
      <c r="J10">
        <v>607.82384999999999</v>
      </c>
      <c r="K10">
        <v>0.88505286000000005</v>
      </c>
      <c r="L10">
        <f t="shared" si="1"/>
        <v>558.67583999999999</v>
      </c>
      <c r="M10">
        <f t="shared" si="2"/>
        <v>530.73659333333342</v>
      </c>
      <c r="N10">
        <f t="shared" si="8"/>
        <v>-14.805664774757783</v>
      </c>
      <c r="O10">
        <f t="shared" si="3"/>
        <v>1.9104615694310882</v>
      </c>
      <c r="Q10">
        <v>1208.242</v>
      </c>
      <c r="R10">
        <v>521.86329999999998</v>
      </c>
      <c r="S10">
        <v>0.90995777</v>
      </c>
      <c r="T10">
        <v>1328.8255999999999</v>
      </c>
      <c r="U10">
        <v>442.51767000000001</v>
      </c>
      <c r="V10">
        <v>0.91923980000000005</v>
      </c>
      <c r="W10">
        <v>1335.1977999999999</v>
      </c>
      <c r="X10">
        <v>587.48614999999995</v>
      </c>
      <c r="Y10">
        <v>0.88143720000000003</v>
      </c>
      <c r="Z10">
        <f t="shared" si="4"/>
        <v>1290.7551333333333</v>
      </c>
      <c r="AA10">
        <f t="shared" si="5"/>
        <v>517.28904</v>
      </c>
      <c r="AB10">
        <f t="shared" si="6"/>
        <v>15.035399660959747</v>
      </c>
      <c r="AC10">
        <f t="shared" si="7"/>
        <v>2.2095364229541188</v>
      </c>
    </row>
    <row r="11" spans="1:29" x14ac:dyDescent="0.4">
      <c r="A11">
        <v>8</v>
      </c>
      <c r="B11">
        <f t="shared" si="0"/>
        <v>0.26666666666666666</v>
      </c>
      <c r="C11">
        <v>476.18036000000001</v>
      </c>
      <c r="D11">
        <v>519.96765000000005</v>
      </c>
      <c r="E11">
        <v>0.92983099999999996</v>
      </c>
      <c r="F11">
        <v>609.72239999999999</v>
      </c>
      <c r="G11">
        <v>464.4325</v>
      </c>
      <c r="H11">
        <v>0.92316615999999996</v>
      </c>
      <c r="I11">
        <v>590.43462999999997</v>
      </c>
      <c r="J11">
        <v>607.94475999999997</v>
      </c>
      <c r="K11">
        <v>0.88019340000000001</v>
      </c>
      <c r="L11">
        <f t="shared" si="1"/>
        <v>558.77913000000001</v>
      </c>
      <c r="M11">
        <f t="shared" si="2"/>
        <v>530.78163666666671</v>
      </c>
      <c r="N11">
        <f t="shared" si="8"/>
        <v>-14.801515686292074</v>
      </c>
      <c r="O11">
        <f t="shared" si="3"/>
        <v>1.9085882819748186</v>
      </c>
      <c r="Q11">
        <v>1208.2147</v>
      </c>
      <c r="R11">
        <v>521.92859999999996</v>
      </c>
      <c r="S11">
        <v>0.91568415999999997</v>
      </c>
      <c r="T11">
        <v>1328.8385000000001</v>
      </c>
      <c r="U11">
        <v>442.61914000000002</v>
      </c>
      <c r="V11">
        <v>0.90929570000000004</v>
      </c>
      <c r="W11">
        <v>1335.2428</v>
      </c>
      <c r="X11">
        <v>587.50385000000006</v>
      </c>
      <c r="Y11">
        <v>0.88635945000000005</v>
      </c>
      <c r="Z11">
        <f t="shared" si="4"/>
        <v>1290.7653333333335</v>
      </c>
      <c r="AA11">
        <f t="shared" si="5"/>
        <v>517.35053000000005</v>
      </c>
      <c r="AB11">
        <f t="shared" si="6"/>
        <v>15.035799998663043</v>
      </c>
      <c r="AC11">
        <f t="shared" si="7"/>
        <v>2.2070226751532309</v>
      </c>
    </row>
    <row r="12" spans="1:29" x14ac:dyDescent="0.4">
      <c r="A12">
        <v>9</v>
      </c>
      <c r="B12">
        <f t="shared" si="0"/>
        <v>0.3</v>
      </c>
      <c r="C12">
        <v>476.28680000000003</v>
      </c>
      <c r="D12">
        <v>519.98284999999998</v>
      </c>
      <c r="E12">
        <v>0.92376952999999995</v>
      </c>
      <c r="F12">
        <v>609.95214999999996</v>
      </c>
      <c r="G12">
        <v>464.45202999999998</v>
      </c>
      <c r="H12">
        <v>0.91624859999999997</v>
      </c>
      <c r="I12">
        <v>590.61400000000003</v>
      </c>
      <c r="J12">
        <v>607.91570000000002</v>
      </c>
      <c r="K12">
        <v>0.88207453000000002</v>
      </c>
      <c r="L12">
        <f t="shared" si="1"/>
        <v>558.95098333333328</v>
      </c>
      <c r="M12">
        <f t="shared" si="2"/>
        <v>530.78352666666672</v>
      </c>
      <c r="N12">
        <f t="shared" si="8"/>
        <v>-14.794588789287168</v>
      </c>
      <c r="O12">
        <f t="shared" si="3"/>
        <v>1.9084541265144139</v>
      </c>
      <c r="Q12">
        <v>1207.9929</v>
      </c>
      <c r="R12">
        <v>522.06209999999999</v>
      </c>
      <c r="S12">
        <v>0.90839610000000004</v>
      </c>
      <c r="T12">
        <v>1328.7524000000001</v>
      </c>
      <c r="U12">
        <v>442.61455999999998</v>
      </c>
      <c r="V12">
        <v>0.91073835000000003</v>
      </c>
      <c r="W12">
        <v>1335.1584</v>
      </c>
      <c r="X12">
        <v>587.41539999999998</v>
      </c>
      <c r="Y12">
        <v>0.88588613000000005</v>
      </c>
      <c r="Z12">
        <f t="shared" si="4"/>
        <v>1290.6345666666666</v>
      </c>
      <c r="AA12">
        <f t="shared" si="5"/>
        <v>517.36401999999998</v>
      </c>
      <c r="AB12">
        <f t="shared" si="6"/>
        <v>15.030407804253839</v>
      </c>
      <c r="AC12">
        <f t="shared" si="7"/>
        <v>2.2065179017582066</v>
      </c>
    </row>
    <row r="13" spans="1:29" x14ac:dyDescent="0.4">
      <c r="A13">
        <v>10</v>
      </c>
      <c r="B13">
        <f t="shared" si="0"/>
        <v>0.33333333333333331</v>
      </c>
      <c r="C13">
        <v>476.25252999999998</v>
      </c>
      <c r="D13">
        <v>520.07240000000002</v>
      </c>
      <c r="E13">
        <v>0.9314905</v>
      </c>
      <c r="F13">
        <v>610.06280000000004</v>
      </c>
      <c r="G13">
        <v>464.48647999999997</v>
      </c>
      <c r="H13">
        <v>0.91748065000000001</v>
      </c>
      <c r="I13">
        <v>590.72955000000002</v>
      </c>
      <c r="J13">
        <v>607.94439999999997</v>
      </c>
      <c r="K13">
        <v>0.87272643999999999</v>
      </c>
      <c r="L13">
        <f t="shared" si="1"/>
        <v>559.01495999999997</v>
      </c>
      <c r="M13">
        <f t="shared" si="2"/>
        <v>530.83442666666667</v>
      </c>
      <c r="N13">
        <f t="shared" si="8"/>
        <v>-14.79202631278938</v>
      </c>
      <c r="O13">
        <f t="shared" si="3"/>
        <v>1.9063547578497857</v>
      </c>
      <c r="Q13">
        <v>1207.9657999999999</v>
      </c>
      <c r="R13">
        <v>522.16376000000002</v>
      </c>
      <c r="S13">
        <v>0.91497534999999997</v>
      </c>
      <c r="T13">
        <v>1328.5858000000001</v>
      </c>
      <c r="U13">
        <v>442.61203</v>
      </c>
      <c r="V13">
        <v>0.91917515000000005</v>
      </c>
      <c r="W13">
        <v>1335.2139</v>
      </c>
      <c r="X13">
        <v>587.42129999999997</v>
      </c>
      <c r="Y13">
        <v>0.87918399999999997</v>
      </c>
      <c r="Z13">
        <f t="shared" si="4"/>
        <v>1290.5884999999998</v>
      </c>
      <c r="AA13">
        <f t="shared" si="5"/>
        <v>517.39903000000004</v>
      </c>
      <c r="AB13">
        <f t="shared" si="6"/>
        <v>15.028498436477683</v>
      </c>
      <c r="AC13">
        <f t="shared" si="7"/>
        <v>2.2051048873039258</v>
      </c>
    </row>
    <row r="14" spans="1:29" x14ac:dyDescent="0.4">
      <c r="A14">
        <v>11</v>
      </c>
      <c r="B14">
        <f t="shared" si="0"/>
        <v>0.36666666666666664</v>
      </c>
      <c r="C14">
        <v>476.49259999999998</v>
      </c>
      <c r="D14">
        <v>520.11053000000004</v>
      </c>
      <c r="E14">
        <v>0.9282589</v>
      </c>
      <c r="F14">
        <v>610.1789</v>
      </c>
      <c r="G14">
        <v>464.59503000000001</v>
      </c>
      <c r="H14">
        <v>0.91380954000000003</v>
      </c>
      <c r="I14">
        <v>590.90150000000006</v>
      </c>
      <c r="J14">
        <v>607.94446000000005</v>
      </c>
      <c r="K14">
        <v>0.87893564000000002</v>
      </c>
      <c r="L14">
        <f t="shared" si="1"/>
        <v>559.19099999999992</v>
      </c>
      <c r="M14">
        <f t="shared" si="2"/>
        <v>530.88333999999998</v>
      </c>
      <c r="N14">
        <f t="shared" si="8"/>
        <v>-14.784945812955183</v>
      </c>
      <c r="O14">
        <f t="shared" si="3"/>
        <v>1.9042993364944951</v>
      </c>
      <c r="Q14">
        <v>1207.8022000000001</v>
      </c>
      <c r="R14">
        <v>522.33669999999995</v>
      </c>
      <c r="S14">
        <v>0.92038350000000002</v>
      </c>
      <c r="T14">
        <v>1328.5986</v>
      </c>
      <c r="U14">
        <v>442.70952999999997</v>
      </c>
      <c r="V14">
        <v>0.91829660000000002</v>
      </c>
      <c r="W14">
        <v>1335.0967000000001</v>
      </c>
      <c r="X14">
        <v>587.49303999999995</v>
      </c>
      <c r="Y14">
        <v>0.88423425</v>
      </c>
      <c r="Z14">
        <f t="shared" si="4"/>
        <v>1290.4991666666667</v>
      </c>
      <c r="AA14">
        <f t="shared" si="5"/>
        <v>517.51308999999992</v>
      </c>
      <c r="AB14">
        <f t="shared" si="6"/>
        <v>15.024780805317343</v>
      </c>
      <c r="AC14">
        <f t="shared" si="7"/>
        <v>2.2004800541335299</v>
      </c>
    </row>
    <row r="15" spans="1:29" x14ac:dyDescent="0.4">
      <c r="A15">
        <v>12</v>
      </c>
      <c r="B15">
        <f t="shared" si="0"/>
        <v>0.4</v>
      </c>
      <c r="C15">
        <v>476.52629999999999</v>
      </c>
      <c r="D15">
        <v>520.02710000000002</v>
      </c>
      <c r="E15">
        <v>0.92730599999999996</v>
      </c>
      <c r="F15">
        <v>610.25959999999998</v>
      </c>
      <c r="G15">
        <v>464.56515999999999</v>
      </c>
      <c r="H15">
        <v>0.90652776000000002</v>
      </c>
      <c r="I15">
        <v>591.01666</v>
      </c>
      <c r="J15">
        <v>607.97344999999996</v>
      </c>
      <c r="K15">
        <v>0.87061160000000004</v>
      </c>
      <c r="L15">
        <f t="shared" si="1"/>
        <v>559.26751999999999</v>
      </c>
      <c r="M15">
        <f t="shared" si="2"/>
        <v>530.85523666666666</v>
      </c>
      <c r="N15">
        <f t="shared" si="8"/>
        <v>-14.781852119702403</v>
      </c>
      <c r="O15">
        <f t="shared" si="3"/>
        <v>1.9054213676621612</v>
      </c>
      <c r="Q15">
        <v>1207.8320000000001</v>
      </c>
      <c r="R15">
        <v>522.12739999999997</v>
      </c>
      <c r="S15">
        <v>0.9248961</v>
      </c>
      <c r="T15">
        <v>1328.3583000000001</v>
      </c>
      <c r="U15">
        <v>442.59989999999999</v>
      </c>
      <c r="V15">
        <v>0.93751614999999999</v>
      </c>
      <c r="W15">
        <v>1334.9680000000001</v>
      </c>
      <c r="X15">
        <v>587.52869999999996</v>
      </c>
      <c r="Y15">
        <v>0.89579900000000001</v>
      </c>
      <c r="Z15">
        <f t="shared" si="4"/>
        <v>1290.3860999999999</v>
      </c>
      <c r="AA15">
        <f t="shared" si="5"/>
        <v>517.41866666666658</v>
      </c>
      <c r="AB15">
        <f t="shared" si="6"/>
        <v>15.020152879816987</v>
      </c>
      <c r="AC15">
        <f t="shared" si="7"/>
        <v>2.2043743457663227</v>
      </c>
    </row>
    <row r="16" spans="1:29" x14ac:dyDescent="0.4">
      <c r="A16">
        <v>13</v>
      </c>
      <c r="B16">
        <f t="shared" si="0"/>
        <v>0.43333333333333335</v>
      </c>
      <c r="C16">
        <v>476.74984999999998</v>
      </c>
      <c r="D16">
        <v>520.11974999999995</v>
      </c>
      <c r="E16">
        <v>0.92309600000000003</v>
      </c>
      <c r="F16">
        <v>610.36469999999997</v>
      </c>
      <c r="G16">
        <v>464.56765999999999</v>
      </c>
      <c r="H16">
        <v>0.91681504000000003</v>
      </c>
      <c r="I16">
        <v>591.28970000000004</v>
      </c>
      <c r="J16">
        <v>608.04150000000004</v>
      </c>
      <c r="K16">
        <v>0.87107456000000005</v>
      </c>
      <c r="L16">
        <f t="shared" si="1"/>
        <v>559.46808333333331</v>
      </c>
      <c r="M16">
        <f t="shared" si="2"/>
        <v>530.90963666666664</v>
      </c>
      <c r="N16">
        <f t="shared" si="8"/>
        <v>-14.773784773408487</v>
      </c>
      <c r="O16">
        <f t="shared" si="3"/>
        <v>1.903133801191021</v>
      </c>
      <c r="Q16">
        <v>1207.7538</v>
      </c>
      <c r="R16">
        <v>522.1816</v>
      </c>
      <c r="S16">
        <v>0.93187569999999997</v>
      </c>
      <c r="T16">
        <v>1328.2574</v>
      </c>
      <c r="U16">
        <v>442.61016999999998</v>
      </c>
      <c r="V16">
        <v>0.92420363000000005</v>
      </c>
      <c r="W16">
        <v>1335.0327</v>
      </c>
      <c r="X16">
        <v>587.43330000000003</v>
      </c>
      <c r="Y16">
        <v>0.88722469999999998</v>
      </c>
      <c r="Z16">
        <f t="shared" si="4"/>
        <v>1290.3479666666665</v>
      </c>
      <c r="AA16">
        <f t="shared" si="5"/>
        <v>517.40835666666669</v>
      </c>
      <c r="AB16">
        <f t="shared" si="6"/>
        <v>15.018585072962775</v>
      </c>
      <c r="AC16">
        <f t="shared" si="7"/>
        <v>2.2048086151754989</v>
      </c>
    </row>
    <row r="17" spans="1:29" x14ac:dyDescent="0.4">
      <c r="A17">
        <v>14</v>
      </c>
      <c r="B17">
        <f t="shared" si="0"/>
        <v>0.46666666666666667</v>
      </c>
      <c r="C17">
        <v>476.94173999999998</v>
      </c>
      <c r="D17">
        <v>520.23879999999997</v>
      </c>
      <c r="E17">
        <v>0.91746276999999998</v>
      </c>
      <c r="F17">
        <v>610.46079999999995</v>
      </c>
      <c r="G17">
        <v>464.47521999999998</v>
      </c>
      <c r="H17">
        <v>0.91513389999999994</v>
      </c>
      <c r="I17">
        <v>591.44770000000005</v>
      </c>
      <c r="J17">
        <v>608.09619999999995</v>
      </c>
      <c r="K17">
        <v>0.87476419999999999</v>
      </c>
      <c r="L17">
        <f t="shared" si="1"/>
        <v>559.6167466666667</v>
      </c>
      <c r="M17">
        <f t="shared" si="2"/>
        <v>530.93673999999999</v>
      </c>
      <c r="N17">
        <f t="shared" si="8"/>
        <v>-14.767800714387525</v>
      </c>
      <c r="O17">
        <f t="shared" si="3"/>
        <v>1.9019779184512131</v>
      </c>
      <c r="Q17">
        <v>1207.8298</v>
      </c>
      <c r="R17">
        <v>522.11237000000006</v>
      </c>
      <c r="S17">
        <v>0.92815199999999998</v>
      </c>
      <c r="T17">
        <v>1328.1146000000001</v>
      </c>
      <c r="U17">
        <v>442.63925</v>
      </c>
      <c r="V17">
        <v>0.92890269999999997</v>
      </c>
      <c r="W17">
        <v>1334.9929999999999</v>
      </c>
      <c r="X17">
        <v>587.43790000000001</v>
      </c>
      <c r="Y17">
        <v>0.89198774000000003</v>
      </c>
      <c r="Z17">
        <f t="shared" si="4"/>
        <v>1290.3124666666668</v>
      </c>
      <c r="AA17">
        <f t="shared" si="5"/>
        <v>517.3965066666666</v>
      </c>
      <c r="AB17">
        <f t="shared" si="6"/>
        <v>15.017126263673216</v>
      </c>
      <c r="AC17">
        <f t="shared" si="7"/>
        <v>2.2053048262628447</v>
      </c>
    </row>
    <row r="18" spans="1:29" x14ac:dyDescent="0.4">
      <c r="A18">
        <v>15</v>
      </c>
      <c r="B18">
        <f t="shared" si="0"/>
        <v>0.5</v>
      </c>
      <c r="C18">
        <v>477.14648</v>
      </c>
      <c r="D18">
        <v>520.23310000000004</v>
      </c>
      <c r="E18">
        <v>0.91081089999999998</v>
      </c>
      <c r="F18">
        <v>610.57150000000001</v>
      </c>
      <c r="G18">
        <v>464.33605999999997</v>
      </c>
      <c r="H18">
        <v>0.91906160000000003</v>
      </c>
      <c r="I18">
        <v>591.67190000000005</v>
      </c>
      <c r="J18">
        <v>608.07574</v>
      </c>
      <c r="K18">
        <v>0.87113845000000001</v>
      </c>
      <c r="L18">
        <f t="shared" si="1"/>
        <v>559.79662666666661</v>
      </c>
      <c r="M18">
        <f t="shared" si="2"/>
        <v>530.8816333333333</v>
      </c>
      <c r="N18">
        <f t="shared" si="8"/>
        <v>-14.760531631258864</v>
      </c>
      <c r="O18">
        <f t="shared" si="3"/>
        <v>1.9041681674668172</v>
      </c>
      <c r="Q18">
        <v>1207.7176999999999</v>
      </c>
      <c r="R18">
        <v>522.05830000000003</v>
      </c>
      <c r="S18">
        <v>0.92317724000000001</v>
      </c>
      <c r="T18">
        <v>1328.0255999999999</v>
      </c>
      <c r="U18">
        <v>442.70370000000003</v>
      </c>
      <c r="V18">
        <v>0.92342513999999998</v>
      </c>
      <c r="W18">
        <v>1334.9485</v>
      </c>
      <c r="X18">
        <v>587.37414999999999</v>
      </c>
      <c r="Y18">
        <v>0.88996964999999995</v>
      </c>
      <c r="Z18">
        <f t="shared" si="4"/>
        <v>1290.2306000000001</v>
      </c>
      <c r="AA18">
        <f t="shared" si="5"/>
        <v>517.37871666666672</v>
      </c>
      <c r="AB18">
        <f t="shared" si="6"/>
        <v>15.01375901475342</v>
      </c>
      <c r="AC18">
        <f t="shared" si="7"/>
        <v>2.206059803782451</v>
      </c>
    </row>
    <row r="19" spans="1:29" x14ac:dyDescent="0.4">
      <c r="A19">
        <v>16</v>
      </c>
      <c r="B19">
        <f t="shared" si="0"/>
        <v>0.53333333333333333</v>
      </c>
      <c r="C19">
        <v>477.36399999999998</v>
      </c>
      <c r="D19">
        <v>520.24649999999997</v>
      </c>
      <c r="E19">
        <v>0.90274215000000002</v>
      </c>
      <c r="F19">
        <v>610.67690000000005</v>
      </c>
      <c r="G19">
        <v>464.32913000000002</v>
      </c>
      <c r="H19">
        <v>0.92961899999999997</v>
      </c>
      <c r="I19">
        <v>591.81809999999996</v>
      </c>
      <c r="J19">
        <v>608.11410000000001</v>
      </c>
      <c r="K19">
        <v>0.85942390000000002</v>
      </c>
      <c r="L19">
        <f t="shared" si="1"/>
        <v>559.95299999999997</v>
      </c>
      <c r="M19">
        <f t="shared" si="2"/>
        <v>530.89657666666665</v>
      </c>
      <c r="N19">
        <f t="shared" si="8"/>
        <v>-14.754232773434746</v>
      </c>
      <c r="O19">
        <f t="shared" si="3"/>
        <v>1.9035061974153364</v>
      </c>
      <c r="Q19">
        <v>1207.6515999999999</v>
      </c>
      <c r="R19">
        <v>522.11130000000003</v>
      </c>
      <c r="S19">
        <v>0.93369734000000004</v>
      </c>
      <c r="T19">
        <v>1327.8544999999999</v>
      </c>
      <c r="U19">
        <v>442.68427000000003</v>
      </c>
      <c r="V19">
        <v>0.91040169999999998</v>
      </c>
      <c r="W19">
        <v>1334.8422</v>
      </c>
      <c r="X19">
        <v>587.41907000000003</v>
      </c>
      <c r="Y19">
        <v>0.89737290000000003</v>
      </c>
      <c r="Z19">
        <f t="shared" si="4"/>
        <v>1290.1161</v>
      </c>
      <c r="AA19">
        <f t="shared" si="5"/>
        <v>517.40488000000005</v>
      </c>
      <c r="AB19">
        <f t="shared" si="6"/>
        <v>15.009033004084259</v>
      </c>
      <c r="AC19">
        <f t="shared" si="7"/>
        <v>2.2050319607814592</v>
      </c>
    </row>
    <row r="20" spans="1:29" x14ac:dyDescent="0.4">
      <c r="A20">
        <v>17</v>
      </c>
      <c r="B20">
        <f t="shared" si="0"/>
        <v>0.56666666666666665</v>
      </c>
      <c r="C20">
        <v>477.44632000000001</v>
      </c>
      <c r="D20">
        <v>520.30330000000004</v>
      </c>
      <c r="E20">
        <v>0.90251594999999996</v>
      </c>
      <c r="F20">
        <v>610.89970000000005</v>
      </c>
      <c r="G20">
        <v>464.17750000000001</v>
      </c>
      <c r="H20">
        <v>0.92377244999999997</v>
      </c>
      <c r="I20">
        <v>591.87130000000002</v>
      </c>
      <c r="J20">
        <v>608.08069999999998</v>
      </c>
      <c r="K20">
        <v>0.85964686000000001</v>
      </c>
      <c r="L20">
        <f t="shared" si="1"/>
        <v>560.07244000000003</v>
      </c>
      <c r="M20">
        <f t="shared" si="2"/>
        <v>530.85383333333334</v>
      </c>
      <c r="N20">
        <f t="shared" si="8"/>
        <v>-14.749404079844254</v>
      </c>
      <c r="O20">
        <f t="shared" si="3"/>
        <v>1.905211716946559</v>
      </c>
      <c r="Q20">
        <v>1207.6445000000001</v>
      </c>
      <c r="R20">
        <v>522.17129999999997</v>
      </c>
      <c r="S20">
        <v>0.93261530000000004</v>
      </c>
      <c r="T20">
        <v>1327.7491</v>
      </c>
      <c r="U20">
        <v>442.70834000000002</v>
      </c>
      <c r="V20">
        <v>0.89973663999999998</v>
      </c>
      <c r="W20">
        <v>1334.8969999999999</v>
      </c>
      <c r="X20">
        <v>587.44600000000003</v>
      </c>
      <c r="Y20">
        <v>0.89029049999999998</v>
      </c>
      <c r="Z20">
        <f t="shared" si="4"/>
        <v>1290.0968666666668</v>
      </c>
      <c r="AA20">
        <f t="shared" si="5"/>
        <v>517.44187999999997</v>
      </c>
      <c r="AB20">
        <f t="shared" si="6"/>
        <v>15.008228582598232</v>
      </c>
      <c r="AC20">
        <f t="shared" si="7"/>
        <v>2.2035282861094649</v>
      </c>
    </row>
    <row r="21" spans="1:29" x14ac:dyDescent="0.4">
      <c r="A21">
        <v>18</v>
      </c>
      <c r="B21">
        <f t="shared" si="0"/>
        <v>0.6</v>
      </c>
      <c r="C21">
        <v>477.51486</v>
      </c>
      <c r="D21">
        <v>520.23910000000001</v>
      </c>
      <c r="E21">
        <v>0.90534870000000001</v>
      </c>
      <c r="F21">
        <v>611.08209999999997</v>
      </c>
      <c r="G21">
        <v>464.13380000000001</v>
      </c>
      <c r="H21">
        <v>0.92668030000000001</v>
      </c>
      <c r="I21">
        <v>591.8682</v>
      </c>
      <c r="J21">
        <v>608.02689999999996</v>
      </c>
      <c r="K21">
        <v>0.85674655</v>
      </c>
      <c r="L21">
        <f t="shared" si="1"/>
        <v>560.15505333333329</v>
      </c>
      <c r="M21">
        <f t="shared" si="2"/>
        <v>530.79993333333334</v>
      </c>
      <c r="N21">
        <f t="shared" si="8"/>
        <v>-14.746056322072677</v>
      </c>
      <c r="O21">
        <f t="shared" si="3"/>
        <v>1.9073849550707913</v>
      </c>
      <c r="Q21">
        <v>1207.5657000000001</v>
      </c>
      <c r="R21">
        <v>522.11914000000002</v>
      </c>
      <c r="S21">
        <v>0.94003992999999997</v>
      </c>
      <c r="T21">
        <v>1327.6102000000001</v>
      </c>
      <c r="U21">
        <v>442.71071999999998</v>
      </c>
      <c r="V21">
        <v>0.90130699999999997</v>
      </c>
      <c r="W21">
        <v>1334.8018</v>
      </c>
      <c r="X21">
        <v>587.49132999999995</v>
      </c>
      <c r="Y21">
        <v>0.89969840000000001</v>
      </c>
      <c r="Z21">
        <f t="shared" si="4"/>
        <v>1289.9925666666668</v>
      </c>
      <c r="AA21">
        <f t="shared" si="5"/>
        <v>517.44039666666674</v>
      </c>
      <c r="AB21">
        <f t="shared" si="6"/>
        <v>15.003931797147242</v>
      </c>
      <c r="AC21">
        <f t="shared" si="7"/>
        <v>2.2036254636699213</v>
      </c>
    </row>
    <row r="22" spans="1:29" x14ac:dyDescent="0.4">
      <c r="A22">
        <v>19</v>
      </c>
      <c r="B22">
        <f t="shared" si="0"/>
        <v>0.6333333333333333</v>
      </c>
      <c r="C22">
        <v>477.69207999999998</v>
      </c>
      <c r="D22">
        <v>520.26440000000002</v>
      </c>
      <c r="E22">
        <v>0.89979606999999995</v>
      </c>
      <c r="F22">
        <v>611.26329999999996</v>
      </c>
      <c r="G22">
        <v>464.14832000000001</v>
      </c>
      <c r="H22">
        <v>0.93170666999999996</v>
      </c>
      <c r="I22">
        <v>592.20630000000006</v>
      </c>
      <c r="J22">
        <v>607.79309999999998</v>
      </c>
      <c r="K22">
        <v>0.8599907</v>
      </c>
      <c r="L22">
        <f t="shared" si="1"/>
        <v>560.38722666666661</v>
      </c>
      <c r="M22">
        <f t="shared" si="2"/>
        <v>530.73527333333334</v>
      </c>
      <c r="N22">
        <f t="shared" si="8"/>
        <v>-14.736675959446851</v>
      </c>
      <c r="O22">
        <f t="shared" si="3"/>
        <v>1.9099478991320464</v>
      </c>
      <c r="Q22">
        <v>1207.5984000000001</v>
      </c>
      <c r="R22">
        <v>522.06682999999998</v>
      </c>
      <c r="S22">
        <v>0.94157254999999995</v>
      </c>
      <c r="T22">
        <v>1327.4645</v>
      </c>
      <c r="U22">
        <v>442.74651999999998</v>
      </c>
      <c r="V22">
        <v>0.90595689999999995</v>
      </c>
      <c r="W22">
        <v>1334.742</v>
      </c>
      <c r="X22">
        <v>587.49834999999996</v>
      </c>
      <c r="Y22">
        <v>0.89673259999999999</v>
      </c>
      <c r="Z22">
        <f t="shared" si="4"/>
        <v>1289.9349666666667</v>
      </c>
      <c r="AA22">
        <f t="shared" si="5"/>
        <v>517.43723333333321</v>
      </c>
      <c r="AB22">
        <f t="shared" si="6"/>
        <v>15.001559649123998</v>
      </c>
      <c r="AC22">
        <f t="shared" si="7"/>
        <v>2.2037748242944954</v>
      </c>
    </row>
    <row r="23" spans="1:29" x14ac:dyDescent="0.4">
      <c r="A23">
        <v>20</v>
      </c>
      <c r="B23">
        <f t="shared" si="0"/>
        <v>0.66666666666666663</v>
      </c>
      <c r="C23">
        <v>477.84469999999999</v>
      </c>
      <c r="D23">
        <v>520.23755000000006</v>
      </c>
      <c r="E23">
        <v>0.89212539999999996</v>
      </c>
      <c r="F23">
        <v>611.40880000000004</v>
      </c>
      <c r="G23">
        <v>464.13965000000002</v>
      </c>
      <c r="H23">
        <v>0.92846220000000002</v>
      </c>
      <c r="I23">
        <v>592.24710000000005</v>
      </c>
      <c r="J23">
        <v>607.78309999999999</v>
      </c>
      <c r="K23">
        <v>0.86634946000000002</v>
      </c>
      <c r="L23">
        <f t="shared" si="1"/>
        <v>560.50020000000006</v>
      </c>
      <c r="M23">
        <f t="shared" si="2"/>
        <v>530.7201</v>
      </c>
      <c r="N23">
        <f t="shared" si="8"/>
        <v>-14.732116811362316</v>
      </c>
      <c r="O23">
        <f t="shared" si="3"/>
        <v>1.9105299284349229</v>
      </c>
      <c r="Q23">
        <v>1207.3868</v>
      </c>
      <c r="R23">
        <v>522.14200000000005</v>
      </c>
      <c r="S23">
        <v>0.95805910000000005</v>
      </c>
      <c r="T23">
        <v>1327.4164000000001</v>
      </c>
      <c r="U23">
        <v>442.69022000000001</v>
      </c>
      <c r="V23">
        <v>0.91182434999999995</v>
      </c>
      <c r="W23">
        <v>1334.7191</v>
      </c>
      <c r="X23">
        <v>587.52764999999999</v>
      </c>
      <c r="Y23">
        <v>0.89775199999999999</v>
      </c>
      <c r="Z23">
        <f t="shared" si="4"/>
        <v>1289.8407666666669</v>
      </c>
      <c r="AA23">
        <f t="shared" si="5"/>
        <v>517.45329000000004</v>
      </c>
      <c r="AB23">
        <f t="shared" si="6"/>
        <v>14.997673329384124</v>
      </c>
      <c r="AC23">
        <f t="shared" si="7"/>
        <v>2.2031524300462664</v>
      </c>
    </row>
    <row r="24" spans="1:29" x14ac:dyDescent="0.4">
      <c r="A24">
        <v>21</v>
      </c>
      <c r="B24">
        <f t="shared" si="0"/>
        <v>0.7</v>
      </c>
      <c r="C24">
        <v>477.91789999999997</v>
      </c>
      <c r="D24">
        <v>520.30493000000001</v>
      </c>
      <c r="E24">
        <v>0.88263139999999995</v>
      </c>
      <c r="F24">
        <v>611.52530000000002</v>
      </c>
      <c r="G24">
        <v>464.03992</v>
      </c>
      <c r="H24">
        <v>0.94249486999999998</v>
      </c>
      <c r="I24">
        <v>592.50210000000004</v>
      </c>
      <c r="J24">
        <v>607.69470000000001</v>
      </c>
      <c r="K24">
        <v>0.86771536000000005</v>
      </c>
      <c r="L24">
        <f t="shared" si="1"/>
        <v>560.64843333333329</v>
      </c>
      <c r="M24">
        <f t="shared" si="2"/>
        <v>530.67984999999999</v>
      </c>
      <c r="N24">
        <f t="shared" si="8"/>
        <v>-14.72612810655705</v>
      </c>
      <c r="O24">
        <f t="shared" si="3"/>
        <v>1.9121240950980918</v>
      </c>
      <c r="Q24">
        <v>1207.3467000000001</v>
      </c>
      <c r="R24">
        <v>522.20605</v>
      </c>
      <c r="S24">
        <v>0.94778220000000002</v>
      </c>
      <c r="T24">
        <v>1327.3028999999999</v>
      </c>
      <c r="U24">
        <v>442.71832000000001</v>
      </c>
      <c r="V24">
        <v>0.91543319999999995</v>
      </c>
      <c r="W24">
        <v>1334.5491</v>
      </c>
      <c r="X24">
        <v>587.43769999999995</v>
      </c>
      <c r="Y24">
        <v>0.89576800000000001</v>
      </c>
      <c r="Z24">
        <f t="shared" si="4"/>
        <v>1289.7329</v>
      </c>
      <c r="AA24">
        <f t="shared" si="5"/>
        <v>517.45402333333334</v>
      </c>
      <c r="AB24">
        <f t="shared" si="6"/>
        <v>14.9932289093687</v>
      </c>
      <c r="AC24">
        <f t="shared" si="7"/>
        <v>2.2031603696294422</v>
      </c>
    </row>
    <row r="25" spans="1:29" x14ac:dyDescent="0.4">
      <c r="A25">
        <v>22</v>
      </c>
      <c r="B25">
        <f t="shared" si="0"/>
        <v>0.73333333333333328</v>
      </c>
      <c r="C25">
        <v>478.01092999999997</v>
      </c>
      <c r="D25">
        <v>520.36255000000006</v>
      </c>
      <c r="E25">
        <v>0.88158166000000004</v>
      </c>
      <c r="F25">
        <v>611.55229999999995</v>
      </c>
      <c r="G25">
        <v>463.99417</v>
      </c>
      <c r="H25">
        <v>0.94914810000000005</v>
      </c>
      <c r="I25">
        <v>592.57240000000002</v>
      </c>
      <c r="J25">
        <v>607.65419999999995</v>
      </c>
      <c r="K25">
        <v>0.87062499999999998</v>
      </c>
      <c r="L25">
        <f t="shared" si="1"/>
        <v>560.71187666666663</v>
      </c>
      <c r="M25">
        <f t="shared" si="2"/>
        <v>530.67030666666665</v>
      </c>
      <c r="N25">
        <f t="shared" si="8"/>
        <v>-14.723567440429218</v>
      </c>
      <c r="O25">
        <f t="shared" si="3"/>
        <v>1.9124926888539588</v>
      </c>
      <c r="Q25">
        <v>1207.1338000000001</v>
      </c>
      <c r="R25">
        <v>522.21</v>
      </c>
      <c r="S25">
        <v>0.96164256000000004</v>
      </c>
      <c r="T25">
        <v>1327.2363</v>
      </c>
      <c r="U25">
        <v>442.6936</v>
      </c>
      <c r="V25">
        <v>0.92094105000000004</v>
      </c>
      <c r="W25">
        <v>1334.4827</v>
      </c>
      <c r="X25">
        <v>587.34870000000001</v>
      </c>
      <c r="Y25">
        <v>0.8978197</v>
      </c>
      <c r="Z25">
        <f t="shared" si="4"/>
        <v>1289.6176</v>
      </c>
      <c r="AA25">
        <f t="shared" si="5"/>
        <v>517.41743333333341</v>
      </c>
      <c r="AB25">
        <f t="shared" si="6"/>
        <v>14.988490338360684</v>
      </c>
      <c r="AC25">
        <f t="shared" si="7"/>
        <v>2.2046945468095194</v>
      </c>
    </row>
    <row r="26" spans="1:29" x14ac:dyDescent="0.4">
      <c r="A26">
        <v>23</v>
      </c>
      <c r="B26">
        <f t="shared" si="0"/>
        <v>0.76666666666666672</v>
      </c>
      <c r="C26">
        <v>478.16082999999998</v>
      </c>
      <c r="D26">
        <v>520.18669999999997</v>
      </c>
      <c r="E26">
        <v>0.88885236000000001</v>
      </c>
      <c r="F26">
        <v>611.59924000000001</v>
      </c>
      <c r="G26">
        <v>463.97030000000001</v>
      </c>
      <c r="H26">
        <v>0.94859400000000005</v>
      </c>
      <c r="I26">
        <v>592.71370000000002</v>
      </c>
      <c r="J26">
        <v>607.58704</v>
      </c>
      <c r="K26">
        <v>0.86614060000000004</v>
      </c>
      <c r="L26">
        <f t="shared" si="1"/>
        <v>560.82459000000006</v>
      </c>
      <c r="M26">
        <f t="shared" si="2"/>
        <v>530.58134666666672</v>
      </c>
      <c r="N26">
        <f t="shared" si="8"/>
        <v>-14.718994853598034</v>
      </c>
      <c r="O26">
        <f t="shared" si="3"/>
        <v>1.9160873694223008</v>
      </c>
      <c r="Q26">
        <v>1207.1293000000001</v>
      </c>
      <c r="R26">
        <v>522.21709999999996</v>
      </c>
      <c r="S26">
        <v>0.96005490000000004</v>
      </c>
      <c r="T26">
        <v>1327.1158</v>
      </c>
      <c r="U26">
        <v>442.66653000000002</v>
      </c>
      <c r="V26">
        <v>0.92119883999999996</v>
      </c>
      <c r="W26">
        <v>1334.4875</v>
      </c>
      <c r="X26">
        <v>587.30730000000005</v>
      </c>
      <c r="Y26">
        <v>0.89806819999999998</v>
      </c>
      <c r="Z26">
        <f t="shared" si="4"/>
        <v>1289.5775333333333</v>
      </c>
      <c r="AA26">
        <f t="shared" si="5"/>
        <v>517.39697666666677</v>
      </c>
      <c r="AB26">
        <f t="shared" si="6"/>
        <v>14.986846200289454</v>
      </c>
      <c r="AC26">
        <f t="shared" si="7"/>
        <v>2.205543705361809</v>
      </c>
    </row>
    <row r="27" spans="1:29" x14ac:dyDescent="0.4">
      <c r="A27">
        <v>24</v>
      </c>
      <c r="B27">
        <f t="shared" si="0"/>
        <v>0.8</v>
      </c>
      <c r="C27">
        <v>478.18220000000002</v>
      </c>
      <c r="D27">
        <v>520.10235999999998</v>
      </c>
      <c r="E27">
        <v>0.89285119999999996</v>
      </c>
      <c r="F27">
        <v>611.63585999999998</v>
      </c>
      <c r="G27">
        <v>463.8895</v>
      </c>
      <c r="H27">
        <v>0.94377489999999997</v>
      </c>
      <c r="I27">
        <v>592.9819</v>
      </c>
      <c r="J27">
        <v>607.5086</v>
      </c>
      <c r="K27">
        <v>0.87685380000000002</v>
      </c>
      <c r="L27">
        <f t="shared" si="1"/>
        <v>560.93331999999998</v>
      </c>
      <c r="M27">
        <f t="shared" si="2"/>
        <v>530.50015333333329</v>
      </c>
      <c r="N27">
        <f t="shared" si="8"/>
        <v>-14.714585344714529</v>
      </c>
      <c r="O27">
        <f t="shared" si="3"/>
        <v>1.9193662699066603</v>
      </c>
      <c r="Q27">
        <v>1207.0127</v>
      </c>
      <c r="R27">
        <v>522.1549</v>
      </c>
      <c r="S27">
        <v>0.95948219999999995</v>
      </c>
      <c r="T27">
        <v>1326.9321</v>
      </c>
      <c r="U27">
        <v>442.66214000000002</v>
      </c>
      <c r="V27">
        <v>0.92402399999999996</v>
      </c>
      <c r="W27">
        <v>1334.3143</v>
      </c>
      <c r="X27">
        <v>587.45874000000003</v>
      </c>
      <c r="Y27">
        <v>0.89614930000000004</v>
      </c>
      <c r="Z27">
        <f t="shared" si="4"/>
        <v>1289.4197000000001</v>
      </c>
      <c r="AA27">
        <f t="shared" si="5"/>
        <v>517.42525999999998</v>
      </c>
      <c r="AB27">
        <f t="shared" si="6"/>
        <v>14.980334248325518</v>
      </c>
      <c r="AC27">
        <f t="shared" si="7"/>
        <v>2.2044445322447799</v>
      </c>
    </row>
    <row r="28" spans="1:29" x14ac:dyDescent="0.4">
      <c r="A28">
        <v>25</v>
      </c>
      <c r="B28">
        <f t="shared" si="0"/>
        <v>0.83333333333333337</v>
      </c>
      <c r="C28">
        <v>478.26632999999998</v>
      </c>
      <c r="D28">
        <v>520.13340000000005</v>
      </c>
      <c r="E28">
        <v>0.88606673000000002</v>
      </c>
      <c r="F28">
        <v>611.66112999999996</v>
      </c>
      <c r="G28">
        <v>463.87137000000001</v>
      </c>
      <c r="H28">
        <v>0.94928944000000004</v>
      </c>
      <c r="I28">
        <v>593.01570000000004</v>
      </c>
      <c r="J28">
        <v>607.54219999999998</v>
      </c>
      <c r="K28">
        <v>0.89054584999999997</v>
      </c>
      <c r="L28">
        <f t="shared" si="1"/>
        <v>560.98105333333331</v>
      </c>
      <c r="M28">
        <f t="shared" si="2"/>
        <v>530.51565666666659</v>
      </c>
      <c r="N28">
        <f t="shared" si="8"/>
        <v>-14.712666080990882</v>
      </c>
      <c r="O28">
        <f t="shared" si="3"/>
        <v>1.9187174675472909</v>
      </c>
      <c r="Q28">
        <v>1206.9920999999999</v>
      </c>
      <c r="R28">
        <v>522.29944</v>
      </c>
      <c r="S28">
        <v>0.96574336000000005</v>
      </c>
      <c r="T28">
        <v>1326.7493999999999</v>
      </c>
      <c r="U28">
        <v>442.63576999999998</v>
      </c>
      <c r="V28">
        <v>0.94230694000000004</v>
      </c>
      <c r="W28">
        <v>1334.2266999999999</v>
      </c>
      <c r="X28">
        <v>587.37649999999996</v>
      </c>
      <c r="Y28">
        <v>0.89571339999999999</v>
      </c>
      <c r="Z28">
        <f t="shared" si="4"/>
        <v>1289.3227333333334</v>
      </c>
      <c r="AA28">
        <f t="shared" si="5"/>
        <v>517.43723666666665</v>
      </c>
      <c r="AB28">
        <f t="shared" si="6"/>
        <v>14.976335322463461</v>
      </c>
      <c r="AC28">
        <f t="shared" si="7"/>
        <v>2.203989663602159</v>
      </c>
    </row>
    <row r="29" spans="1:29" x14ac:dyDescent="0.4">
      <c r="A29">
        <v>26</v>
      </c>
      <c r="B29">
        <f t="shared" si="0"/>
        <v>0.8666666666666667</v>
      </c>
      <c r="C29">
        <v>478.31097</v>
      </c>
      <c r="D29">
        <v>520.18005000000005</v>
      </c>
      <c r="E29">
        <v>0.88315164999999995</v>
      </c>
      <c r="F29">
        <v>611.71825999999999</v>
      </c>
      <c r="G29">
        <v>463.83035000000001</v>
      </c>
      <c r="H29">
        <v>0.94231209999999999</v>
      </c>
      <c r="I29">
        <v>593.1644</v>
      </c>
      <c r="J29">
        <v>607.46879999999999</v>
      </c>
      <c r="K29">
        <v>0.90179735000000005</v>
      </c>
      <c r="L29">
        <f t="shared" si="1"/>
        <v>561.0645433333334</v>
      </c>
      <c r="M29">
        <f t="shared" si="2"/>
        <v>530.49306666666678</v>
      </c>
      <c r="N29">
        <f t="shared" si="8"/>
        <v>-14.709293021182017</v>
      </c>
      <c r="O29">
        <f t="shared" si="3"/>
        <v>1.9196120804051966</v>
      </c>
      <c r="Q29">
        <v>1206.9474</v>
      </c>
      <c r="R29">
        <v>522.41503999999998</v>
      </c>
      <c r="S29">
        <v>0.96318700000000002</v>
      </c>
      <c r="T29">
        <v>1326.6026999999999</v>
      </c>
      <c r="U29">
        <v>442.62182999999999</v>
      </c>
      <c r="V29">
        <v>0.94543463000000005</v>
      </c>
      <c r="W29">
        <v>1334.1047000000001</v>
      </c>
      <c r="X29">
        <v>587.31006000000002</v>
      </c>
      <c r="Y29">
        <v>0.90126835999999999</v>
      </c>
      <c r="Z29">
        <f t="shared" si="4"/>
        <v>1289.2182666666668</v>
      </c>
      <c r="AA29">
        <f t="shared" si="5"/>
        <v>517.44897666666668</v>
      </c>
      <c r="AB29">
        <f t="shared" si="6"/>
        <v>14.972027484621325</v>
      </c>
      <c r="AC29">
        <f t="shared" si="7"/>
        <v>2.2035470893647902</v>
      </c>
    </row>
    <row r="30" spans="1:29" x14ac:dyDescent="0.4">
      <c r="A30">
        <v>27</v>
      </c>
      <c r="B30">
        <f t="shared" si="0"/>
        <v>0.9</v>
      </c>
      <c r="C30">
        <v>478.42714999999998</v>
      </c>
      <c r="D30">
        <v>520.20183999999995</v>
      </c>
      <c r="E30">
        <v>0.87227750000000004</v>
      </c>
      <c r="F30">
        <v>611.76340000000005</v>
      </c>
      <c r="G30">
        <v>463.80344000000002</v>
      </c>
      <c r="H30">
        <v>0.94424313000000004</v>
      </c>
      <c r="I30">
        <v>593.25450000000001</v>
      </c>
      <c r="J30">
        <v>607.45087000000001</v>
      </c>
      <c r="K30">
        <v>0.90670729999999999</v>
      </c>
      <c r="L30">
        <f t="shared" si="1"/>
        <v>561.14835000000005</v>
      </c>
      <c r="M30">
        <f t="shared" si="2"/>
        <v>530.48538333333329</v>
      </c>
      <c r="N30">
        <f t="shared" si="8"/>
        <v>-14.70591201043862</v>
      </c>
      <c r="O30">
        <f t="shared" si="3"/>
        <v>1.9198979784468957</v>
      </c>
      <c r="Q30">
        <v>1206.79</v>
      </c>
      <c r="R30">
        <v>522.42370000000005</v>
      </c>
      <c r="S30">
        <v>0.97190589999999999</v>
      </c>
      <c r="T30">
        <v>1326.4264000000001</v>
      </c>
      <c r="U30">
        <v>442.56186000000002</v>
      </c>
      <c r="V30">
        <v>0.94604069999999996</v>
      </c>
      <c r="W30">
        <v>1334.0028</v>
      </c>
      <c r="X30">
        <v>587.28139999999996</v>
      </c>
      <c r="Y30">
        <v>0.90716492999999998</v>
      </c>
      <c r="Z30">
        <f t="shared" si="4"/>
        <v>1289.0730666666668</v>
      </c>
      <c r="AA30">
        <f t="shared" si="5"/>
        <v>517.42232000000001</v>
      </c>
      <c r="AB30">
        <f t="shared" si="6"/>
        <v>14.966053892148086</v>
      </c>
      <c r="AC30">
        <f t="shared" si="7"/>
        <v>2.2046862609614495</v>
      </c>
    </row>
    <row r="31" spans="1:29" x14ac:dyDescent="0.4">
      <c r="A31">
        <v>28</v>
      </c>
      <c r="B31">
        <f t="shared" si="0"/>
        <v>0.93333333333333335</v>
      </c>
      <c r="C31">
        <v>478.59866</v>
      </c>
      <c r="D31">
        <v>520.24805000000003</v>
      </c>
      <c r="E31">
        <v>0.86690219999999996</v>
      </c>
      <c r="F31">
        <v>611.92809999999997</v>
      </c>
      <c r="G31">
        <v>463.83715999999998</v>
      </c>
      <c r="H31">
        <v>0.94776709999999997</v>
      </c>
      <c r="I31">
        <v>593.29060000000004</v>
      </c>
      <c r="J31">
        <v>607.45159999999998</v>
      </c>
      <c r="K31">
        <v>0.91376999999999997</v>
      </c>
      <c r="L31">
        <f t="shared" si="1"/>
        <v>561.27245333333337</v>
      </c>
      <c r="M31">
        <f t="shared" si="2"/>
        <v>530.51227000000006</v>
      </c>
      <c r="N31">
        <f t="shared" si="8"/>
        <v>-14.700917677821153</v>
      </c>
      <c r="O31">
        <f t="shared" si="3"/>
        <v>1.918759086265049</v>
      </c>
      <c r="Q31">
        <v>1206.7630999999999</v>
      </c>
      <c r="R31">
        <v>522.42460000000005</v>
      </c>
      <c r="S31">
        <v>0.97728110000000001</v>
      </c>
      <c r="T31">
        <v>1326.3326</v>
      </c>
      <c r="U31">
        <v>442.46447999999998</v>
      </c>
      <c r="V31">
        <v>0.93341684000000003</v>
      </c>
      <c r="W31">
        <v>1333.9241</v>
      </c>
      <c r="X31">
        <v>587.23940000000005</v>
      </c>
      <c r="Y31">
        <v>0.91585729999999999</v>
      </c>
      <c r="Z31">
        <f t="shared" si="4"/>
        <v>1289.0065999999999</v>
      </c>
      <c r="AA31">
        <f t="shared" si="5"/>
        <v>517.37616000000003</v>
      </c>
      <c r="AB31">
        <f t="shared" si="6"/>
        <v>14.963330434080659</v>
      </c>
      <c r="AC31">
        <f t="shared" si="7"/>
        <v>2.2065939595396191</v>
      </c>
    </row>
    <row r="32" spans="1:29" x14ac:dyDescent="0.4">
      <c r="A32">
        <v>29</v>
      </c>
      <c r="B32">
        <f t="shared" si="0"/>
        <v>0.96666666666666667</v>
      </c>
      <c r="C32">
        <v>478.57567999999998</v>
      </c>
      <c r="D32">
        <v>520.37725999999998</v>
      </c>
      <c r="E32">
        <v>0.86476624000000002</v>
      </c>
      <c r="F32">
        <v>612.05529999999999</v>
      </c>
      <c r="G32">
        <v>463.7405</v>
      </c>
      <c r="H32">
        <v>0.94148767</v>
      </c>
      <c r="I32">
        <v>593.37665000000004</v>
      </c>
      <c r="J32">
        <v>607.50256000000002</v>
      </c>
      <c r="K32">
        <v>0.90452604999999997</v>
      </c>
      <c r="L32">
        <f t="shared" si="1"/>
        <v>561.33587666666665</v>
      </c>
      <c r="M32">
        <f t="shared" si="2"/>
        <v>530.5401066666667</v>
      </c>
      <c r="N32">
        <f t="shared" si="8"/>
        <v>-14.698369864999085</v>
      </c>
      <c r="O32">
        <f t="shared" si="3"/>
        <v>1.9176015335934908</v>
      </c>
      <c r="Q32">
        <v>1206.5989999999999</v>
      </c>
      <c r="R32">
        <v>522.55939999999998</v>
      </c>
      <c r="S32">
        <v>0.97093949999999996</v>
      </c>
      <c r="T32">
        <v>1326.2164</v>
      </c>
      <c r="U32">
        <v>442.63855000000001</v>
      </c>
      <c r="V32">
        <v>0.95690319999999995</v>
      </c>
      <c r="W32">
        <v>1333.8212000000001</v>
      </c>
      <c r="X32">
        <v>587.24609999999996</v>
      </c>
      <c r="Y32">
        <v>0.92019445</v>
      </c>
      <c r="Z32">
        <f t="shared" si="4"/>
        <v>1288.8788666666667</v>
      </c>
      <c r="AA32">
        <f t="shared" si="5"/>
        <v>517.48135000000002</v>
      </c>
      <c r="AB32">
        <f t="shared" si="6"/>
        <v>14.958033783185904</v>
      </c>
      <c r="AC32">
        <f t="shared" si="7"/>
        <v>2.2023447013031472</v>
      </c>
    </row>
    <row r="33" spans="1:29" x14ac:dyDescent="0.4">
      <c r="A33">
        <v>30</v>
      </c>
      <c r="B33">
        <f t="shared" si="0"/>
        <v>1</v>
      </c>
      <c r="C33">
        <v>478.54129999999998</v>
      </c>
      <c r="D33">
        <v>520.50170000000003</v>
      </c>
      <c r="E33">
        <v>0.85723559999999999</v>
      </c>
      <c r="F33">
        <v>612.15686000000005</v>
      </c>
      <c r="G33">
        <v>463.76846</v>
      </c>
      <c r="H33">
        <v>0.94404953999999996</v>
      </c>
      <c r="I33">
        <v>593.52544999999998</v>
      </c>
      <c r="J33">
        <v>607.54296999999997</v>
      </c>
      <c r="K33">
        <v>0.90306794999999995</v>
      </c>
      <c r="L33">
        <f t="shared" si="1"/>
        <v>561.40787</v>
      </c>
      <c r="M33">
        <f t="shared" si="2"/>
        <v>530.60437666666667</v>
      </c>
      <c r="N33">
        <f t="shared" si="8"/>
        <v>-14.695488347944355</v>
      </c>
      <c r="O33">
        <f t="shared" si="3"/>
        <v>1.9149536360959072</v>
      </c>
      <c r="Q33">
        <v>1206.4866</v>
      </c>
      <c r="R33">
        <v>522.58489999999995</v>
      </c>
      <c r="S33">
        <v>0.96902007000000001</v>
      </c>
      <c r="T33">
        <v>1326.0842</v>
      </c>
      <c r="U33">
        <v>442.58353</v>
      </c>
      <c r="V33">
        <v>0.94863682999999999</v>
      </c>
      <c r="W33">
        <v>1333.6795999999999</v>
      </c>
      <c r="X33">
        <v>587.23175000000003</v>
      </c>
      <c r="Y33">
        <v>0.91915756000000004</v>
      </c>
      <c r="Z33">
        <f t="shared" si="4"/>
        <v>1288.7501333333332</v>
      </c>
      <c r="AA33">
        <f t="shared" si="5"/>
        <v>517.46672666666666</v>
      </c>
      <c r="AB33">
        <f t="shared" si="6"/>
        <v>14.952734769467488</v>
      </c>
      <c r="AC33">
        <f t="shared" si="7"/>
        <v>2.2029868607511336</v>
      </c>
    </row>
    <row r="34" spans="1:29" x14ac:dyDescent="0.4">
      <c r="A34">
        <v>31</v>
      </c>
      <c r="B34">
        <f t="shared" si="0"/>
        <v>1.0333333333333334</v>
      </c>
      <c r="C34">
        <v>478.62259999999998</v>
      </c>
      <c r="D34">
        <v>520.36084000000005</v>
      </c>
      <c r="E34">
        <v>0.8650658</v>
      </c>
      <c r="F34">
        <v>612.21642999999995</v>
      </c>
      <c r="G34">
        <v>463.84163999999998</v>
      </c>
      <c r="H34">
        <v>0.95118535000000004</v>
      </c>
      <c r="I34">
        <v>593.58325000000002</v>
      </c>
      <c r="J34">
        <v>607.57996000000003</v>
      </c>
      <c r="K34">
        <v>0.89638819999999997</v>
      </c>
      <c r="L34">
        <f t="shared" si="1"/>
        <v>561.47409333333326</v>
      </c>
      <c r="M34">
        <f t="shared" si="2"/>
        <v>530.59414666666669</v>
      </c>
      <c r="N34">
        <f t="shared" si="8"/>
        <v>-14.69281532867482</v>
      </c>
      <c r="O34">
        <f t="shared" si="3"/>
        <v>1.9153493414145577</v>
      </c>
      <c r="Q34">
        <v>1206.4811999999999</v>
      </c>
      <c r="R34">
        <v>522.70389999999998</v>
      </c>
      <c r="S34">
        <v>0.97852534000000002</v>
      </c>
      <c r="T34">
        <v>1326.1651999999999</v>
      </c>
      <c r="U34">
        <v>442.73147999999998</v>
      </c>
      <c r="V34">
        <v>0.95465213000000004</v>
      </c>
      <c r="W34">
        <v>1333.6134999999999</v>
      </c>
      <c r="X34">
        <v>587.22059999999999</v>
      </c>
      <c r="Y34">
        <v>0.92185439999999996</v>
      </c>
      <c r="Z34">
        <f t="shared" si="4"/>
        <v>1288.7532999999999</v>
      </c>
      <c r="AA34">
        <f t="shared" si="5"/>
        <v>517.55199333333337</v>
      </c>
      <c r="AB34">
        <f t="shared" si="6"/>
        <v>14.952837610135512</v>
      </c>
      <c r="AC34">
        <f t="shared" si="7"/>
        <v>2.1995049567542519</v>
      </c>
    </row>
    <row r="35" spans="1:29" x14ac:dyDescent="0.4">
      <c r="A35">
        <v>32</v>
      </c>
      <c r="B35">
        <f t="shared" si="0"/>
        <v>1.0666666666666667</v>
      </c>
      <c r="C35">
        <v>478.81</v>
      </c>
      <c r="D35">
        <v>520.35680000000002</v>
      </c>
      <c r="E35">
        <v>0.85695714000000001</v>
      </c>
      <c r="F35">
        <v>612.23580000000004</v>
      </c>
      <c r="G35">
        <v>463.89596999999998</v>
      </c>
      <c r="H35">
        <v>0.94701785000000005</v>
      </c>
      <c r="I35">
        <v>593.88930000000005</v>
      </c>
      <c r="J35">
        <v>607.57135000000005</v>
      </c>
      <c r="K35">
        <v>0.90137272999999996</v>
      </c>
      <c r="L35">
        <f t="shared" si="1"/>
        <v>561.64503333333334</v>
      </c>
      <c r="M35">
        <f t="shared" si="2"/>
        <v>530.60804000000007</v>
      </c>
      <c r="N35">
        <f t="shared" si="8"/>
        <v>-14.68592857173393</v>
      </c>
      <c r="O35">
        <f t="shared" si="3"/>
        <v>1.9147254039630257</v>
      </c>
      <c r="Q35">
        <v>1206.2809</v>
      </c>
      <c r="R35">
        <v>522.85320000000002</v>
      </c>
      <c r="S35">
        <v>0.98926663000000004</v>
      </c>
      <c r="T35">
        <v>1325.9007999999999</v>
      </c>
      <c r="U35">
        <v>442.76967999999999</v>
      </c>
      <c r="V35">
        <v>0.94895375000000004</v>
      </c>
      <c r="W35">
        <v>1333.5723</v>
      </c>
      <c r="X35">
        <v>587.30629999999996</v>
      </c>
      <c r="Y35">
        <v>0.91888150000000002</v>
      </c>
      <c r="Z35">
        <f t="shared" si="4"/>
        <v>1288.5846666666666</v>
      </c>
      <c r="AA35">
        <f t="shared" si="5"/>
        <v>517.64305999999999</v>
      </c>
      <c r="AB35">
        <f t="shared" si="6"/>
        <v>14.945860524878649</v>
      </c>
      <c r="AC35">
        <f t="shared" si="7"/>
        <v>2.1958465995074006</v>
      </c>
    </row>
    <row r="36" spans="1:29" x14ac:dyDescent="0.4">
      <c r="A36">
        <v>33</v>
      </c>
      <c r="B36">
        <f t="shared" si="0"/>
        <v>1.1000000000000001</v>
      </c>
      <c r="C36">
        <v>479.10939999999999</v>
      </c>
      <c r="D36">
        <v>520.46759999999995</v>
      </c>
      <c r="E36">
        <v>0.85341180000000005</v>
      </c>
      <c r="F36">
        <v>612.38139999999999</v>
      </c>
      <c r="G36">
        <v>463.74524000000002</v>
      </c>
      <c r="H36">
        <v>0.93765414000000002</v>
      </c>
      <c r="I36">
        <v>594.05719999999997</v>
      </c>
      <c r="J36">
        <v>607.48095999999998</v>
      </c>
      <c r="K36">
        <v>0.90780419999999995</v>
      </c>
      <c r="L36">
        <f t="shared" si="1"/>
        <v>561.84933333333333</v>
      </c>
      <c r="M36">
        <f t="shared" si="2"/>
        <v>530.56460000000004</v>
      </c>
      <c r="N36">
        <f t="shared" si="8"/>
        <v>-14.677678345894686</v>
      </c>
      <c r="O36">
        <f t="shared" si="3"/>
        <v>1.9164312082471289</v>
      </c>
      <c r="Q36">
        <v>1206.2107000000001</v>
      </c>
      <c r="R36">
        <v>522.93430000000001</v>
      </c>
      <c r="S36">
        <v>0.98090370000000005</v>
      </c>
      <c r="T36">
        <v>1325.8253999999999</v>
      </c>
      <c r="U36">
        <v>442.79140000000001</v>
      </c>
      <c r="V36">
        <v>0.94674990000000003</v>
      </c>
      <c r="W36">
        <v>1333.4177999999999</v>
      </c>
      <c r="X36">
        <v>587.20820000000003</v>
      </c>
      <c r="Y36">
        <v>0.92370229999999998</v>
      </c>
      <c r="Z36">
        <f t="shared" si="4"/>
        <v>1288.4846333333335</v>
      </c>
      <c r="AA36">
        <f t="shared" si="5"/>
        <v>517.64463333333333</v>
      </c>
      <c r="AB36">
        <f t="shared" si="6"/>
        <v>14.941738724109554</v>
      </c>
      <c r="AC36">
        <f t="shared" si="7"/>
        <v>2.1958174942246114</v>
      </c>
    </row>
    <row r="37" spans="1:29" x14ac:dyDescent="0.4">
      <c r="A37">
        <v>34</v>
      </c>
      <c r="B37">
        <f t="shared" si="0"/>
        <v>1.1333333333333333</v>
      </c>
      <c r="C37">
        <v>479.16104000000001</v>
      </c>
      <c r="D37">
        <v>520.48519999999996</v>
      </c>
      <c r="E37">
        <v>0.85709869999999999</v>
      </c>
      <c r="F37">
        <v>612.51840000000004</v>
      </c>
      <c r="G37">
        <v>463.75418000000002</v>
      </c>
      <c r="H37">
        <v>0.94876033000000004</v>
      </c>
      <c r="I37">
        <v>594.23535000000004</v>
      </c>
      <c r="J37">
        <v>607.51049999999998</v>
      </c>
      <c r="K37">
        <v>0.90859000000000001</v>
      </c>
      <c r="L37">
        <f t="shared" si="1"/>
        <v>561.97159666666676</v>
      </c>
      <c r="M37">
        <f t="shared" si="2"/>
        <v>530.58329333333324</v>
      </c>
      <c r="N37">
        <f t="shared" si="8"/>
        <v>-14.672755434556517</v>
      </c>
      <c r="O37">
        <f t="shared" si="3"/>
        <v>1.9156274409577041</v>
      </c>
      <c r="Q37">
        <v>1206.2494999999999</v>
      </c>
      <c r="R37">
        <v>523.03200000000004</v>
      </c>
      <c r="S37">
        <v>0.99326619999999999</v>
      </c>
      <c r="T37">
        <v>1325.7192</v>
      </c>
      <c r="U37">
        <v>442.75360000000001</v>
      </c>
      <c r="V37">
        <v>0.96566660000000004</v>
      </c>
      <c r="W37">
        <v>1333.3539000000001</v>
      </c>
      <c r="X37">
        <v>587.19140000000004</v>
      </c>
      <c r="Y37">
        <v>0.92104509999999995</v>
      </c>
      <c r="Z37">
        <f t="shared" si="4"/>
        <v>1288.4408666666666</v>
      </c>
      <c r="AA37">
        <f t="shared" si="5"/>
        <v>517.65899999999999</v>
      </c>
      <c r="AB37">
        <f t="shared" si="6"/>
        <v>14.93993092290132</v>
      </c>
      <c r="AC37">
        <f t="shared" si="7"/>
        <v>2.1952463777272095</v>
      </c>
    </row>
    <row r="38" spans="1:29" x14ac:dyDescent="0.4">
      <c r="A38">
        <v>35</v>
      </c>
      <c r="B38">
        <f t="shared" si="0"/>
        <v>1.1666666666666667</v>
      </c>
      <c r="C38">
        <v>479.18770000000001</v>
      </c>
      <c r="D38">
        <v>520.52980000000002</v>
      </c>
      <c r="E38">
        <v>0.86073434000000004</v>
      </c>
      <c r="F38">
        <v>612.59186</v>
      </c>
      <c r="G38">
        <v>463.69896999999997</v>
      </c>
      <c r="H38">
        <v>0.93688433999999998</v>
      </c>
      <c r="I38">
        <v>594.27269999999999</v>
      </c>
      <c r="J38">
        <v>607.54236000000003</v>
      </c>
      <c r="K38">
        <v>0.917242</v>
      </c>
      <c r="L38">
        <f t="shared" si="1"/>
        <v>562.01742000000002</v>
      </c>
      <c r="M38">
        <f t="shared" si="2"/>
        <v>530.59037666666666</v>
      </c>
      <c r="N38">
        <f t="shared" si="8"/>
        <v>-14.670910386495814</v>
      </c>
      <c r="O38">
        <f t="shared" si="3"/>
        <v>1.9153230424565746</v>
      </c>
      <c r="Q38">
        <v>1206.0992000000001</v>
      </c>
      <c r="R38">
        <v>523.04265999999996</v>
      </c>
      <c r="S38">
        <v>0.98715339999999996</v>
      </c>
      <c r="T38">
        <v>1325.6190999999999</v>
      </c>
      <c r="U38">
        <v>442.74279999999999</v>
      </c>
      <c r="V38">
        <v>0.96211270000000004</v>
      </c>
      <c r="W38">
        <v>1333.3488</v>
      </c>
      <c r="X38">
        <v>587.16405999999995</v>
      </c>
      <c r="Y38">
        <v>0.92183435000000002</v>
      </c>
      <c r="Z38">
        <f t="shared" si="4"/>
        <v>1288.3557000000001</v>
      </c>
      <c r="AA38">
        <f t="shared" si="5"/>
        <v>517.64983999999993</v>
      </c>
      <c r="AB38">
        <f t="shared" si="6"/>
        <v>14.936425107994289</v>
      </c>
      <c r="AC38">
        <f t="shared" si="7"/>
        <v>2.1956502137527063</v>
      </c>
    </row>
    <row r="39" spans="1:29" x14ac:dyDescent="0.4">
      <c r="A39">
        <v>36</v>
      </c>
      <c r="B39">
        <f t="shared" si="0"/>
        <v>1.2</v>
      </c>
      <c r="C39">
        <v>479.35266000000001</v>
      </c>
      <c r="D39">
        <v>520.50379999999996</v>
      </c>
      <c r="E39">
        <v>0.85605279999999995</v>
      </c>
      <c r="F39">
        <v>612.65643</v>
      </c>
      <c r="G39">
        <v>463.70825000000002</v>
      </c>
      <c r="H39">
        <v>0.92978567000000001</v>
      </c>
      <c r="I39">
        <v>594.29970000000003</v>
      </c>
      <c r="J39">
        <v>607.46640000000002</v>
      </c>
      <c r="K39">
        <v>0.92252487000000005</v>
      </c>
      <c r="L39">
        <f t="shared" si="1"/>
        <v>562.10293000000001</v>
      </c>
      <c r="M39">
        <f t="shared" si="2"/>
        <v>530.55948333333333</v>
      </c>
      <c r="N39">
        <f t="shared" si="8"/>
        <v>-14.667453099266798</v>
      </c>
      <c r="O39">
        <f t="shared" si="3"/>
        <v>1.9165559924736335</v>
      </c>
      <c r="Q39">
        <v>1206.0350000000001</v>
      </c>
      <c r="R39">
        <v>523.21900000000005</v>
      </c>
      <c r="S39">
        <v>0.9920966</v>
      </c>
      <c r="T39">
        <v>1325.5242000000001</v>
      </c>
      <c r="U39">
        <v>442.69492000000002</v>
      </c>
      <c r="V39">
        <v>0.98530346000000002</v>
      </c>
      <c r="W39">
        <v>1333.2687000000001</v>
      </c>
      <c r="X39">
        <v>587.14380000000006</v>
      </c>
      <c r="Y39">
        <v>0.91929590000000005</v>
      </c>
      <c r="Z39">
        <f t="shared" si="4"/>
        <v>1288.2759666666668</v>
      </c>
      <c r="AA39">
        <f t="shared" si="5"/>
        <v>517.68590666666671</v>
      </c>
      <c r="AB39">
        <f t="shared" si="6"/>
        <v>14.933128496981048</v>
      </c>
      <c r="AC39">
        <f t="shared" si="7"/>
        <v>2.1942058766981347</v>
      </c>
    </row>
    <row r="40" spans="1:29" x14ac:dyDescent="0.4">
      <c r="A40">
        <v>37</v>
      </c>
      <c r="B40">
        <f t="shared" si="0"/>
        <v>1.2333333333333334</v>
      </c>
      <c r="C40">
        <v>479.44869999999997</v>
      </c>
      <c r="D40">
        <v>520.61199999999997</v>
      </c>
      <c r="E40">
        <v>0.8584098</v>
      </c>
      <c r="F40">
        <v>612.79114000000004</v>
      </c>
      <c r="G40">
        <v>463.74103000000002</v>
      </c>
      <c r="H40">
        <v>0.93137336000000004</v>
      </c>
      <c r="I40">
        <v>594.50959999999998</v>
      </c>
      <c r="J40">
        <v>607.50340000000006</v>
      </c>
      <c r="K40">
        <v>0.93276345999999999</v>
      </c>
      <c r="L40">
        <f t="shared" si="1"/>
        <v>562.24981333333335</v>
      </c>
      <c r="M40">
        <f t="shared" si="2"/>
        <v>530.61881000000005</v>
      </c>
      <c r="N40">
        <f t="shared" si="8"/>
        <v>-14.661550750337771</v>
      </c>
      <c r="O40">
        <f t="shared" si="3"/>
        <v>1.9140850778393115</v>
      </c>
      <c r="Q40">
        <v>1205.8252</v>
      </c>
      <c r="R40">
        <v>523.32885999999996</v>
      </c>
      <c r="S40">
        <v>0.99640669999999998</v>
      </c>
      <c r="T40">
        <v>1325.3918000000001</v>
      </c>
      <c r="U40">
        <v>442.79700000000003</v>
      </c>
      <c r="V40">
        <v>0.98534286000000004</v>
      </c>
      <c r="W40">
        <v>1333.2437</v>
      </c>
      <c r="X40">
        <v>587.10400000000004</v>
      </c>
      <c r="Y40">
        <v>0.91647820000000002</v>
      </c>
      <c r="Z40">
        <f t="shared" si="4"/>
        <v>1288.1535666666666</v>
      </c>
      <c r="AA40">
        <f t="shared" si="5"/>
        <v>517.74328666666668</v>
      </c>
      <c r="AB40">
        <f t="shared" si="6"/>
        <v>14.928067176036494</v>
      </c>
      <c r="AC40">
        <f t="shared" si="7"/>
        <v>2.1919064549290104</v>
      </c>
    </row>
    <row r="41" spans="1:29" x14ac:dyDescent="0.4">
      <c r="A41">
        <v>38</v>
      </c>
      <c r="B41">
        <f t="shared" si="0"/>
        <v>1.2666666666666666</v>
      </c>
      <c r="C41">
        <v>479.59134</v>
      </c>
      <c r="D41">
        <v>520.68475000000001</v>
      </c>
      <c r="E41">
        <v>0.86506499999999997</v>
      </c>
      <c r="F41">
        <v>612.90809999999999</v>
      </c>
      <c r="G41">
        <v>463.72451999999998</v>
      </c>
      <c r="H41">
        <v>0.93360399999999999</v>
      </c>
      <c r="I41">
        <v>594.60990000000004</v>
      </c>
      <c r="J41">
        <v>607.42380000000003</v>
      </c>
      <c r="K41">
        <v>0.94137685999999998</v>
      </c>
      <c r="L41">
        <f t="shared" si="1"/>
        <v>562.36977999999999</v>
      </c>
      <c r="M41">
        <f t="shared" si="2"/>
        <v>530.61102333333338</v>
      </c>
      <c r="N41">
        <f t="shared" si="8"/>
        <v>-14.656711800898064</v>
      </c>
      <c r="O41">
        <f t="shared" si="3"/>
        <v>1.9143631977364097</v>
      </c>
      <c r="Q41">
        <v>1205.7551000000001</v>
      </c>
      <c r="R41">
        <v>523.47973999999999</v>
      </c>
      <c r="S41">
        <v>0.9936663</v>
      </c>
      <c r="T41">
        <v>1325.2698</v>
      </c>
      <c r="U41">
        <v>442.76436999999999</v>
      </c>
      <c r="V41">
        <v>0.98063856000000005</v>
      </c>
      <c r="W41">
        <v>1333.2765999999999</v>
      </c>
      <c r="X41">
        <v>587.17010000000005</v>
      </c>
      <c r="Y41">
        <v>0.92932725000000005</v>
      </c>
      <c r="Z41">
        <f t="shared" si="4"/>
        <v>1288.1005000000002</v>
      </c>
      <c r="AA41">
        <f t="shared" si="5"/>
        <v>517.8047366666666</v>
      </c>
      <c r="AB41">
        <f t="shared" si="6"/>
        <v>14.92586099161977</v>
      </c>
      <c r="AC41">
        <f t="shared" si="7"/>
        <v>2.1894165412256252</v>
      </c>
    </row>
    <row r="42" spans="1:29" x14ac:dyDescent="0.4">
      <c r="A42">
        <v>39</v>
      </c>
      <c r="B42">
        <f t="shared" si="0"/>
        <v>1.3</v>
      </c>
      <c r="C42">
        <v>479.75909999999999</v>
      </c>
      <c r="D42">
        <v>520.76964999999996</v>
      </c>
      <c r="E42">
        <v>0.87335633999999995</v>
      </c>
      <c r="F42">
        <v>612.99339999999995</v>
      </c>
      <c r="G42">
        <v>463.73610000000002</v>
      </c>
      <c r="H42">
        <v>0.93364846999999995</v>
      </c>
      <c r="I42">
        <v>594.77997000000005</v>
      </c>
      <c r="J42">
        <v>607.41283999999996</v>
      </c>
      <c r="K42">
        <v>0.94139649999999997</v>
      </c>
      <c r="L42">
        <f t="shared" si="1"/>
        <v>562.51082333333341</v>
      </c>
      <c r="M42">
        <f t="shared" si="2"/>
        <v>530.63953000000004</v>
      </c>
      <c r="N42">
        <f t="shared" si="8"/>
        <v>-14.651034871406935</v>
      </c>
      <c r="O42">
        <f t="shared" si="3"/>
        <v>1.9131525392677056</v>
      </c>
      <c r="Q42">
        <v>1205.6578</v>
      </c>
      <c r="R42">
        <v>523.48710000000005</v>
      </c>
      <c r="S42">
        <v>1</v>
      </c>
      <c r="T42">
        <v>1325.1729</v>
      </c>
      <c r="U42">
        <v>442.72840000000002</v>
      </c>
      <c r="V42">
        <v>0.97616804000000001</v>
      </c>
      <c r="W42">
        <v>1333.2248999999999</v>
      </c>
      <c r="X42">
        <v>587.12429999999995</v>
      </c>
      <c r="Y42">
        <v>0.92732999999999999</v>
      </c>
      <c r="Z42">
        <f t="shared" si="4"/>
        <v>1288.0185333333332</v>
      </c>
      <c r="AA42">
        <f t="shared" si="5"/>
        <v>517.77993333333336</v>
      </c>
      <c r="AB42">
        <f t="shared" si="6"/>
        <v>14.922492115232737</v>
      </c>
      <c r="AC42">
        <f t="shared" si="7"/>
        <v>2.1904578542444559</v>
      </c>
    </row>
    <row r="43" spans="1:29" x14ac:dyDescent="0.4">
      <c r="A43">
        <v>40</v>
      </c>
      <c r="B43">
        <f t="shared" si="0"/>
        <v>1.3333333333333333</v>
      </c>
      <c r="C43">
        <v>479.87704000000002</v>
      </c>
      <c r="D43">
        <v>520.87149999999997</v>
      </c>
      <c r="E43">
        <v>0.87133455000000004</v>
      </c>
      <c r="F43">
        <v>613.15989999999999</v>
      </c>
      <c r="G43">
        <v>463.81130000000002</v>
      </c>
      <c r="H43">
        <v>0.9324403</v>
      </c>
      <c r="I43">
        <v>594.89940000000001</v>
      </c>
      <c r="J43">
        <v>607.38915999999995</v>
      </c>
      <c r="K43">
        <v>0.94725110000000001</v>
      </c>
      <c r="L43">
        <f t="shared" si="1"/>
        <v>562.64544666666666</v>
      </c>
      <c r="M43">
        <f t="shared" si="2"/>
        <v>530.69065333333333</v>
      </c>
      <c r="N43">
        <f t="shared" si="8"/>
        <v>-14.645624059323609</v>
      </c>
      <c r="O43">
        <f t="shared" si="3"/>
        <v>1.9110206143671424</v>
      </c>
      <c r="Q43">
        <v>1205.5382999999999</v>
      </c>
      <c r="R43">
        <v>523.51085999999998</v>
      </c>
      <c r="S43">
        <v>1</v>
      </c>
      <c r="T43">
        <v>1325.0591999999999</v>
      </c>
      <c r="U43">
        <v>442.69085999999999</v>
      </c>
      <c r="V43">
        <v>0.97300315000000004</v>
      </c>
      <c r="W43">
        <v>1333.2529</v>
      </c>
      <c r="X43">
        <v>587.12369999999999</v>
      </c>
      <c r="Y43">
        <v>0.92620179999999996</v>
      </c>
      <c r="Z43">
        <f t="shared" si="4"/>
        <v>1287.9501333333333</v>
      </c>
      <c r="AA43">
        <f t="shared" si="5"/>
        <v>517.77514000000008</v>
      </c>
      <c r="AB43">
        <f t="shared" si="6"/>
        <v>14.919675690210743</v>
      </c>
      <c r="AC43">
        <f t="shared" si="7"/>
        <v>2.1906775447899807</v>
      </c>
    </row>
    <row r="44" spans="1:29" x14ac:dyDescent="0.4">
      <c r="A44">
        <v>41</v>
      </c>
      <c r="B44">
        <f t="shared" si="0"/>
        <v>1.3666666666666667</v>
      </c>
      <c r="C44">
        <v>480.12698</v>
      </c>
      <c r="D44">
        <v>520.87176999999997</v>
      </c>
      <c r="E44">
        <v>0.87932867000000003</v>
      </c>
      <c r="F44">
        <v>612.93430000000001</v>
      </c>
      <c r="G44">
        <v>463.76294000000001</v>
      </c>
      <c r="H44">
        <v>0.92525387000000003</v>
      </c>
      <c r="I44">
        <v>595.10802999999999</v>
      </c>
      <c r="J44">
        <v>607.38599999999997</v>
      </c>
      <c r="K44">
        <v>0.93927835999999998</v>
      </c>
      <c r="L44">
        <f t="shared" si="1"/>
        <v>562.72310333333326</v>
      </c>
      <c r="M44">
        <f t="shared" si="2"/>
        <v>530.67357000000004</v>
      </c>
      <c r="N44">
        <f t="shared" si="8"/>
        <v>-14.642487784725388</v>
      </c>
      <c r="O44">
        <f t="shared" si="3"/>
        <v>1.9116923336351779</v>
      </c>
      <c r="Q44">
        <v>1205.4529</v>
      </c>
      <c r="R44">
        <v>523.54859999999996</v>
      </c>
      <c r="S44">
        <v>1</v>
      </c>
      <c r="T44">
        <v>1324.9324999999999</v>
      </c>
      <c r="U44">
        <v>442.75162</v>
      </c>
      <c r="V44">
        <v>0.97807425000000003</v>
      </c>
      <c r="W44">
        <v>1333.0875000000001</v>
      </c>
      <c r="X44">
        <v>587.11580000000004</v>
      </c>
      <c r="Y44">
        <v>0.92527543999999995</v>
      </c>
      <c r="Z44">
        <f t="shared" si="4"/>
        <v>1287.8243</v>
      </c>
      <c r="AA44">
        <f t="shared" si="5"/>
        <v>517.80534</v>
      </c>
      <c r="AB44">
        <f t="shared" si="6"/>
        <v>14.914481775815883</v>
      </c>
      <c r="AC44">
        <f t="shared" si="7"/>
        <v>2.1894888822891212</v>
      </c>
    </row>
    <row r="45" spans="1:29" x14ac:dyDescent="0.4">
      <c r="A45">
        <v>42</v>
      </c>
      <c r="B45">
        <f t="shared" si="0"/>
        <v>1.4</v>
      </c>
      <c r="C45">
        <v>480.29678000000001</v>
      </c>
      <c r="D45">
        <v>520.56269999999995</v>
      </c>
      <c r="E45">
        <v>0.87484810000000002</v>
      </c>
      <c r="F45">
        <v>613.08374000000003</v>
      </c>
      <c r="G45">
        <v>463.75020000000001</v>
      </c>
      <c r="H45">
        <v>0.9304422</v>
      </c>
      <c r="I45">
        <v>595.41489999999999</v>
      </c>
      <c r="J45">
        <v>607.45460000000003</v>
      </c>
      <c r="K45">
        <v>0.93188910000000003</v>
      </c>
      <c r="L45">
        <f t="shared" si="1"/>
        <v>562.93180666666672</v>
      </c>
      <c r="M45">
        <f t="shared" si="2"/>
        <v>530.58916666666664</v>
      </c>
      <c r="N45">
        <f t="shared" si="8"/>
        <v>-14.634046513343161</v>
      </c>
      <c r="O45">
        <f t="shared" si="3"/>
        <v>1.9150691258117392</v>
      </c>
      <c r="Q45">
        <v>1205.4078</v>
      </c>
      <c r="R45">
        <v>523.63009999999997</v>
      </c>
      <c r="S45">
        <v>1</v>
      </c>
      <c r="T45">
        <v>1324.8145999999999</v>
      </c>
      <c r="U45">
        <v>442.80536000000001</v>
      </c>
      <c r="V45">
        <v>0.99424106000000001</v>
      </c>
      <c r="W45">
        <v>1332.9960000000001</v>
      </c>
      <c r="X45">
        <v>587.08887000000004</v>
      </c>
      <c r="Y45">
        <v>0.92929899999999999</v>
      </c>
      <c r="Z45">
        <f t="shared" si="4"/>
        <v>1287.7394666666667</v>
      </c>
      <c r="AA45">
        <f t="shared" si="5"/>
        <v>517.84144333333336</v>
      </c>
      <c r="AB45">
        <f t="shared" si="6"/>
        <v>14.910975093811629</v>
      </c>
      <c r="AC45">
        <f t="shared" si="7"/>
        <v>2.1880448353871151</v>
      </c>
    </row>
    <row r="46" spans="1:29" x14ac:dyDescent="0.4">
      <c r="A46">
        <v>43</v>
      </c>
      <c r="B46">
        <f t="shared" si="0"/>
        <v>1.4333333333333333</v>
      </c>
      <c r="C46">
        <v>480.52589999999998</v>
      </c>
      <c r="D46">
        <v>520.59059999999999</v>
      </c>
      <c r="E46">
        <v>0.87942180000000003</v>
      </c>
      <c r="F46">
        <v>613.31659999999999</v>
      </c>
      <c r="G46">
        <v>463.72717</v>
      </c>
      <c r="H46">
        <v>0.93094350000000003</v>
      </c>
      <c r="I46">
        <v>595.45374000000004</v>
      </c>
      <c r="J46">
        <v>607.42944</v>
      </c>
      <c r="K46">
        <v>0.93259769999999997</v>
      </c>
      <c r="L46">
        <f t="shared" si="1"/>
        <v>563.09874666666667</v>
      </c>
      <c r="M46">
        <f t="shared" si="2"/>
        <v>530.58240333333333</v>
      </c>
      <c r="N46">
        <f t="shared" si="8"/>
        <v>-14.627314031957445</v>
      </c>
      <c r="O46">
        <f t="shared" si="3"/>
        <v>1.9152898800697671</v>
      </c>
      <c r="Q46">
        <v>1205.3407999999999</v>
      </c>
      <c r="R46">
        <v>523.55913999999996</v>
      </c>
      <c r="S46">
        <v>1</v>
      </c>
      <c r="T46">
        <v>1324.7736</v>
      </c>
      <c r="U46">
        <v>442.76772999999997</v>
      </c>
      <c r="V46">
        <v>1</v>
      </c>
      <c r="W46">
        <v>1332.9109000000001</v>
      </c>
      <c r="X46">
        <v>587.00684000000001</v>
      </c>
      <c r="Y46">
        <v>0.92694160000000003</v>
      </c>
      <c r="Z46">
        <f t="shared" si="4"/>
        <v>1287.6751000000002</v>
      </c>
      <c r="AA46">
        <f t="shared" si="5"/>
        <v>517.77790333333326</v>
      </c>
      <c r="AB46">
        <f t="shared" si="6"/>
        <v>14.908343889700754</v>
      </c>
      <c r="AC46">
        <f t="shared" si="7"/>
        <v>2.1906612984704461</v>
      </c>
    </row>
    <row r="47" spans="1:29" x14ac:dyDescent="0.4">
      <c r="A47">
        <v>44</v>
      </c>
      <c r="B47">
        <f t="shared" si="0"/>
        <v>1.4666666666666666</v>
      </c>
      <c r="C47">
        <v>480.7312</v>
      </c>
      <c r="D47">
        <v>520.57230000000004</v>
      </c>
      <c r="E47">
        <v>0.87811463999999995</v>
      </c>
      <c r="F47">
        <v>613.3827</v>
      </c>
      <c r="G47">
        <v>463.68470000000002</v>
      </c>
      <c r="H47">
        <v>0.93330029999999997</v>
      </c>
      <c r="I47">
        <v>595.86620000000005</v>
      </c>
      <c r="J47">
        <v>607.41869999999994</v>
      </c>
      <c r="K47">
        <v>0.94237409999999999</v>
      </c>
      <c r="L47">
        <f t="shared" si="1"/>
        <v>563.32670000000007</v>
      </c>
      <c r="M47">
        <f t="shared" si="2"/>
        <v>530.55856666666671</v>
      </c>
      <c r="N47">
        <f t="shared" si="8"/>
        <v>-14.618116179668471</v>
      </c>
      <c r="O47">
        <f t="shared" si="3"/>
        <v>1.9161874636980154</v>
      </c>
      <c r="Q47">
        <v>1205.2932000000001</v>
      </c>
      <c r="R47">
        <v>523.56280000000004</v>
      </c>
      <c r="S47">
        <v>1</v>
      </c>
      <c r="T47">
        <v>1324.4584</v>
      </c>
      <c r="U47">
        <v>442.85315000000003</v>
      </c>
      <c r="V47">
        <v>1</v>
      </c>
      <c r="W47">
        <v>1332.7845</v>
      </c>
      <c r="X47">
        <v>587.05449999999996</v>
      </c>
      <c r="Y47">
        <v>0.92671406000000001</v>
      </c>
      <c r="Z47">
        <f t="shared" si="4"/>
        <v>1287.5120333333334</v>
      </c>
      <c r="AA47">
        <f t="shared" si="5"/>
        <v>517.82348333333334</v>
      </c>
      <c r="AB47">
        <f t="shared" si="6"/>
        <v>14.90161109768516</v>
      </c>
      <c r="AC47">
        <f t="shared" si="7"/>
        <v>2.1888578558490148</v>
      </c>
    </row>
    <row r="48" spans="1:29" x14ac:dyDescent="0.4">
      <c r="A48">
        <v>45</v>
      </c>
      <c r="B48">
        <f t="shared" si="0"/>
        <v>1.5</v>
      </c>
      <c r="C48">
        <v>480.79989999999998</v>
      </c>
      <c r="D48">
        <v>520.55799999999999</v>
      </c>
      <c r="E48">
        <v>0.88170879999999996</v>
      </c>
      <c r="F48">
        <v>613.46990000000005</v>
      </c>
      <c r="G48">
        <v>463.59363000000002</v>
      </c>
      <c r="H48">
        <v>0.92138284000000004</v>
      </c>
      <c r="I48">
        <v>595.98699999999997</v>
      </c>
      <c r="J48">
        <v>607.41125</v>
      </c>
      <c r="K48">
        <v>0.94132300000000002</v>
      </c>
      <c r="L48">
        <f t="shared" si="1"/>
        <v>563.41893333333337</v>
      </c>
      <c r="M48">
        <f t="shared" si="2"/>
        <v>530.52095999999995</v>
      </c>
      <c r="N48">
        <f t="shared" si="8"/>
        <v>-14.614385525027616</v>
      </c>
      <c r="O48">
        <f t="shared" si="3"/>
        <v>1.9176922719866305</v>
      </c>
      <c r="Q48">
        <v>1205.23</v>
      </c>
      <c r="R48">
        <v>523.65219999999999</v>
      </c>
      <c r="S48">
        <v>1</v>
      </c>
      <c r="T48">
        <v>1324.374</v>
      </c>
      <c r="U48">
        <v>442.74207000000001</v>
      </c>
      <c r="V48">
        <v>1</v>
      </c>
      <c r="W48">
        <v>1332.7629999999999</v>
      </c>
      <c r="X48">
        <v>586.97180000000003</v>
      </c>
      <c r="Y48">
        <v>0.93085503999999997</v>
      </c>
      <c r="Z48">
        <f t="shared" si="4"/>
        <v>1287.4556666666667</v>
      </c>
      <c r="AA48">
        <f t="shared" si="5"/>
        <v>517.78868999999997</v>
      </c>
      <c r="AB48">
        <f t="shared" si="6"/>
        <v>14.899300181349949</v>
      </c>
      <c r="AC48">
        <f t="shared" si="7"/>
        <v>2.1902979975186687</v>
      </c>
    </row>
    <row r="49" spans="1:29" x14ac:dyDescent="0.4">
      <c r="A49">
        <v>46</v>
      </c>
      <c r="B49">
        <f t="shared" si="0"/>
        <v>1.5333333333333334</v>
      </c>
      <c r="C49">
        <v>480.86176</v>
      </c>
      <c r="D49">
        <v>520.50160000000005</v>
      </c>
      <c r="E49">
        <v>0.87967485000000001</v>
      </c>
      <c r="F49">
        <v>613.55269999999996</v>
      </c>
      <c r="G49">
        <v>463.67223999999999</v>
      </c>
      <c r="H49">
        <v>0.91830915000000002</v>
      </c>
      <c r="I49">
        <v>596.10159999999996</v>
      </c>
      <c r="J49">
        <v>607.42993000000001</v>
      </c>
      <c r="K49">
        <v>0.93631255999999996</v>
      </c>
      <c r="L49">
        <f t="shared" si="1"/>
        <v>563.50535333333335</v>
      </c>
      <c r="M49">
        <f t="shared" si="2"/>
        <v>530.53459000000009</v>
      </c>
      <c r="N49">
        <f t="shared" si="8"/>
        <v>-14.610905810736371</v>
      </c>
      <c r="O49">
        <f t="shared" si="3"/>
        <v>1.917107116708169</v>
      </c>
      <c r="Q49">
        <v>1205.0530000000001</v>
      </c>
      <c r="R49">
        <v>523.76044000000002</v>
      </c>
      <c r="S49">
        <v>1</v>
      </c>
      <c r="T49">
        <v>1324.2943</v>
      </c>
      <c r="U49">
        <v>442.73856000000001</v>
      </c>
      <c r="V49">
        <v>1</v>
      </c>
      <c r="W49">
        <v>1332.7747999999999</v>
      </c>
      <c r="X49">
        <v>586.94470000000001</v>
      </c>
      <c r="Y49">
        <v>0.92378919999999998</v>
      </c>
      <c r="Z49">
        <f t="shared" si="4"/>
        <v>1287.3740333333335</v>
      </c>
      <c r="AA49">
        <f t="shared" si="5"/>
        <v>517.81456666666668</v>
      </c>
      <c r="AB49">
        <f t="shared" si="6"/>
        <v>14.895928683332537</v>
      </c>
      <c r="AC49">
        <f t="shared" si="7"/>
        <v>2.1892703053092828</v>
      </c>
    </row>
    <row r="50" spans="1:29" x14ac:dyDescent="0.4">
      <c r="A50">
        <v>47</v>
      </c>
      <c r="B50">
        <f t="shared" si="0"/>
        <v>1.5666666666666667</v>
      </c>
      <c r="C50">
        <v>480.94319999999999</v>
      </c>
      <c r="D50">
        <v>520.50459999999998</v>
      </c>
      <c r="E50">
        <v>0.88472664000000001</v>
      </c>
      <c r="F50">
        <v>613.72910000000002</v>
      </c>
      <c r="G50">
        <v>463.59930000000003</v>
      </c>
      <c r="H50">
        <v>0.9180104</v>
      </c>
      <c r="I50">
        <v>596.23490000000004</v>
      </c>
      <c r="J50">
        <v>607.41470000000004</v>
      </c>
      <c r="K50">
        <v>0.93110824000000003</v>
      </c>
      <c r="L50">
        <f t="shared" si="1"/>
        <v>563.63573333333341</v>
      </c>
      <c r="M50">
        <f t="shared" si="2"/>
        <v>530.50620000000004</v>
      </c>
      <c r="N50">
        <f t="shared" si="8"/>
        <v>-14.605640183087086</v>
      </c>
      <c r="O50">
        <f t="shared" si="3"/>
        <v>1.9182229709123568</v>
      </c>
      <c r="Q50">
        <v>1204.9003</v>
      </c>
      <c r="R50">
        <v>523.72149999999999</v>
      </c>
      <c r="S50">
        <v>1</v>
      </c>
      <c r="T50">
        <v>1324.1205</v>
      </c>
      <c r="U50">
        <v>442.65517999999997</v>
      </c>
      <c r="V50">
        <v>1</v>
      </c>
      <c r="W50">
        <v>1332.7374</v>
      </c>
      <c r="X50">
        <v>586.85019999999997</v>
      </c>
      <c r="Y50">
        <v>0.92345120000000003</v>
      </c>
      <c r="Z50">
        <f t="shared" si="4"/>
        <v>1287.2527333333335</v>
      </c>
      <c r="AA50">
        <f t="shared" si="5"/>
        <v>517.74229333333335</v>
      </c>
      <c r="AB50">
        <f t="shared" si="6"/>
        <v>14.890954817633597</v>
      </c>
      <c r="AC50">
        <f t="shared" si="7"/>
        <v>2.1922632713794479</v>
      </c>
    </row>
    <row r="51" spans="1:29" x14ac:dyDescent="0.4">
      <c r="A51">
        <v>48</v>
      </c>
      <c r="B51">
        <f t="shared" si="0"/>
        <v>1.6</v>
      </c>
      <c r="C51">
        <v>480.95209999999997</v>
      </c>
      <c r="D51">
        <v>520.59910000000002</v>
      </c>
      <c r="E51">
        <v>0.88243543999999996</v>
      </c>
      <c r="F51">
        <v>613.81309999999996</v>
      </c>
      <c r="G51">
        <v>463.60289999999998</v>
      </c>
      <c r="H51">
        <v>0.91639095999999998</v>
      </c>
      <c r="I51">
        <v>596.31384000000003</v>
      </c>
      <c r="J51">
        <v>607.46540000000005</v>
      </c>
      <c r="K51">
        <v>0.92464685000000002</v>
      </c>
      <c r="L51">
        <f t="shared" si="1"/>
        <v>563.69301333333328</v>
      </c>
      <c r="M51">
        <f t="shared" si="2"/>
        <v>530.55579999999998</v>
      </c>
      <c r="N51">
        <f t="shared" si="8"/>
        <v>-14.603346907337107</v>
      </c>
      <c r="O51">
        <f t="shared" si="3"/>
        <v>1.9161788983792951</v>
      </c>
      <c r="Q51">
        <v>1204.8323</v>
      </c>
      <c r="R51">
        <v>523.64769999999999</v>
      </c>
      <c r="S51">
        <v>1</v>
      </c>
      <c r="T51">
        <v>1324.0174999999999</v>
      </c>
      <c r="U51">
        <v>442.59753000000001</v>
      </c>
      <c r="V51">
        <v>1</v>
      </c>
      <c r="W51">
        <v>1332.6560999999999</v>
      </c>
      <c r="X51">
        <v>586.80426</v>
      </c>
      <c r="Y51">
        <v>0.92567944999999996</v>
      </c>
      <c r="Z51">
        <f t="shared" si="4"/>
        <v>1287.1686333333334</v>
      </c>
      <c r="AA51">
        <f t="shared" si="5"/>
        <v>517.68316333333325</v>
      </c>
      <c r="AB51">
        <f t="shared" si="6"/>
        <v>14.887509258651011</v>
      </c>
      <c r="AC51">
        <f t="shared" si="7"/>
        <v>2.1947066314320147</v>
      </c>
    </row>
    <row r="52" spans="1:29" x14ac:dyDescent="0.4">
      <c r="A52">
        <v>49</v>
      </c>
      <c r="B52">
        <f t="shared" si="0"/>
        <v>1.6333333333333333</v>
      </c>
      <c r="C52">
        <v>481.07049999999998</v>
      </c>
      <c r="D52">
        <v>520.53489999999999</v>
      </c>
      <c r="E52">
        <v>0.89072317000000001</v>
      </c>
      <c r="F52">
        <v>613.96423000000004</v>
      </c>
      <c r="G52">
        <v>463.54757999999998</v>
      </c>
      <c r="H52">
        <v>0.92209140000000001</v>
      </c>
      <c r="I52">
        <v>596.61017000000004</v>
      </c>
      <c r="J52">
        <v>607.37220000000002</v>
      </c>
      <c r="K52">
        <v>0.91583870000000001</v>
      </c>
      <c r="L52">
        <f t="shared" si="1"/>
        <v>563.88163333333341</v>
      </c>
      <c r="M52">
        <f t="shared" si="2"/>
        <v>530.48489333333339</v>
      </c>
      <c r="N52">
        <f t="shared" si="8"/>
        <v>-14.59571945023499</v>
      </c>
      <c r="O52">
        <f t="shared" si="3"/>
        <v>1.9190113017433246</v>
      </c>
      <c r="Q52">
        <v>1204.7737999999999</v>
      </c>
      <c r="R52">
        <v>523.80560000000003</v>
      </c>
      <c r="S52">
        <v>1</v>
      </c>
      <c r="T52">
        <v>1323.8711000000001</v>
      </c>
      <c r="U52">
        <v>442.62655999999998</v>
      </c>
      <c r="V52">
        <v>1</v>
      </c>
      <c r="W52">
        <v>1332.6312</v>
      </c>
      <c r="X52">
        <v>586.79830000000004</v>
      </c>
      <c r="Y52">
        <v>0.93079835</v>
      </c>
      <c r="Z52">
        <f t="shared" si="4"/>
        <v>1287.0920333333333</v>
      </c>
      <c r="AA52">
        <f t="shared" si="5"/>
        <v>517.74348666666674</v>
      </c>
      <c r="AB52">
        <f t="shared" si="6"/>
        <v>14.884333989804954</v>
      </c>
      <c r="AC52">
        <f t="shared" si="7"/>
        <v>2.192270973046218</v>
      </c>
    </row>
    <row r="53" spans="1:29" x14ac:dyDescent="0.4">
      <c r="A53">
        <v>50</v>
      </c>
      <c r="B53">
        <f t="shared" si="0"/>
        <v>1.6666666666666667</v>
      </c>
      <c r="C53">
        <v>481.21100000000001</v>
      </c>
      <c r="D53">
        <v>520.56590000000006</v>
      </c>
      <c r="E53">
        <v>0.89245516000000003</v>
      </c>
      <c r="F53">
        <v>614.08500000000004</v>
      </c>
      <c r="G53">
        <v>463.48297000000002</v>
      </c>
      <c r="H53">
        <v>0.92808663999999996</v>
      </c>
      <c r="I53">
        <v>596.76530000000002</v>
      </c>
      <c r="J53">
        <v>607.28656000000001</v>
      </c>
      <c r="K53">
        <v>0.90486560000000005</v>
      </c>
      <c r="L53">
        <f t="shared" si="1"/>
        <v>564.02043333333336</v>
      </c>
      <c r="M53">
        <f t="shared" si="2"/>
        <v>530.44514333333336</v>
      </c>
      <c r="N53">
        <f t="shared" si="8"/>
        <v>-14.590110618990304</v>
      </c>
      <c r="O53">
        <f t="shared" si="3"/>
        <v>1.9205881665594813</v>
      </c>
      <c r="Q53">
        <v>1204.6521</v>
      </c>
      <c r="R53">
        <v>523.76300000000003</v>
      </c>
      <c r="S53">
        <v>1</v>
      </c>
      <c r="T53">
        <v>1323.6898000000001</v>
      </c>
      <c r="U53">
        <v>442.69247000000001</v>
      </c>
      <c r="V53">
        <v>0.99569169999999996</v>
      </c>
      <c r="W53">
        <v>1332.576</v>
      </c>
      <c r="X53">
        <v>586.79816000000005</v>
      </c>
      <c r="Y53">
        <v>0.92930526000000002</v>
      </c>
      <c r="Z53">
        <f t="shared" si="4"/>
        <v>1286.9726333333335</v>
      </c>
      <c r="AA53">
        <f t="shared" si="5"/>
        <v>517.75121000000001</v>
      </c>
      <c r="AB53">
        <f t="shared" si="6"/>
        <v>14.879412524349339</v>
      </c>
      <c r="AC53">
        <f t="shared" si="7"/>
        <v>2.1919976040697691</v>
      </c>
    </row>
    <row r="54" spans="1:29" x14ac:dyDescent="0.4">
      <c r="A54">
        <v>51</v>
      </c>
      <c r="B54">
        <f t="shared" si="0"/>
        <v>1.7</v>
      </c>
      <c r="C54">
        <v>481.44979999999998</v>
      </c>
      <c r="D54">
        <v>520.57579999999996</v>
      </c>
      <c r="E54">
        <v>0.88518660000000005</v>
      </c>
      <c r="F54">
        <v>614.25256000000002</v>
      </c>
      <c r="G54">
        <v>463.4008</v>
      </c>
      <c r="H54">
        <v>0.93911860000000003</v>
      </c>
      <c r="I54">
        <v>596.89666999999997</v>
      </c>
      <c r="J54">
        <v>607.20860000000005</v>
      </c>
      <c r="K54">
        <v>0.89757100000000001</v>
      </c>
      <c r="L54">
        <f t="shared" si="1"/>
        <v>564.19967666666662</v>
      </c>
      <c r="M54">
        <f t="shared" si="2"/>
        <v>530.39506666666659</v>
      </c>
      <c r="N54">
        <f t="shared" si="8"/>
        <v>-14.582867866524113</v>
      </c>
      <c r="O54">
        <f t="shared" si="3"/>
        <v>1.9225732293523852</v>
      </c>
      <c r="Q54">
        <v>1204.5011</v>
      </c>
      <c r="R54">
        <v>523.86755000000005</v>
      </c>
      <c r="S54">
        <v>1</v>
      </c>
      <c r="T54">
        <v>1323.4003</v>
      </c>
      <c r="U54">
        <v>442.6771</v>
      </c>
      <c r="V54">
        <v>0.98010825999999995</v>
      </c>
      <c r="W54">
        <v>1332.5840000000001</v>
      </c>
      <c r="X54">
        <v>586.79755</v>
      </c>
      <c r="Y54">
        <v>0.93832990000000005</v>
      </c>
      <c r="Z54">
        <f t="shared" si="4"/>
        <v>1286.8284666666666</v>
      </c>
      <c r="AA54">
        <f t="shared" si="5"/>
        <v>517.78073333333339</v>
      </c>
      <c r="AB54">
        <f t="shared" si="6"/>
        <v>14.873463698575522</v>
      </c>
      <c r="AC54">
        <f t="shared" si="7"/>
        <v>2.1908429979226809</v>
      </c>
    </row>
    <row r="55" spans="1:29" x14ac:dyDescent="0.4">
      <c r="A55">
        <v>52</v>
      </c>
      <c r="B55">
        <f t="shared" si="0"/>
        <v>1.7333333333333334</v>
      </c>
      <c r="C55">
        <v>481.57409999999999</v>
      </c>
      <c r="D55">
        <v>520.61509999999998</v>
      </c>
      <c r="E55">
        <v>0.89426119999999998</v>
      </c>
      <c r="F55">
        <v>614.34154999999998</v>
      </c>
      <c r="G55">
        <v>463.29547000000002</v>
      </c>
      <c r="H55">
        <v>0.93238810000000005</v>
      </c>
      <c r="I55">
        <v>597.06389999999999</v>
      </c>
      <c r="J55">
        <v>607.13256999999999</v>
      </c>
      <c r="K55">
        <v>0.89851490000000001</v>
      </c>
      <c r="L55">
        <f t="shared" si="1"/>
        <v>564.32651666666663</v>
      </c>
      <c r="M55">
        <f t="shared" si="2"/>
        <v>530.34771333333333</v>
      </c>
      <c r="N55">
        <f t="shared" si="8"/>
        <v>-14.577738715350103</v>
      </c>
      <c r="O55">
        <f t="shared" si="3"/>
        <v>1.9244644878724253</v>
      </c>
      <c r="Q55">
        <v>1204.4602</v>
      </c>
      <c r="R55">
        <v>523.95730000000003</v>
      </c>
      <c r="S55">
        <v>1</v>
      </c>
      <c r="T55">
        <v>1323.2716</v>
      </c>
      <c r="U55">
        <v>442.70060000000001</v>
      </c>
      <c r="V55">
        <v>0.97835284</v>
      </c>
      <c r="W55">
        <v>1332.4625000000001</v>
      </c>
      <c r="X55">
        <v>586.86659999999995</v>
      </c>
      <c r="Y55">
        <v>0.93721739999999998</v>
      </c>
      <c r="Z55">
        <f t="shared" si="4"/>
        <v>1286.7314333333334</v>
      </c>
      <c r="AA55">
        <f t="shared" si="5"/>
        <v>517.8415</v>
      </c>
      <c r="AB55">
        <f t="shared" si="6"/>
        <v>14.869446526106811</v>
      </c>
      <c r="AC55">
        <f t="shared" si="7"/>
        <v>2.188396411550563</v>
      </c>
    </row>
    <row r="56" spans="1:29" x14ac:dyDescent="0.4">
      <c r="A56">
        <v>53</v>
      </c>
      <c r="B56">
        <f t="shared" si="0"/>
        <v>1.7666666666666666</v>
      </c>
      <c r="C56">
        <v>481.64053000000001</v>
      </c>
      <c r="D56">
        <v>520.56240000000003</v>
      </c>
      <c r="E56">
        <v>0.89263409999999999</v>
      </c>
      <c r="F56">
        <v>614.43219999999997</v>
      </c>
      <c r="G56">
        <v>463.33044000000001</v>
      </c>
      <c r="H56">
        <v>0.93665889999999996</v>
      </c>
      <c r="I56">
        <v>597.22815000000003</v>
      </c>
      <c r="J56">
        <v>607.21450000000004</v>
      </c>
      <c r="K56">
        <v>0.90259869999999998</v>
      </c>
      <c r="L56">
        <f t="shared" si="1"/>
        <v>564.43362666666656</v>
      </c>
      <c r="M56">
        <f t="shared" si="2"/>
        <v>530.3691133333333</v>
      </c>
      <c r="N56">
        <f t="shared" si="8"/>
        <v>-14.573427253774481</v>
      </c>
      <c r="O56">
        <f t="shared" si="3"/>
        <v>1.9235552340122302</v>
      </c>
      <c r="Q56">
        <v>1204.3563999999999</v>
      </c>
      <c r="R56">
        <v>524.05089999999996</v>
      </c>
      <c r="S56">
        <v>1</v>
      </c>
      <c r="T56">
        <v>1323.2121999999999</v>
      </c>
      <c r="U56">
        <v>442.73302999999999</v>
      </c>
      <c r="V56">
        <v>0.98658687</v>
      </c>
      <c r="W56">
        <v>1332.3423</v>
      </c>
      <c r="X56">
        <v>586.77359999999999</v>
      </c>
      <c r="Y56">
        <v>0.93415230000000005</v>
      </c>
      <c r="Z56">
        <f t="shared" si="4"/>
        <v>1286.6369666666667</v>
      </c>
      <c r="AA56">
        <f t="shared" si="5"/>
        <v>517.85251000000005</v>
      </c>
      <c r="AB56">
        <f t="shared" si="6"/>
        <v>14.86555122317157</v>
      </c>
      <c r="AC56">
        <f t="shared" si="7"/>
        <v>2.187980117993209</v>
      </c>
    </row>
    <row r="57" spans="1:29" x14ac:dyDescent="0.4">
      <c r="A57">
        <v>54</v>
      </c>
      <c r="B57">
        <f t="shared" si="0"/>
        <v>1.8</v>
      </c>
      <c r="C57">
        <v>481.71730000000002</v>
      </c>
      <c r="D57">
        <v>520.5077</v>
      </c>
      <c r="E57">
        <v>0.89021903000000002</v>
      </c>
      <c r="F57">
        <v>614.52750000000003</v>
      </c>
      <c r="G57">
        <v>463.37085000000002</v>
      </c>
      <c r="H57">
        <v>0.92993999999999999</v>
      </c>
      <c r="I57">
        <v>597.33209999999997</v>
      </c>
      <c r="J57">
        <v>607.21154999999999</v>
      </c>
      <c r="K57">
        <v>0.90618840000000001</v>
      </c>
      <c r="L57">
        <f t="shared" si="1"/>
        <v>564.5256333333333</v>
      </c>
      <c r="M57">
        <f t="shared" si="2"/>
        <v>530.36336666666659</v>
      </c>
      <c r="N57">
        <f t="shared" si="8"/>
        <v>-14.569715922534218</v>
      </c>
      <c r="O57">
        <f t="shared" si="3"/>
        <v>1.9237593334400946</v>
      </c>
      <c r="Q57">
        <v>1204.1503</v>
      </c>
      <c r="R57">
        <v>524.14779999999996</v>
      </c>
      <c r="S57">
        <v>1</v>
      </c>
      <c r="T57">
        <v>1323.0948000000001</v>
      </c>
      <c r="U57">
        <v>442.76607999999999</v>
      </c>
      <c r="V57">
        <v>0.98986995</v>
      </c>
      <c r="W57">
        <v>1332.1542999999999</v>
      </c>
      <c r="X57">
        <v>586.75696000000005</v>
      </c>
      <c r="Y57">
        <v>0.93035129999999999</v>
      </c>
      <c r="Z57">
        <f t="shared" si="4"/>
        <v>1286.4664666666667</v>
      </c>
      <c r="AA57">
        <f t="shared" si="5"/>
        <v>517.89027999999996</v>
      </c>
      <c r="AB57">
        <f t="shared" si="6"/>
        <v>14.858514939033418</v>
      </c>
      <c r="AC57">
        <f t="shared" si="7"/>
        <v>2.186498103287807</v>
      </c>
    </row>
    <row r="58" spans="1:29" x14ac:dyDescent="0.4">
      <c r="A58">
        <v>55</v>
      </c>
      <c r="B58">
        <f t="shared" si="0"/>
        <v>1.8333333333333333</v>
      </c>
      <c r="C58">
        <v>481.74786</v>
      </c>
      <c r="D58">
        <v>520.49180000000001</v>
      </c>
      <c r="E58">
        <v>0.88775705999999999</v>
      </c>
      <c r="F58">
        <v>614.72329999999999</v>
      </c>
      <c r="G58">
        <v>463.37853999999999</v>
      </c>
      <c r="H58">
        <v>0.93006999999999995</v>
      </c>
      <c r="I58">
        <v>597.43520000000001</v>
      </c>
      <c r="J58">
        <v>607.18884000000003</v>
      </c>
      <c r="K58">
        <v>0.91020255999999999</v>
      </c>
      <c r="L58">
        <f t="shared" si="1"/>
        <v>564.63545333333332</v>
      </c>
      <c r="M58">
        <f t="shared" si="2"/>
        <v>530.35306000000003</v>
      </c>
      <c r="N58">
        <f t="shared" si="8"/>
        <v>-14.565284914563945</v>
      </c>
      <c r="O58">
        <f t="shared" si="3"/>
        <v>1.9241436980367166</v>
      </c>
      <c r="Q58">
        <v>1204.0528999999999</v>
      </c>
      <c r="R58">
        <v>524.22270000000003</v>
      </c>
      <c r="S58">
        <v>1</v>
      </c>
      <c r="T58">
        <v>1323.0083</v>
      </c>
      <c r="U58">
        <v>442.76312000000001</v>
      </c>
      <c r="V58">
        <v>0.99251650000000002</v>
      </c>
      <c r="W58">
        <v>1332.1266000000001</v>
      </c>
      <c r="X58">
        <v>586.7473</v>
      </c>
      <c r="Y58">
        <v>0.92792399999999997</v>
      </c>
      <c r="Z58">
        <f t="shared" si="4"/>
        <v>1286.3959333333335</v>
      </c>
      <c r="AA58">
        <f t="shared" si="5"/>
        <v>517.91104000000007</v>
      </c>
      <c r="AB58">
        <f t="shared" si="6"/>
        <v>14.855602478927326</v>
      </c>
      <c r="AC58">
        <f t="shared" si="7"/>
        <v>2.1856753868078704</v>
      </c>
    </row>
    <row r="59" spans="1:29" x14ac:dyDescent="0.4">
      <c r="A59">
        <v>56</v>
      </c>
      <c r="B59">
        <f t="shared" si="0"/>
        <v>1.8666666666666667</v>
      </c>
      <c r="C59">
        <v>481.78197999999998</v>
      </c>
      <c r="D59">
        <v>520.46234000000004</v>
      </c>
      <c r="E59">
        <v>0.88976580000000005</v>
      </c>
      <c r="F59">
        <v>614.89886000000001</v>
      </c>
      <c r="G59">
        <v>463.32454999999999</v>
      </c>
      <c r="H59">
        <v>0.93444539999999998</v>
      </c>
      <c r="I59">
        <v>597.50310000000002</v>
      </c>
      <c r="J59">
        <v>607.21460000000002</v>
      </c>
      <c r="K59">
        <v>0.91220414999999999</v>
      </c>
      <c r="L59">
        <f t="shared" si="1"/>
        <v>564.72798</v>
      </c>
      <c r="M59">
        <f t="shared" si="2"/>
        <v>530.33383000000003</v>
      </c>
      <c r="N59">
        <f t="shared" si="8"/>
        <v>-14.561548232523363</v>
      </c>
      <c r="O59">
        <f t="shared" si="3"/>
        <v>1.9248981211338712</v>
      </c>
      <c r="Q59">
        <v>1203.9000000000001</v>
      </c>
      <c r="R59">
        <v>524.28210000000001</v>
      </c>
      <c r="S59">
        <v>1</v>
      </c>
      <c r="T59">
        <v>1323.0070000000001</v>
      </c>
      <c r="U59">
        <v>442.71167000000003</v>
      </c>
      <c r="V59">
        <v>1</v>
      </c>
      <c r="W59">
        <v>1332.1098999999999</v>
      </c>
      <c r="X59">
        <v>586.69799999999998</v>
      </c>
      <c r="Y59">
        <v>0.92050593999999997</v>
      </c>
      <c r="Z59">
        <f t="shared" si="4"/>
        <v>1286.3389666666667</v>
      </c>
      <c r="AA59">
        <f t="shared" si="5"/>
        <v>517.89725666666664</v>
      </c>
      <c r="AB59">
        <f t="shared" si="6"/>
        <v>14.853260114746274</v>
      </c>
      <c r="AC59">
        <f t="shared" si="7"/>
        <v>2.1862580561661806</v>
      </c>
    </row>
    <row r="60" spans="1:29" x14ac:dyDescent="0.4">
      <c r="A60">
        <v>57</v>
      </c>
      <c r="B60">
        <f t="shared" si="0"/>
        <v>1.9</v>
      </c>
      <c r="C60">
        <v>481.97631999999999</v>
      </c>
      <c r="D60">
        <v>520.52070000000003</v>
      </c>
      <c r="E60">
        <v>0.8951713</v>
      </c>
      <c r="F60">
        <v>614.93759999999997</v>
      </c>
      <c r="G60">
        <v>463.33940000000001</v>
      </c>
      <c r="H60">
        <v>0.92493473999999998</v>
      </c>
      <c r="I60">
        <v>597.6223</v>
      </c>
      <c r="J60">
        <v>607.23914000000002</v>
      </c>
      <c r="K60">
        <v>0.90937537000000002</v>
      </c>
      <c r="L60">
        <f t="shared" si="1"/>
        <v>564.84540666666669</v>
      </c>
      <c r="M60">
        <f t="shared" si="2"/>
        <v>530.3664133333333</v>
      </c>
      <c r="N60">
        <f t="shared" si="8"/>
        <v>-14.556824391363385</v>
      </c>
      <c r="O60">
        <f t="shared" si="3"/>
        <v>1.9235288508129569</v>
      </c>
      <c r="Q60">
        <v>1203.7673</v>
      </c>
      <c r="R60">
        <v>524.3338</v>
      </c>
      <c r="S60">
        <v>1</v>
      </c>
      <c r="T60">
        <v>1322.8358000000001</v>
      </c>
      <c r="U60">
        <v>442.66109999999998</v>
      </c>
      <c r="V60">
        <v>0.99555974999999997</v>
      </c>
      <c r="W60">
        <v>1331.9797000000001</v>
      </c>
      <c r="X60">
        <v>586.80096000000003</v>
      </c>
      <c r="Y60">
        <v>0.92523940000000005</v>
      </c>
      <c r="Z60">
        <f t="shared" si="4"/>
        <v>1286.1942666666666</v>
      </c>
      <c r="AA60">
        <f t="shared" si="5"/>
        <v>517.93195333333335</v>
      </c>
      <c r="AB60">
        <f t="shared" si="6"/>
        <v>14.847287753018007</v>
      </c>
      <c r="AC60">
        <f t="shared" si="7"/>
        <v>2.1848924440002269</v>
      </c>
    </row>
    <row r="61" spans="1:29" x14ac:dyDescent="0.4">
      <c r="A61">
        <v>58</v>
      </c>
      <c r="B61">
        <f t="shared" si="0"/>
        <v>1.9333333333333333</v>
      </c>
      <c r="C61">
        <v>482.05221999999998</v>
      </c>
      <c r="D61">
        <v>520.58889999999997</v>
      </c>
      <c r="E61">
        <v>0.89907859999999995</v>
      </c>
      <c r="F61">
        <v>615.01980000000003</v>
      </c>
      <c r="G61">
        <v>463.38422000000003</v>
      </c>
      <c r="H61">
        <v>0.92465120000000001</v>
      </c>
      <c r="I61">
        <v>597.67705999999998</v>
      </c>
      <c r="J61">
        <v>607.30150000000003</v>
      </c>
      <c r="K61">
        <v>0.90267867000000002</v>
      </c>
      <c r="L61">
        <f t="shared" si="1"/>
        <v>564.91636000000005</v>
      </c>
      <c r="M61">
        <f t="shared" si="2"/>
        <v>530.42487333333338</v>
      </c>
      <c r="N61">
        <f t="shared" si="8"/>
        <v>-14.553982617634325</v>
      </c>
      <c r="O61">
        <f t="shared" si="3"/>
        <v>1.9211185069732228</v>
      </c>
      <c r="Q61">
        <v>1203.6677</v>
      </c>
      <c r="R61">
        <v>524.36580000000004</v>
      </c>
      <c r="S61">
        <v>1</v>
      </c>
      <c r="T61">
        <v>1322.6310000000001</v>
      </c>
      <c r="U61">
        <v>442.68436000000003</v>
      </c>
      <c r="V61">
        <v>1</v>
      </c>
      <c r="W61">
        <v>1331.9784</v>
      </c>
      <c r="X61">
        <v>586.83685000000003</v>
      </c>
      <c r="Y61">
        <v>0.93629180000000001</v>
      </c>
      <c r="Z61">
        <f t="shared" si="4"/>
        <v>1286.0923666666667</v>
      </c>
      <c r="AA61">
        <f t="shared" si="5"/>
        <v>517.9623366666666</v>
      </c>
      <c r="AB61">
        <f t="shared" si="6"/>
        <v>14.843080010560373</v>
      </c>
      <c r="AC61">
        <f t="shared" si="7"/>
        <v>2.18368788789987</v>
      </c>
    </row>
    <row r="62" spans="1:29" x14ac:dyDescent="0.4">
      <c r="A62">
        <v>59</v>
      </c>
      <c r="B62">
        <f t="shared" si="0"/>
        <v>1.9666666666666666</v>
      </c>
      <c r="C62">
        <v>482.11099999999999</v>
      </c>
      <c r="D62">
        <v>520.65880000000004</v>
      </c>
      <c r="E62">
        <v>0.89840036999999995</v>
      </c>
      <c r="F62">
        <v>615.10375999999997</v>
      </c>
      <c r="G62">
        <v>463.44815</v>
      </c>
      <c r="H62">
        <v>0.91890830000000001</v>
      </c>
      <c r="I62">
        <v>597.90015000000005</v>
      </c>
      <c r="J62">
        <v>607.41705000000002</v>
      </c>
      <c r="K62">
        <v>0.89381695000000005</v>
      </c>
      <c r="L62">
        <f t="shared" si="1"/>
        <v>565.03830333333326</v>
      </c>
      <c r="M62">
        <f t="shared" si="2"/>
        <v>530.50800000000004</v>
      </c>
      <c r="N62">
        <f t="shared" si="8"/>
        <v>-14.549093000725037</v>
      </c>
      <c r="O62">
        <f t="shared" si="3"/>
        <v>1.9176841529298554</v>
      </c>
      <c r="Q62">
        <v>1203.4465</v>
      </c>
      <c r="R62">
        <v>524.36395000000005</v>
      </c>
      <c r="S62">
        <v>1</v>
      </c>
      <c r="T62">
        <v>1322.3435999999999</v>
      </c>
      <c r="U62">
        <v>442.73169999999999</v>
      </c>
      <c r="V62">
        <v>0.99496430000000002</v>
      </c>
      <c r="W62">
        <v>1332.0398</v>
      </c>
      <c r="X62">
        <v>586.84829999999999</v>
      </c>
      <c r="Y62">
        <v>0.93117780000000006</v>
      </c>
      <c r="Z62">
        <f t="shared" si="4"/>
        <v>1285.9433000000001</v>
      </c>
      <c r="AA62">
        <f t="shared" si="5"/>
        <v>517.98131666666666</v>
      </c>
      <c r="AB62">
        <f t="shared" si="6"/>
        <v>14.836932894618974</v>
      </c>
      <c r="AC62">
        <f t="shared" si="7"/>
        <v>2.182965402358013</v>
      </c>
    </row>
    <row r="63" spans="1:29" x14ac:dyDescent="0.4">
      <c r="A63">
        <v>60</v>
      </c>
      <c r="B63">
        <f t="shared" si="0"/>
        <v>2</v>
      </c>
      <c r="C63">
        <v>482.34982000000002</v>
      </c>
      <c r="D63">
        <v>520.71559999999999</v>
      </c>
      <c r="E63">
        <v>0.90655017000000004</v>
      </c>
      <c r="F63">
        <v>615.19884999999999</v>
      </c>
      <c r="G63">
        <v>463.42547999999999</v>
      </c>
      <c r="H63">
        <v>0.91134757</v>
      </c>
      <c r="I63">
        <v>597.85559999999998</v>
      </c>
      <c r="J63">
        <v>607.42809999999997</v>
      </c>
      <c r="K63">
        <v>0.89364463000000005</v>
      </c>
      <c r="L63">
        <f t="shared" si="1"/>
        <v>565.1347566666667</v>
      </c>
      <c r="M63">
        <f t="shared" si="2"/>
        <v>530.52305999999999</v>
      </c>
      <c r="N63">
        <f t="shared" si="8"/>
        <v>-14.545209052637109</v>
      </c>
      <c r="O63">
        <f t="shared" si="3"/>
        <v>1.9170372809750349</v>
      </c>
      <c r="Q63">
        <v>1203.3921</v>
      </c>
      <c r="R63">
        <v>524.32929999999999</v>
      </c>
      <c r="S63">
        <v>1</v>
      </c>
      <c r="T63">
        <v>1322.17</v>
      </c>
      <c r="U63">
        <v>442.67473999999999</v>
      </c>
      <c r="V63">
        <v>0.99053966999999998</v>
      </c>
      <c r="W63">
        <v>1331.9272000000001</v>
      </c>
      <c r="X63">
        <v>586.89635999999996</v>
      </c>
      <c r="Y63">
        <v>0.93353149999999996</v>
      </c>
      <c r="Z63">
        <f t="shared" si="4"/>
        <v>1285.8297666666667</v>
      </c>
      <c r="AA63">
        <f t="shared" si="5"/>
        <v>517.96680000000003</v>
      </c>
      <c r="AB63">
        <f t="shared" si="6"/>
        <v>14.83226048362261</v>
      </c>
      <c r="AC63">
        <f t="shared" si="7"/>
        <v>2.1835978647671808</v>
      </c>
    </row>
    <row r="64" spans="1:29" x14ac:dyDescent="0.4">
      <c r="A64">
        <v>61</v>
      </c>
      <c r="B64">
        <f t="shared" si="0"/>
        <v>2.0333333333333332</v>
      </c>
      <c r="C64">
        <v>482.59674000000001</v>
      </c>
      <c r="D64">
        <v>520.87429999999995</v>
      </c>
      <c r="E64">
        <v>0.92686652999999997</v>
      </c>
      <c r="F64">
        <v>615.21259999999995</v>
      </c>
      <c r="G64">
        <v>463.48649999999998</v>
      </c>
      <c r="H64">
        <v>0.90822320000000001</v>
      </c>
      <c r="I64">
        <v>598.11956999999995</v>
      </c>
      <c r="J64">
        <v>607.45556999999997</v>
      </c>
      <c r="K64">
        <v>0.89391569999999998</v>
      </c>
      <c r="L64">
        <f t="shared" si="1"/>
        <v>565.30963666666673</v>
      </c>
      <c r="M64">
        <f t="shared" si="2"/>
        <v>530.60545666666667</v>
      </c>
      <c r="N64">
        <f t="shared" si="8"/>
        <v>-14.538184845037815</v>
      </c>
      <c r="O64">
        <f t="shared" si="3"/>
        <v>1.9136151631736484</v>
      </c>
      <c r="Q64">
        <v>1203.3162</v>
      </c>
      <c r="R64">
        <v>524.37369999999999</v>
      </c>
      <c r="S64">
        <v>1</v>
      </c>
      <c r="T64">
        <v>1322.0673999999999</v>
      </c>
      <c r="U64">
        <v>442.80560000000003</v>
      </c>
      <c r="V64">
        <v>0.98771489999999995</v>
      </c>
      <c r="W64">
        <v>1331.8619000000001</v>
      </c>
      <c r="X64">
        <v>586.89499999999998</v>
      </c>
      <c r="Y64">
        <v>0.93616319999999997</v>
      </c>
      <c r="Z64">
        <f t="shared" si="4"/>
        <v>1285.7484999999999</v>
      </c>
      <c r="AA64">
        <f t="shared" si="5"/>
        <v>518.02476666666666</v>
      </c>
      <c r="AB64">
        <f t="shared" si="6"/>
        <v>14.828893856649033</v>
      </c>
      <c r="AC64">
        <f t="shared" si="7"/>
        <v>2.1812600397998909</v>
      </c>
    </row>
    <row r="65" spans="1:29" x14ac:dyDescent="0.4">
      <c r="A65">
        <v>62</v>
      </c>
      <c r="B65">
        <f t="shared" si="0"/>
        <v>2.0666666666666669</v>
      </c>
      <c r="C65">
        <v>482.81801999999999</v>
      </c>
      <c r="D65">
        <v>520.85749999999996</v>
      </c>
      <c r="E65">
        <v>0.93272469999999996</v>
      </c>
      <c r="F65">
        <v>615.30029999999999</v>
      </c>
      <c r="G65">
        <v>463.41770000000002</v>
      </c>
      <c r="H65">
        <v>0.91373329999999997</v>
      </c>
      <c r="I65">
        <v>598.31320000000005</v>
      </c>
      <c r="J65">
        <v>607.51620000000003</v>
      </c>
      <c r="K65">
        <v>0.88902769999999998</v>
      </c>
      <c r="L65">
        <f t="shared" si="1"/>
        <v>565.47717333333333</v>
      </c>
      <c r="M65">
        <f t="shared" si="2"/>
        <v>530.59713333333332</v>
      </c>
      <c r="N65">
        <f t="shared" si="8"/>
        <v>-14.531427318680629</v>
      </c>
      <c r="O65">
        <f t="shared" si="3"/>
        <v>1.9138994006669188</v>
      </c>
      <c r="Q65">
        <v>1203.1283000000001</v>
      </c>
      <c r="R65">
        <v>524.3691</v>
      </c>
      <c r="S65">
        <v>1</v>
      </c>
      <c r="T65">
        <v>1321.9141999999999</v>
      </c>
      <c r="U65">
        <v>442.89553999999998</v>
      </c>
      <c r="V65">
        <v>0.97458624999999999</v>
      </c>
      <c r="W65">
        <v>1331.6914999999999</v>
      </c>
      <c r="X65">
        <v>586.90137000000004</v>
      </c>
      <c r="Y65">
        <v>0.92973130000000004</v>
      </c>
      <c r="Z65">
        <f t="shared" si="4"/>
        <v>1285.578</v>
      </c>
      <c r="AA65">
        <f t="shared" si="5"/>
        <v>518.05533666666668</v>
      </c>
      <c r="AB65">
        <f t="shared" si="6"/>
        <v>14.821860089682382</v>
      </c>
      <c r="AC65">
        <f t="shared" si="7"/>
        <v>2.1800719414180043</v>
      </c>
    </row>
    <row r="66" spans="1:29" x14ac:dyDescent="0.4">
      <c r="A66">
        <v>63</v>
      </c>
      <c r="B66">
        <f t="shared" si="0"/>
        <v>2.1</v>
      </c>
      <c r="C66">
        <v>482.94058000000001</v>
      </c>
      <c r="D66">
        <v>521.01779999999997</v>
      </c>
      <c r="E66">
        <v>0.93154632999999998</v>
      </c>
      <c r="F66">
        <v>615.40620000000001</v>
      </c>
      <c r="G66">
        <v>463.52645999999999</v>
      </c>
      <c r="H66">
        <v>0.91124479999999997</v>
      </c>
      <c r="I66">
        <v>598.48900000000003</v>
      </c>
      <c r="J66">
        <v>607.56195000000002</v>
      </c>
      <c r="K66">
        <v>0.87987185000000001</v>
      </c>
      <c r="L66">
        <f t="shared" si="1"/>
        <v>565.6119266666667</v>
      </c>
      <c r="M66">
        <f t="shared" si="2"/>
        <v>530.70206999999994</v>
      </c>
      <c r="N66">
        <f t="shared" si="8"/>
        <v>-14.52602819138853</v>
      </c>
      <c r="O66">
        <f t="shared" si="3"/>
        <v>1.9095703275976963</v>
      </c>
      <c r="Q66">
        <v>1203.0084999999999</v>
      </c>
      <c r="R66">
        <v>524.48784999999998</v>
      </c>
      <c r="S66">
        <v>1</v>
      </c>
      <c r="T66">
        <v>1321.5882999999999</v>
      </c>
      <c r="U66">
        <v>442.72806000000003</v>
      </c>
      <c r="V66">
        <v>0.97548409999999997</v>
      </c>
      <c r="W66">
        <v>1331.6950999999999</v>
      </c>
      <c r="X66">
        <v>586.93970000000002</v>
      </c>
      <c r="Y66">
        <v>0.93422395000000003</v>
      </c>
      <c r="Z66">
        <f t="shared" si="4"/>
        <v>1285.4306333333332</v>
      </c>
      <c r="AA66">
        <f t="shared" si="5"/>
        <v>518.05187000000001</v>
      </c>
      <c r="AB66">
        <f t="shared" si="6"/>
        <v>14.815790371112486</v>
      </c>
      <c r="AC66">
        <f t="shared" si="7"/>
        <v>2.1802651890550386</v>
      </c>
    </row>
    <row r="67" spans="1:29" x14ac:dyDescent="0.4">
      <c r="A67">
        <v>64</v>
      </c>
      <c r="B67">
        <f t="shared" si="0"/>
        <v>2.1333333333333333</v>
      </c>
      <c r="C67">
        <v>483.0138</v>
      </c>
      <c r="D67">
        <v>521.12139999999999</v>
      </c>
      <c r="E67">
        <v>0.93547409999999998</v>
      </c>
      <c r="F67">
        <v>615.74369999999999</v>
      </c>
      <c r="G67">
        <v>463.62765999999999</v>
      </c>
      <c r="H67">
        <v>0.91446084000000005</v>
      </c>
      <c r="I67">
        <v>598.61414000000002</v>
      </c>
      <c r="J67">
        <v>607.55949999999996</v>
      </c>
      <c r="K67">
        <v>0.87624409999999997</v>
      </c>
      <c r="L67">
        <f t="shared" si="1"/>
        <v>565.79054666666661</v>
      </c>
      <c r="M67">
        <f t="shared" si="2"/>
        <v>530.76951999999994</v>
      </c>
      <c r="N67">
        <f t="shared" si="8"/>
        <v>-14.518848252314985</v>
      </c>
      <c r="O67">
        <f t="shared" si="3"/>
        <v>1.9067572046913743</v>
      </c>
      <c r="Q67">
        <v>1202.8585</v>
      </c>
      <c r="R67">
        <v>524.48784999999998</v>
      </c>
      <c r="S67">
        <v>1</v>
      </c>
      <c r="T67">
        <v>1321.35</v>
      </c>
      <c r="U67">
        <v>442.6705</v>
      </c>
      <c r="V67">
        <v>0.98241250000000002</v>
      </c>
      <c r="W67">
        <v>1331.4795999999999</v>
      </c>
      <c r="X67">
        <v>586.84199999999998</v>
      </c>
      <c r="Y67">
        <v>0.92866479999999996</v>
      </c>
      <c r="Z67">
        <f t="shared" si="4"/>
        <v>1285.2293666666665</v>
      </c>
      <c r="AA67">
        <f t="shared" si="5"/>
        <v>518.0001166666666</v>
      </c>
      <c r="AB67">
        <f t="shared" si="6"/>
        <v>14.807515901402136</v>
      </c>
      <c r="AC67">
        <f t="shared" si="7"/>
        <v>2.1824485454277727</v>
      </c>
    </row>
    <row r="68" spans="1:29" x14ac:dyDescent="0.4">
      <c r="A68">
        <v>65</v>
      </c>
      <c r="B68">
        <f t="shared" ref="B68:B131" si="9">A68/30</f>
        <v>2.1666666666666665</v>
      </c>
      <c r="C68">
        <v>483.21127000000001</v>
      </c>
      <c r="D68">
        <v>521.05939999999998</v>
      </c>
      <c r="E68">
        <v>0.93315493999999999</v>
      </c>
      <c r="F68">
        <v>615.84090000000003</v>
      </c>
      <c r="G68">
        <v>463.66964999999999</v>
      </c>
      <c r="H68">
        <v>0.90851899999999997</v>
      </c>
      <c r="I68">
        <v>598.74976000000004</v>
      </c>
      <c r="J68">
        <v>607.56449999999995</v>
      </c>
      <c r="K68">
        <v>0.88014890000000001</v>
      </c>
      <c r="L68">
        <f t="shared" ref="L68:L131" si="10">(C68+F68+I68)/3</f>
        <v>565.93397666666669</v>
      </c>
      <c r="M68">
        <f t="shared" ref="M68:M131" si="11">(D68+G68+J68)/3</f>
        <v>530.76451666666662</v>
      </c>
      <c r="N68">
        <f t="shared" ref="N68:N131" si="12" xml:space="preserve"> -36.96+0.03963*L68-0.0003398*M68+6.089*10^(-7)*L68^2+1.529*10^(-8)*M68^2</f>
        <v>-14.513063663864756</v>
      </c>
      <c r="O68">
        <f t="shared" ref="O68:O131" si="13" xml:space="preserve"> 23.7-0.0003167*L68-0.0406*M68-1.335*10^(-8)*L68^2-2.149*10^(-7)*M68^2</f>
        <v>1.9069138901070779</v>
      </c>
      <c r="Q68">
        <v>1202.7645</v>
      </c>
      <c r="R68">
        <v>524.46673999999996</v>
      </c>
      <c r="S68">
        <v>1</v>
      </c>
      <c r="T68">
        <v>1321.3056999999999</v>
      </c>
      <c r="U68">
        <v>442.65985000000001</v>
      </c>
      <c r="V68">
        <v>0.98224085999999999</v>
      </c>
      <c r="W68">
        <v>1331.4174</v>
      </c>
      <c r="X68">
        <v>586.78160000000003</v>
      </c>
      <c r="Y68">
        <v>0.93141275999999995</v>
      </c>
      <c r="Z68">
        <f t="shared" ref="Z68:Z131" si="14">(Q68+T68+W68)/3</f>
        <v>1285.1625333333334</v>
      </c>
      <c r="AA68">
        <f t="shared" ref="AA68:AA131" si="15">(R68+U68+X68)/3</f>
        <v>517.96939666666674</v>
      </c>
      <c r="AB68">
        <f t="shared" ref="AB68:AB131" si="16" xml:space="preserve"> -36.96+0.03963*Z68-0.0003398*AA68+6.089*10^(-7)*Z68^2+1.529*10^(-8)*AA68^2</f>
        <v>14.804772646827017</v>
      </c>
      <c r="AC68">
        <f t="shared" ref="AC68:AC131" si="17" xml:space="preserve"> 23.7-0.0003167*Z68-0.0406*AA68-1.335*10^(-8)*Z68^2-2.149*10^(-7)*AA68^2</f>
        <v>2.1837260761012898</v>
      </c>
    </row>
    <row r="69" spans="1:29" x14ac:dyDescent="0.4">
      <c r="A69">
        <v>66</v>
      </c>
      <c r="B69">
        <f t="shared" si="9"/>
        <v>2.2000000000000002</v>
      </c>
      <c r="C69">
        <v>483.22320000000002</v>
      </c>
      <c r="D69">
        <v>521.07153000000005</v>
      </c>
      <c r="E69">
        <v>0.93482094999999998</v>
      </c>
      <c r="F69">
        <v>615.97704999999996</v>
      </c>
      <c r="G69">
        <v>463.64908000000003</v>
      </c>
      <c r="H69">
        <v>0.90770536999999996</v>
      </c>
      <c r="I69">
        <v>598.92376999999999</v>
      </c>
      <c r="J69">
        <v>607.57165999999995</v>
      </c>
      <c r="K69">
        <v>0.88417440000000003</v>
      </c>
      <c r="L69">
        <f t="shared" si="10"/>
        <v>566.04133999999988</v>
      </c>
      <c r="M69">
        <f t="shared" si="11"/>
        <v>530.76409000000001</v>
      </c>
      <c r="N69">
        <f t="shared" si="12"/>
        <v>-14.508734715682085</v>
      </c>
      <c r="O69">
        <f t="shared" si="13"/>
        <v>1.9068956856775545</v>
      </c>
      <c r="Q69">
        <v>1202.6527000000001</v>
      </c>
      <c r="R69">
        <v>524.49945000000002</v>
      </c>
      <c r="S69">
        <v>1</v>
      </c>
      <c r="T69">
        <v>1321.2546</v>
      </c>
      <c r="U69">
        <v>442.68126999999998</v>
      </c>
      <c r="V69">
        <v>0.98742549999999996</v>
      </c>
      <c r="W69">
        <v>1331.4374</v>
      </c>
      <c r="X69">
        <v>586.78689999999995</v>
      </c>
      <c r="Y69">
        <v>0.93308276000000001</v>
      </c>
      <c r="Z69">
        <f t="shared" si="14"/>
        <v>1285.1148999999998</v>
      </c>
      <c r="AA69">
        <f t="shared" si="15"/>
        <v>517.98920666666663</v>
      </c>
      <c r="AB69">
        <f t="shared" si="16"/>
        <v>14.802803972011693</v>
      </c>
      <c r="AC69">
        <f t="shared" si="17"/>
        <v>2.1829340997793811</v>
      </c>
    </row>
    <row r="70" spans="1:29" x14ac:dyDescent="0.4">
      <c r="A70">
        <v>67</v>
      </c>
      <c r="B70">
        <f t="shared" si="9"/>
        <v>2.2333333333333334</v>
      </c>
      <c r="C70">
        <v>483.26461999999998</v>
      </c>
      <c r="D70">
        <v>521.00800000000004</v>
      </c>
      <c r="E70">
        <v>0.92474455</v>
      </c>
      <c r="F70">
        <v>616.05579999999998</v>
      </c>
      <c r="G70">
        <v>463.66354000000001</v>
      </c>
      <c r="H70">
        <v>0.90577359999999996</v>
      </c>
      <c r="I70">
        <v>599.07006999999999</v>
      </c>
      <c r="J70">
        <v>607.61080000000004</v>
      </c>
      <c r="K70">
        <v>0.88987369999999999</v>
      </c>
      <c r="L70">
        <f t="shared" si="10"/>
        <v>566.13016333333337</v>
      </c>
      <c r="M70">
        <f t="shared" si="11"/>
        <v>530.76078000000007</v>
      </c>
      <c r="N70">
        <f t="shared" si="12"/>
        <v>-14.505152343006751</v>
      </c>
      <c r="O70">
        <f t="shared" si="13"/>
        <v>1.9070013538913448</v>
      </c>
      <c r="Q70">
        <v>1202.5477000000001</v>
      </c>
      <c r="R70">
        <v>524.56713999999999</v>
      </c>
      <c r="S70">
        <v>1</v>
      </c>
      <c r="T70">
        <v>1321.1289999999999</v>
      </c>
      <c r="U70">
        <v>442.71294999999998</v>
      </c>
      <c r="V70">
        <v>0.98189919999999997</v>
      </c>
      <c r="W70">
        <v>1331.3632</v>
      </c>
      <c r="X70">
        <v>586.83843999999999</v>
      </c>
      <c r="Y70">
        <v>0.94129806999999999</v>
      </c>
      <c r="Z70">
        <f t="shared" si="14"/>
        <v>1285.0132999999998</v>
      </c>
      <c r="AA70">
        <f t="shared" si="15"/>
        <v>518.03950999999995</v>
      </c>
      <c r="AB70">
        <f t="shared" si="16"/>
        <v>14.79860226876025</v>
      </c>
      <c r="AC70">
        <f t="shared" si="17"/>
        <v>2.1809162475216599</v>
      </c>
    </row>
    <row r="71" spans="1:29" x14ac:dyDescent="0.4">
      <c r="A71">
        <v>68</v>
      </c>
      <c r="B71">
        <f t="shared" si="9"/>
        <v>2.2666666666666666</v>
      </c>
      <c r="C71">
        <v>483.23937999999998</v>
      </c>
      <c r="D71">
        <v>520.99396000000002</v>
      </c>
      <c r="E71">
        <v>0.9264637</v>
      </c>
      <c r="F71">
        <v>616.08954000000006</v>
      </c>
      <c r="G71">
        <v>463.66872999999998</v>
      </c>
      <c r="H71">
        <v>0.90462540000000002</v>
      </c>
      <c r="I71">
        <v>599.11053000000004</v>
      </c>
      <c r="J71">
        <v>607.64795000000004</v>
      </c>
      <c r="K71">
        <v>0.90004890000000004</v>
      </c>
      <c r="L71">
        <f t="shared" si="10"/>
        <v>566.14648333333332</v>
      </c>
      <c r="M71">
        <f t="shared" si="11"/>
        <v>530.77021333333334</v>
      </c>
      <c r="N71">
        <f t="shared" si="12"/>
        <v>-14.504497382028946</v>
      </c>
      <c r="O71">
        <f t="shared" si="13"/>
        <v>1.90661079336224</v>
      </c>
      <c r="Q71">
        <v>1202.5463</v>
      </c>
      <c r="R71">
        <v>524.57294000000002</v>
      </c>
      <c r="S71">
        <v>1</v>
      </c>
      <c r="T71">
        <v>1321.0579</v>
      </c>
      <c r="U71">
        <v>442.73739999999998</v>
      </c>
      <c r="V71">
        <v>0.96942764999999997</v>
      </c>
      <c r="W71">
        <v>1331.3081999999999</v>
      </c>
      <c r="X71">
        <v>586.89300000000003</v>
      </c>
      <c r="Y71">
        <v>0.93869309999999995</v>
      </c>
      <c r="Z71">
        <f t="shared" si="14"/>
        <v>1284.9707999999998</v>
      </c>
      <c r="AA71">
        <f t="shared" si="15"/>
        <v>518.06777999999997</v>
      </c>
      <c r="AB71">
        <f t="shared" si="16"/>
        <v>14.796842328778828</v>
      </c>
      <c r="AC71">
        <f t="shared" si="17"/>
        <v>2.1797771088335485</v>
      </c>
    </row>
    <row r="72" spans="1:29" x14ac:dyDescent="0.4">
      <c r="A72">
        <v>69</v>
      </c>
      <c r="B72">
        <f t="shared" si="9"/>
        <v>2.2999999999999998</v>
      </c>
      <c r="C72">
        <v>483.37529999999998</v>
      </c>
      <c r="D72">
        <v>521.02409999999998</v>
      </c>
      <c r="E72">
        <v>0.93559130000000001</v>
      </c>
      <c r="F72">
        <v>616.16143999999997</v>
      </c>
      <c r="G72">
        <v>463.68164000000002</v>
      </c>
      <c r="H72">
        <v>0.91134024000000002</v>
      </c>
      <c r="I72">
        <v>599.33434999999997</v>
      </c>
      <c r="J72">
        <v>607.57825000000003</v>
      </c>
      <c r="K72">
        <v>0.89231490000000002</v>
      </c>
      <c r="L72">
        <f t="shared" si="10"/>
        <v>566.2903633333334</v>
      </c>
      <c r="M72">
        <f t="shared" si="11"/>
        <v>530.76132999999993</v>
      </c>
      <c r="N72">
        <f t="shared" si="12"/>
        <v>-14.498693332126317</v>
      </c>
      <c r="O72">
        <f t="shared" si="13"/>
        <v>1.9069257412109379</v>
      </c>
      <c r="Q72">
        <v>1202.383</v>
      </c>
      <c r="R72">
        <v>524.64417000000003</v>
      </c>
      <c r="S72">
        <v>1</v>
      </c>
      <c r="T72">
        <v>1321.0018</v>
      </c>
      <c r="U72">
        <v>442.84649999999999</v>
      </c>
      <c r="V72">
        <v>0.9996661</v>
      </c>
      <c r="W72">
        <v>1331.2107000000001</v>
      </c>
      <c r="X72">
        <v>586.82153000000005</v>
      </c>
      <c r="Y72">
        <v>0.93915784000000002</v>
      </c>
      <c r="Z72">
        <f t="shared" si="14"/>
        <v>1284.8651666666667</v>
      </c>
      <c r="AA72">
        <f t="shared" si="15"/>
        <v>518.10406666666665</v>
      </c>
      <c r="AB72">
        <f t="shared" si="16"/>
        <v>14.792479032261033</v>
      </c>
      <c r="AC72">
        <f t="shared" si="17"/>
        <v>2.1783328681661809</v>
      </c>
    </row>
    <row r="73" spans="1:29" x14ac:dyDescent="0.4">
      <c r="A73">
        <v>70</v>
      </c>
      <c r="B73">
        <f t="shared" si="9"/>
        <v>2.3333333333333335</v>
      </c>
      <c r="C73">
        <v>483.58233999999999</v>
      </c>
      <c r="D73">
        <v>520.99180000000001</v>
      </c>
      <c r="E73">
        <v>0.92868435000000005</v>
      </c>
      <c r="F73">
        <v>616.37350000000004</v>
      </c>
      <c r="G73">
        <v>463.52005000000003</v>
      </c>
      <c r="H73">
        <v>0.92155134999999999</v>
      </c>
      <c r="I73">
        <v>599.61210000000005</v>
      </c>
      <c r="J73">
        <v>607.61959999999999</v>
      </c>
      <c r="K73">
        <v>0.88210434000000004</v>
      </c>
      <c r="L73">
        <f t="shared" si="10"/>
        <v>566.52264666666667</v>
      </c>
      <c r="M73">
        <f t="shared" si="11"/>
        <v>530.7104833333334</v>
      </c>
      <c r="N73">
        <f t="shared" si="12"/>
        <v>-14.489311269127423</v>
      </c>
      <c r="O73">
        <f t="shared" si="13"/>
        <v>1.9089246375606284</v>
      </c>
      <c r="Q73">
        <v>1202.2085</v>
      </c>
      <c r="R73">
        <v>524.7251</v>
      </c>
      <c r="S73">
        <v>1</v>
      </c>
      <c r="T73">
        <v>1320.8425</v>
      </c>
      <c r="U73">
        <v>442.72455000000002</v>
      </c>
      <c r="V73">
        <v>0.98958665000000001</v>
      </c>
      <c r="W73">
        <v>1331.1421</v>
      </c>
      <c r="X73">
        <v>586.68700000000001</v>
      </c>
      <c r="Y73">
        <v>0.93594379999999999</v>
      </c>
      <c r="Z73">
        <f t="shared" si="14"/>
        <v>1284.7310333333332</v>
      </c>
      <c r="AA73">
        <f t="shared" si="15"/>
        <v>518.04554999999993</v>
      </c>
      <c r="AB73">
        <f t="shared" si="16"/>
        <v>14.786972416508888</v>
      </c>
      <c r="AC73">
        <f t="shared" si="17"/>
        <v>2.1807687560055142</v>
      </c>
    </row>
    <row r="74" spans="1:29" x14ac:dyDescent="0.4">
      <c r="A74">
        <v>71</v>
      </c>
      <c r="B74">
        <f t="shared" si="9"/>
        <v>2.3666666666666667</v>
      </c>
      <c r="C74">
        <v>483.88889999999998</v>
      </c>
      <c r="D74">
        <v>520.99339999999995</v>
      </c>
      <c r="E74">
        <v>0.92703349999999995</v>
      </c>
      <c r="F74">
        <v>616.57947000000001</v>
      </c>
      <c r="G74">
        <v>463.49448000000001</v>
      </c>
      <c r="H74">
        <v>0.91954020000000003</v>
      </c>
      <c r="I74">
        <v>599.82920000000001</v>
      </c>
      <c r="J74">
        <v>607.61339999999996</v>
      </c>
      <c r="K74">
        <v>0.87838495000000005</v>
      </c>
      <c r="L74">
        <f t="shared" si="10"/>
        <v>566.76585666666676</v>
      </c>
      <c r="M74">
        <f t="shared" si="11"/>
        <v>530.70042666666666</v>
      </c>
      <c r="N74">
        <f t="shared" si="12"/>
        <v>-14.479501773442157</v>
      </c>
      <c r="O74">
        <f t="shared" si="13"/>
        <v>1.9092545278961073</v>
      </c>
      <c r="Q74">
        <v>1202.0685000000001</v>
      </c>
      <c r="R74">
        <v>524.80380000000002</v>
      </c>
      <c r="S74">
        <v>1</v>
      </c>
      <c r="T74">
        <v>1320.7702999999999</v>
      </c>
      <c r="U74">
        <v>442.69907000000001</v>
      </c>
      <c r="V74">
        <v>0.98008660000000003</v>
      </c>
      <c r="W74">
        <v>1330.9667999999999</v>
      </c>
      <c r="X74">
        <v>586.61389999999994</v>
      </c>
      <c r="Y74">
        <v>0.93159985999999995</v>
      </c>
      <c r="Z74">
        <f t="shared" si="14"/>
        <v>1284.6018666666666</v>
      </c>
      <c r="AA74">
        <f t="shared" si="15"/>
        <v>518.0389233333334</v>
      </c>
      <c r="AB74">
        <f t="shared" si="16"/>
        <v>14.781653611310317</v>
      </c>
      <c r="AC74">
        <f t="shared" si="17"/>
        <v>2.1810846117064306</v>
      </c>
    </row>
    <row r="75" spans="1:29" x14ac:dyDescent="0.4">
      <c r="A75">
        <v>72</v>
      </c>
      <c r="B75">
        <f t="shared" si="9"/>
        <v>2.4</v>
      </c>
      <c r="C75">
        <v>484.11547999999999</v>
      </c>
      <c r="D75">
        <v>520.94240000000002</v>
      </c>
      <c r="E75">
        <v>0.92690265000000005</v>
      </c>
      <c r="F75">
        <v>616.67629999999997</v>
      </c>
      <c r="G75">
        <v>463.52343999999999</v>
      </c>
      <c r="H75">
        <v>0.91972977</v>
      </c>
      <c r="I75">
        <v>599.94335999999998</v>
      </c>
      <c r="J75">
        <v>607.61369999999999</v>
      </c>
      <c r="K75">
        <v>0.87300789999999995</v>
      </c>
      <c r="L75">
        <f t="shared" si="10"/>
        <v>566.9117133333333</v>
      </c>
      <c r="M75">
        <f t="shared" si="11"/>
        <v>530.6931800000001</v>
      </c>
      <c r="N75">
        <f t="shared" si="12"/>
        <v>-14.473618444615566</v>
      </c>
      <c r="O75">
        <f t="shared" si="13"/>
        <v>1.9095019951922394</v>
      </c>
      <c r="Q75">
        <v>1201.9293</v>
      </c>
      <c r="R75">
        <v>524.8854</v>
      </c>
      <c r="S75">
        <v>1</v>
      </c>
      <c r="T75">
        <v>1320.6609000000001</v>
      </c>
      <c r="U75">
        <v>442.74417</v>
      </c>
      <c r="V75">
        <v>0.97733650000000005</v>
      </c>
      <c r="W75">
        <v>1330.7887000000001</v>
      </c>
      <c r="X75">
        <v>586.48737000000006</v>
      </c>
      <c r="Y75">
        <v>0.93314399999999997</v>
      </c>
      <c r="Z75">
        <f t="shared" si="14"/>
        <v>1284.4596333333334</v>
      </c>
      <c r="AA75">
        <f t="shared" si="15"/>
        <v>518.03898000000004</v>
      </c>
      <c r="AB75">
        <f t="shared" si="16"/>
        <v>14.775794390129265</v>
      </c>
      <c r="AC75">
        <f t="shared" si="17"/>
        <v>2.1811322218919322</v>
      </c>
    </row>
    <row r="76" spans="1:29" x14ac:dyDescent="0.4">
      <c r="A76">
        <v>73</v>
      </c>
      <c r="B76">
        <f t="shared" si="9"/>
        <v>2.4333333333333331</v>
      </c>
      <c r="C76">
        <v>484.33792</v>
      </c>
      <c r="D76">
        <v>521.04094999999995</v>
      </c>
      <c r="E76">
        <v>0.92805903999999995</v>
      </c>
      <c r="F76">
        <v>616.8691</v>
      </c>
      <c r="G76">
        <v>463.40604000000002</v>
      </c>
      <c r="H76">
        <v>0.92468715000000001</v>
      </c>
      <c r="I76">
        <v>600.14</v>
      </c>
      <c r="J76">
        <v>607.46109999999999</v>
      </c>
      <c r="K76">
        <v>0.86454969999999998</v>
      </c>
      <c r="L76">
        <f t="shared" si="10"/>
        <v>567.11567333333335</v>
      </c>
      <c r="M76">
        <f t="shared" si="11"/>
        <v>530.63603000000001</v>
      </c>
      <c r="N76">
        <f t="shared" si="12"/>
        <v>-14.465376181388091</v>
      </c>
      <c r="O76">
        <f t="shared" si="13"/>
        <v>1.9117676380074693</v>
      </c>
      <c r="Q76">
        <v>1201.7725</v>
      </c>
      <c r="R76">
        <v>524.90549999999996</v>
      </c>
      <c r="S76">
        <v>1</v>
      </c>
      <c r="T76">
        <v>1320.5050000000001</v>
      </c>
      <c r="U76">
        <v>442.69342</v>
      </c>
      <c r="V76">
        <v>0.97560656000000001</v>
      </c>
      <c r="W76">
        <v>1330.6941999999999</v>
      </c>
      <c r="X76">
        <v>586.54200000000003</v>
      </c>
      <c r="Y76">
        <v>0.93012570000000006</v>
      </c>
      <c r="Z76">
        <f t="shared" si="14"/>
        <v>1284.3239000000001</v>
      </c>
      <c r="AA76">
        <f t="shared" si="15"/>
        <v>518.04697333333331</v>
      </c>
      <c r="AB76">
        <f t="shared" si="16"/>
        <v>14.770200383733059</v>
      </c>
      <c r="AC76">
        <f t="shared" si="17"/>
        <v>2.180853554289178</v>
      </c>
    </row>
    <row r="77" spans="1:29" x14ac:dyDescent="0.4">
      <c r="A77">
        <v>74</v>
      </c>
      <c r="B77">
        <f t="shared" si="9"/>
        <v>2.4666666666666668</v>
      </c>
      <c r="C77">
        <v>484.47982999999999</v>
      </c>
      <c r="D77">
        <v>521.20230000000004</v>
      </c>
      <c r="E77">
        <v>0.93466663000000005</v>
      </c>
      <c r="F77">
        <v>617.14080000000001</v>
      </c>
      <c r="G77">
        <v>463.38015999999999</v>
      </c>
      <c r="H77">
        <v>0.93082560000000003</v>
      </c>
      <c r="I77">
        <v>600.30470000000003</v>
      </c>
      <c r="J77">
        <v>607.40890000000002</v>
      </c>
      <c r="K77">
        <v>0.85856359999999998</v>
      </c>
      <c r="L77">
        <f t="shared" si="10"/>
        <v>567.30844333333334</v>
      </c>
      <c r="M77">
        <f t="shared" si="11"/>
        <v>530.66378666666662</v>
      </c>
      <c r="N77">
        <f t="shared" si="12"/>
        <v>-14.457612531548063</v>
      </c>
      <c r="O77">
        <f t="shared" si="13"/>
        <v>1.9105704171091844</v>
      </c>
      <c r="Q77">
        <v>1201.6122</v>
      </c>
      <c r="R77">
        <v>524.99163999999996</v>
      </c>
      <c r="S77">
        <v>1</v>
      </c>
      <c r="T77">
        <v>1320.3198</v>
      </c>
      <c r="U77">
        <v>442.589</v>
      </c>
      <c r="V77">
        <v>0.95582420000000001</v>
      </c>
      <c r="W77">
        <v>1330.6760999999999</v>
      </c>
      <c r="X77">
        <v>586.43493999999998</v>
      </c>
      <c r="Y77">
        <v>0.92942469999999999</v>
      </c>
      <c r="Z77">
        <f t="shared" si="14"/>
        <v>1284.2026999999998</v>
      </c>
      <c r="AA77">
        <f t="shared" si="15"/>
        <v>518.0051933333333</v>
      </c>
      <c r="AB77">
        <f t="shared" si="16"/>
        <v>14.765221208857509</v>
      </c>
      <c r="AC77">
        <f t="shared" si="17"/>
        <v>2.1826016644737583</v>
      </c>
    </row>
    <row r="78" spans="1:29" x14ac:dyDescent="0.4">
      <c r="A78">
        <v>75</v>
      </c>
      <c r="B78">
        <f t="shared" si="9"/>
        <v>2.5</v>
      </c>
      <c r="C78">
        <v>484.70434999999998</v>
      </c>
      <c r="D78">
        <v>521.05939999999998</v>
      </c>
      <c r="E78">
        <v>0.92949550000000003</v>
      </c>
      <c r="F78">
        <v>617.36720000000003</v>
      </c>
      <c r="G78">
        <v>463.35287</v>
      </c>
      <c r="H78">
        <v>0.93054669999999995</v>
      </c>
      <c r="I78">
        <v>600.46079999999995</v>
      </c>
      <c r="J78">
        <v>607.29265999999996</v>
      </c>
      <c r="K78">
        <v>0.85673060000000001</v>
      </c>
      <c r="L78">
        <f t="shared" si="10"/>
        <v>567.51078333333328</v>
      </c>
      <c r="M78">
        <f t="shared" si="11"/>
        <v>530.56831</v>
      </c>
      <c r="N78">
        <f t="shared" si="12"/>
        <v>-14.449423088398559</v>
      </c>
      <c r="O78">
        <f t="shared" si="13"/>
        <v>1.9144013975717824</v>
      </c>
      <c r="Q78">
        <v>1201.5992000000001</v>
      </c>
      <c r="R78">
        <v>525.02380000000005</v>
      </c>
      <c r="S78">
        <v>1</v>
      </c>
      <c r="T78">
        <v>1320.2346</v>
      </c>
      <c r="U78">
        <v>442.54039999999998</v>
      </c>
      <c r="V78">
        <v>0.96241169999999998</v>
      </c>
      <c r="W78">
        <v>1330.6197999999999</v>
      </c>
      <c r="X78">
        <v>586.50684000000001</v>
      </c>
      <c r="Y78">
        <v>0.93244859999999996</v>
      </c>
      <c r="Z78">
        <f t="shared" si="14"/>
        <v>1284.1512</v>
      </c>
      <c r="AA78">
        <f t="shared" si="15"/>
        <v>518.02368000000001</v>
      </c>
      <c r="AB78">
        <f t="shared" si="16"/>
        <v>14.76309373559276</v>
      </c>
      <c r="AC78">
        <f t="shared" si="17"/>
        <v>2.1818650657449847</v>
      </c>
    </row>
    <row r="79" spans="1:29" x14ac:dyDescent="0.4">
      <c r="A79">
        <v>76</v>
      </c>
      <c r="B79">
        <f t="shared" si="9"/>
        <v>2.5333333333333332</v>
      </c>
      <c r="C79">
        <v>484.94936999999999</v>
      </c>
      <c r="D79">
        <v>521.02057000000002</v>
      </c>
      <c r="E79">
        <v>0.91721016</v>
      </c>
      <c r="F79">
        <v>617.56219999999996</v>
      </c>
      <c r="G79">
        <v>463.35129999999998</v>
      </c>
      <c r="H79">
        <v>0.93504964999999995</v>
      </c>
      <c r="I79">
        <v>600.76589999999999</v>
      </c>
      <c r="J79">
        <v>607.09119999999996</v>
      </c>
      <c r="K79">
        <v>0.85738987</v>
      </c>
      <c r="L79">
        <f t="shared" si="10"/>
        <v>567.75915666666663</v>
      </c>
      <c r="M79">
        <f t="shared" si="11"/>
        <v>530.48768999999993</v>
      </c>
      <c r="N79">
        <f t="shared" si="12"/>
        <v>-14.439382274457381</v>
      </c>
      <c r="O79">
        <f t="shared" si="13"/>
        <v>1.9176105284749441</v>
      </c>
      <c r="Q79">
        <v>1201.4866</v>
      </c>
      <c r="R79">
        <v>525.03516000000002</v>
      </c>
      <c r="S79">
        <v>1</v>
      </c>
      <c r="T79">
        <v>1320.077</v>
      </c>
      <c r="U79">
        <v>442.53519999999997</v>
      </c>
      <c r="V79">
        <v>0.9650223</v>
      </c>
      <c r="W79">
        <v>1330.4645</v>
      </c>
      <c r="X79">
        <v>586.50930000000005</v>
      </c>
      <c r="Y79">
        <v>0.92780393000000005</v>
      </c>
      <c r="Z79">
        <f t="shared" si="14"/>
        <v>1284.0093666666667</v>
      </c>
      <c r="AA79">
        <f t="shared" si="15"/>
        <v>518.02655333333325</v>
      </c>
      <c r="AB79">
        <f t="shared" si="16"/>
        <v>14.75725015745506</v>
      </c>
      <c r="AC79">
        <f t="shared" si="17"/>
        <v>2.1817975500365434</v>
      </c>
    </row>
    <row r="80" spans="1:29" x14ac:dyDescent="0.4">
      <c r="A80">
        <v>77</v>
      </c>
      <c r="B80">
        <f t="shared" si="9"/>
        <v>2.5666666666666669</v>
      </c>
      <c r="C80">
        <v>485.05887000000001</v>
      </c>
      <c r="D80">
        <v>521.03719999999998</v>
      </c>
      <c r="E80">
        <v>0.91432405000000005</v>
      </c>
      <c r="F80">
        <v>617.67160000000001</v>
      </c>
      <c r="G80">
        <v>463.35464000000002</v>
      </c>
      <c r="H80">
        <v>0.93994564000000003</v>
      </c>
      <c r="I80">
        <v>600.90210000000002</v>
      </c>
      <c r="J80">
        <v>607.08344</v>
      </c>
      <c r="K80">
        <v>0.85955809999999999</v>
      </c>
      <c r="L80">
        <f t="shared" si="10"/>
        <v>567.87752333333333</v>
      </c>
      <c r="M80">
        <f t="shared" si="11"/>
        <v>530.49176</v>
      </c>
      <c r="N80">
        <f t="shared" si="12"/>
        <v>-14.434610871149694</v>
      </c>
      <c r="O80">
        <f t="shared" si="13"/>
        <v>1.9174050772459574</v>
      </c>
      <c r="Q80">
        <v>1201.3672999999999</v>
      </c>
      <c r="R80">
        <v>525.00980000000004</v>
      </c>
      <c r="S80">
        <v>1</v>
      </c>
      <c r="T80">
        <v>1319.8875</v>
      </c>
      <c r="U80">
        <v>442.45425</v>
      </c>
      <c r="V80">
        <v>0.95947229999999994</v>
      </c>
      <c r="W80">
        <v>1330.4509</v>
      </c>
      <c r="X80">
        <v>586.46405000000004</v>
      </c>
      <c r="Y80">
        <v>0.92256070000000001</v>
      </c>
      <c r="Z80">
        <f t="shared" si="14"/>
        <v>1283.9018999999998</v>
      </c>
      <c r="AA80">
        <f t="shared" si="15"/>
        <v>517.97603333333336</v>
      </c>
      <c r="AB80">
        <f t="shared" si="16"/>
        <v>14.752839584884256</v>
      </c>
      <c r="AC80">
        <f t="shared" si="17"/>
        <v>2.1838976284798188</v>
      </c>
    </row>
    <row r="81" spans="1:29" x14ac:dyDescent="0.4">
      <c r="A81">
        <v>78</v>
      </c>
      <c r="B81">
        <f t="shared" si="9"/>
        <v>2.6</v>
      </c>
      <c r="C81">
        <v>485.13348000000002</v>
      </c>
      <c r="D81">
        <v>521.07683999999995</v>
      </c>
      <c r="E81">
        <v>0.91631580000000001</v>
      </c>
      <c r="F81">
        <v>617.87890000000004</v>
      </c>
      <c r="G81">
        <v>463.30515000000003</v>
      </c>
      <c r="H81">
        <v>0.93827360000000004</v>
      </c>
      <c r="I81">
        <v>601.077</v>
      </c>
      <c r="J81">
        <v>607.16049999999996</v>
      </c>
      <c r="K81">
        <v>0.87684536000000002</v>
      </c>
      <c r="L81">
        <f t="shared" si="10"/>
        <v>568.02979333333337</v>
      </c>
      <c r="M81">
        <f t="shared" si="11"/>
        <v>530.51416333333327</v>
      </c>
      <c r="N81">
        <f t="shared" si="12"/>
        <v>-14.428478342108731</v>
      </c>
      <c r="O81">
        <f t="shared" si="13"/>
        <v>1.9164398607382129</v>
      </c>
      <c r="Q81">
        <v>1201.2401</v>
      </c>
      <c r="R81">
        <v>525.11239999999998</v>
      </c>
      <c r="S81">
        <v>1</v>
      </c>
      <c r="T81">
        <v>1319.8483000000001</v>
      </c>
      <c r="U81">
        <v>442.44445999999999</v>
      </c>
      <c r="V81">
        <v>0.95594597000000003</v>
      </c>
      <c r="W81">
        <v>1330.4628</v>
      </c>
      <c r="X81">
        <v>586.44713999999999</v>
      </c>
      <c r="Y81">
        <v>0.93011250000000001</v>
      </c>
      <c r="Z81">
        <f t="shared" si="14"/>
        <v>1283.8504</v>
      </c>
      <c r="AA81">
        <f t="shared" si="15"/>
        <v>518.00133333333326</v>
      </c>
      <c r="AB81">
        <f t="shared" si="16"/>
        <v>14.750709923223305</v>
      </c>
      <c r="AC81">
        <f t="shared" si="17"/>
        <v>2.1828828913458618</v>
      </c>
    </row>
    <row r="82" spans="1:29" x14ac:dyDescent="0.4">
      <c r="A82">
        <v>79</v>
      </c>
      <c r="B82">
        <f t="shared" si="9"/>
        <v>2.6333333333333333</v>
      </c>
      <c r="C82">
        <v>485.35458</v>
      </c>
      <c r="D82">
        <v>521.10249999999996</v>
      </c>
      <c r="E82">
        <v>0.91583157000000004</v>
      </c>
      <c r="F82">
        <v>618.03765999999996</v>
      </c>
      <c r="G82">
        <v>463.26422000000002</v>
      </c>
      <c r="H82">
        <v>0.94467659999999998</v>
      </c>
      <c r="I82">
        <v>601.13049999999998</v>
      </c>
      <c r="J82">
        <v>607.21730000000002</v>
      </c>
      <c r="K82">
        <v>0.88009303999999999</v>
      </c>
      <c r="L82">
        <f t="shared" si="10"/>
        <v>568.17424666666659</v>
      </c>
      <c r="M82">
        <f t="shared" si="11"/>
        <v>530.52800666666667</v>
      </c>
      <c r="N82">
        <f t="shared" si="12"/>
        <v>-14.422658198068511</v>
      </c>
      <c r="O82">
        <f t="shared" si="13"/>
        <v>1.9158267253905987</v>
      </c>
      <c r="Q82">
        <v>1201.1241</v>
      </c>
      <c r="R82">
        <v>525.17125999999996</v>
      </c>
      <c r="S82">
        <v>1</v>
      </c>
      <c r="T82">
        <v>1319.5715</v>
      </c>
      <c r="U82">
        <v>442.39902000000001</v>
      </c>
      <c r="V82">
        <v>0.96102120000000002</v>
      </c>
      <c r="W82">
        <v>1330.431</v>
      </c>
      <c r="X82">
        <v>586.44524999999999</v>
      </c>
      <c r="Y82">
        <v>0.93225913999999999</v>
      </c>
      <c r="Z82">
        <f t="shared" si="14"/>
        <v>1283.7088666666666</v>
      </c>
      <c r="AA82">
        <f t="shared" si="15"/>
        <v>518.00517666666667</v>
      </c>
      <c r="AB82">
        <f t="shared" si="16"/>
        <v>14.744878440788712</v>
      </c>
      <c r="AC82">
        <f t="shared" si="17"/>
        <v>2.1827756712741229</v>
      </c>
    </row>
    <row r="83" spans="1:29" x14ac:dyDescent="0.4">
      <c r="A83">
        <v>80</v>
      </c>
      <c r="B83">
        <f t="shared" si="9"/>
        <v>2.6666666666666665</v>
      </c>
      <c r="C83">
        <v>485.46557999999999</v>
      </c>
      <c r="D83">
        <v>520.97735999999998</v>
      </c>
      <c r="E83">
        <v>0.91025674000000001</v>
      </c>
      <c r="F83">
        <v>618.23676</v>
      </c>
      <c r="G83">
        <v>463.26553000000001</v>
      </c>
      <c r="H83">
        <v>0.9503433</v>
      </c>
      <c r="I83">
        <v>601.23140000000001</v>
      </c>
      <c r="J83">
        <v>607.18089999999995</v>
      </c>
      <c r="K83">
        <v>0.87548150000000002</v>
      </c>
      <c r="L83">
        <f t="shared" si="10"/>
        <v>568.31124666666665</v>
      </c>
      <c r="M83">
        <f t="shared" si="11"/>
        <v>530.47459666666657</v>
      </c>
      <c r="N83">
        <f t="shared" si="12"/>
        <v>-14.417116800982196</v>
      </c>
      <c r="O83">
        <f t="shared" si="13"/>
        <v>1.9179618829006879</v>
      </c>
      <c r="Q83">
        <v>1201.0372</v>
      </c>
      <c r="R83">
        <v>525.1884</v>
      </c>
      <c r="S83">
        <v>0.99708616999999999</v>
      </c>
      <c r="T83">
        <v>1319.3813</v>
      </c>
      <c r="U83">
        <v>442.37024000000002</v>
      </c>
      <c r="V83">
        <v>0.95776766999999996</v>
      </c>
      <c r="W83">
        <v>1330.3391999999999</v>
      </c>
      <c r="X83">
        <v>586.40704000000005</v>
      </c>
      <c r="Y83">
        <v>0.91869133999999997</v>
      </c>
      <c r="Z83">
        <f t="shared" si="14"/>
        <v>1283.5858999999998</v>
      </c>
      <c r="AA83">
        <f t="shared" si="15"/>
        <v>517.98856000000001</v>
      </c>
      <c r="AB83">
        <f t="shared" si="16"/>
        <v>14.739818430254482</v>
      </c>
      <c r="AC83">
        <f t="shared" si="17"/>
        <v>2.1834971654205293</v>
      </c>
    </row>
    <row r="84" spans="1:29" x14ac:dyDescent="0.4">
      <c r="A84">
        <v>81</v>
      </c>
      <c r="B84">
        <f t="shared" si="9"/>
        <v>2.7</v>
      </c>
      <c r="C84">
        <v>485.54257000000001</v>
      </c>
      <c r="D84">
        <v>521.04223999999999</v>
      </c>
      <c r="E84">
        <v>0.90791725999999995</v>
      </c>
      <c r="F84">
        <v>618.31133999999997</v>
      </c>
      <c r="G84">
        <v>463.25488000000001</v>
      </c>
      <c r="H84">
        <v>0.9620687</v>
      </c>
      <c r="I84">
        <v>601.40099999999995</v>
      </c>
      <c r="J84">
        <v>607.08765000000005</v>
      </c>
      <c r="K84">
        <v>0.88651097000000001</v>
      </c>
      <c r="L84">
        <f t="shared" si="10"/>
        <v>568.41830333333337</v>
      </c>
      <c r="M84">
        <f t="shared" si="11"/>
        <v>530.46159</v>
      </c>
      <c r="N84">
        <f t="shared" si="12"/>
        <v>-14.412795836840536</v>
      </c>
      <c r="O84">
        <f t="shared" si="13"/>
        <v>1.9184573895571504</v>
      </c>
      <c r="Q84">
        <v>1201.0807</v>
      </c>
      <c r="R84">
        <v>525.14290000000005</v>
      </c>
      <c r="S84">
        <v>0.99066496000000004</v>
      </c>
      <c r="T84">
        <v>1319.1719000000001</v>
      </c>
      <c r="U84">
        <v>442.44729999999998</v>
      </c>
      <c r="V84">
        <v>0.96500430000000004</v>
      </c>
      <c r="W84">
        <v>1330.037</v>
      </c>
      <c r="X84">
        <v>586.42570000000001</v>
      </c>
      <c r="Y84">
        <v>0.91168039999999995</v>
      </c>
      <c r="Z84">
        <f t="shared" si="14"/>
        <v>1283.4298666666666</v>
      </c>
      <c r="AA84">
        <f t="shared" si="15"/>
        <v>518.00530000000003</v>
      </c>
      <c r="AB84">
        <f t="shared" si="16"/>
        <v>14.733385517347568</v>
      </c>
      <c r="AC84">
        <f t="shared" si="17"/>
        <v>2.1828685574753046</v>
      </c>
    </row>
    <row r="85" spans="1:29" x14ac:dyDescent="0.4">
      <c r="A85">
        <v>82</v>
      </c>
      <c r="B85">
        <f t="shared" si="9"/>
        <v>2.7333333333333334</v>
      </c>
      <c r="C85">
        <v>485.82947000000001</v>
      </c>
      <c r="D85">
        <v>521.06730000000005</v>
      </c>
      <c r="E85">
        <v>0.90252465000000004</v>
      </c>
      <c r="F85">
        <v>618.4348</v>
      </c>
      <c r="G85">
        <v>463.21463</v>
      </c>
      <c r="H85">
        <v>0.96077129999999999</v>
      </c>
      <c r="I85">
        <v>601.47479999999996</v>
      </c>
      <c r="J85">
        <v>607.03765999999996</v>
      </c>
      <c r="K85">
        <v>0.88752589999999998</v>
      </c>
      <c r="L85">
        <f t="shared" si="10"/>
        <v>568.57969000000003</v>
      </c>
      <c r="M85">
        <f t="shared" si="11"/>
        <v>530.43986333333339</v>
      </c>
      <c r="N85">
        <f t="shared" si="12"/>
        <v>-14.406281322044537</v>
      </c>
      <c r="O85">
        <f t="shared" si="13"/>
        <v>1.9192908848039087</v>
      </c>
      <c r="Q85">
        <v>1200.9378999999999</v>
      </c>
      <c r="R85">
        <v>525.14970000000005</v>
      </c>
      <c r="S85">
        <v>0.98261980000000004</v>
      </c>
      <c r="T85">
        <v>1319.1383000000001</v>
      </c>
      <c r="U85">
        <v>442.46625</v>
      </c>
      <c r="V85">
        <v>0.97404219999999997</v>
      </c>
      <c r="W85">
        <v>1330.0613000000001</v>
      </c>
      <c r="X85">
        <v>586.47125000000005</v>
      </c>
      <c r="Y85">
        <v>0.91649013999999995</v>
      </c>
      <c r="Z85">
        <f t="shared" si="14"/>
        <v>1283.3791666666666</v>
      </c>
      <c r="AA85">
        <f t="shared" si="15"/>
        <v>518.02906666666672</v>
      </c>
      <c r="AB85">
        <f t="shared" si="16"/>
        <v>14.73128933636915</v>
      </c>
      <c r="AC85">
        <f t="shared" si="17"/>
        <v>2.1819161333298642</v>
      </c>
    </row>
    <row r="86" spans="1:29" x14ac:dyDescent="0.4">
      <c r="A86">
        <v>83</v>
      </c>
      <c r="B86">
        <f t="shared" si="9"/>
        <v>2.7666666666666666</v>
      </c>
      <c r="C86">
        <v>486.12970000000001</v>
      </c>
      <c r="D86">
        <v>521.04390000000001</v>
      </c>
      <c r="E86">
        <v>0.89470844999999999</v>
      </c>
      <c r="F86">
        <v>618.48113999999998</v>
      </c>
      <c r="G86">
        <v>463.25560000000002</v>
      </c>
      <c r="H86">
        <v>0.96247773999999997</v>
      </c>
      <c r="I86">
        <v>601.62159999999994</v>
      </c>
      <c r="J86">
        <v>607.0462</v>
      </c>
      <c r="K86">
        <v>0.88668210000000003</v>
      </c>
      <c r="L86">
        <f t="shared" si="10"/>
        <v>568.74414666666667</v>
      </c>
      <c r="M86">
        <f t="shared" si="11"/>
        <v>530.44856666666669</v>
      </c>
      <c r="N86">
        <f t="shared" si="12"/>
        <v>-14.399652831607982</v>
      </c>
      <c r="O86">
        <f t="shared" si="13"/>
        <v>1.9188809648249534</v>
      </c>
      <c r="Q86">
        <v>1200.7909</v>
      </c>
      <c r="R86">
        <v>525.32460000000003</v>
      </c>
      <c r="S86">
        <v>0.97251432999999998</v>
      </c>
      <c r="T86">
        <v>1319.1376</v>
      </c>
      <c r="U86">
        <v>442.55963000000003</v>
      </c>
      <c r="V86">
        <v>0.97769930000000005</v>
      </c>
      <c r="W86">
        <v>1329.9108000000001</v>
      </c>
      <c r="X86">
        <v>586.44604000000004</v>
      </c>
      <c r="Y86">
        <v>0.91216739999999996</v>
      </c>
      <c r="Z86">
        <f t="shared" si="14"/>
        <v>1283.2797666666668</v>
      </c>
      <c r="AA86">
        <f t="shared" si="15"/>
        <v>518.11009000000001</v>
      </c>
      <c r="AB86">
        <f t="shared" si="16"/>
        <v>14.727168520098861</v>
      </c>
      <c r="AC86">
        <f t="shared" si="17"/>
        <v>2.1786434307410363</v>
      </c>
    </row>
    <row r="87" spans="1:29" x14ac:dyDescent="0.4">
      <c r="A87">
        <v>84</v>
      </c>
      <c r="B87">
        <f t="shared" si="9"/>
        <v>2.8</v>
      </c>
      <c r="C87">
        <v>486.10451999999998</v>
      </c>
      <c r="D87">
        <v>520.98209999999995</v>
      </c>
      <c r="E87">
        <v>0.88889499999999999</v>
      </c>
      <c r="F87">
        <v>618.45830000000001</v>
      </c>
      <c r="G87">
        <v>463.29219999999998</v>
      </c>
      <c r="H87">
        <v>0.9579107</v>
      </c>
      <c r="I87">
        <v>601.81573000000003</v>
      </c>
      <c r="J87">
        <v>607.05175999999994</v>
      </c>
      <c r="K87">
        <v>0.88815093000000001</v>
      </c>
      <c r="L87">
        <f t="shared" si="10"/>
        <v>568.79285000000004</v>
      </c>
      <c r="M87">
        <f t="shared" si="11"/>
        <v>530.44201999999996</v>
      </c>
      <c r="N87">
        <f t="shared" si="12"/>
        <v>-14.397686865961715</v>
      </c>
      <c r="O87">
        <f t="shared" si="13"/>
        <v>1.9191320880756817</v>
      </c>
      <c r="Q87">
        <v>1200.664</v>
      </c>
      <c r="R87">
        <v>525.27782999999999</v>
      </c>
      <c r="S87">
        <v>0.96724710000000003</v>
      </c>
      <c r="T87">
        <v>1318.9177999999999</v>
      </c>
      <c r="U87">
        <v>442.40735000000001</v>
      </c>
      <c r="V87">
        <v>0.9845391</v>
      </c>
      <c r="W87">
        <v>1329.8456000000001</v>
      </c>
      <c r="X87">
        <v>586.5489</v>
      </c>
      <c r="Y87">
        <v>0.90778760000000003</v>
      </c>
      <c r="Z87">
        <f t="shared" si="14"/>
        <v>1283.1424666666667</v>
      </c>
      <c r="AA87">
        <f t="shared" si="15"/>
        <v>518.07802666666669</v>
      </c>
      <c r="AB87">
        <f t="shared" si="16"/>
        <v>14.721523150275431</v>
      </c>
      <c r="AC87">
        <f t="shared" si="17"/>
        <v>2.1800005288821436</v>
      </c>
    </row>
    <row r="88" spans="1:29" x14ac:dyDescent="0.4">
      <c r="A88">
        <v>85</v>
      </c>
      <c r="B88">
        <f t="shared" si="9"/>
        <v>2.8333333333333335</v>
      </c>
      <c r="C88">
        <v>486.18695000000002</v>
      </c>
      <c r="D88">
        <v>521.16729999999995</v>
      </c>
      <c r="E88">
        <v>0.89494949999999995</v>
      </c>
      <c r="F88">
        <v>618.69213999999999</v>
      </c>
      <c r="G88">
        <v>463.28879999999998</v>
      </c>
      <c r="H88">
        <v>0.96025039999999995</v>
      </c>
      <c r="I88">
        <v>602.05880000000002</v>
      </c>
      <c r="J88">
        <v>607.06200000000001</v>
      </c>
      <c r="K88">
        <v>0.88739042999999995</v>
      </c>
      <c r="L88">
        <f t="shared" si="10"/>
        <v>568.97929666666664</v>
      </c>
      <c r="M88">
        <f t="shared" si="11"/>
        <v>530.50603333333322</v>
      </c>
      <c r="N88">
        <f t="shared" si="12"/>
        <v>-14.390189529589227</v>
      </c>
      <c r="O88">
        <f t="shared" si="13"/>
        <v>1.9164566722013463</v>
      </c>
      <c r="Q88">
        <v>1200.5776000000001</v>
      </c>
      <c r="R88">
        <v>525.26153999999997</v>
      </c>
      <c r="S88">
        <v>0.95845369999999996</v>
      </c>
      <c r="T88">
        <v>1318.7251000000001</v>
      </c>
      <c r="U88">
        <v>442.43137000000002</v>
      </c>
      <c r="V88">
        <v>0.98755859999999995</v>
      </c>
      <c r="W88">
        <v>1329.7109</v>
      </c>
      <c r="X88">
        <v>586.60249999999996</v>
      </c>
      <c r="Y88">
        <v>0.90723693000000005</v>
      </c>
      <c r="Z88">
        <f t="shared" si="14"/>
        <v>1283.0045333333335</v>
      </c>
      <c r="AA88">
        <f t="shared" si="15"/>
        <v>518.09847000000002</v>
      </c>
      <c r="AB88">
        <f t="shared" si="16"/>
        <v>14.715834704972449</v>
      </c>
      <c r="AC88">
        <f t="shared" si="17"/>
        <v>2.1792143861586881</v>
      </c>
    </row>
    <row r="89" spans="1:29" x14ac:dyDescent="0.4">
      <c r="A89">
        <v>86</v>
      </c>
      <c r="B89">
        <f t="shared" si="9"/>
        <v>2.8666666666666667</v>
      </c>
      <c r="C89">
        <v>486.37112000000002</v>
      </c>
      <c r="D89">
        <v>521.31740000000002</v>
      </c>
      <c r="E89">
        <v>0.89514243999999998</v>
      </c>
      <c r="F89">
        <v>618.89453000000003</v>
      </c>
      <c r="G89">
        <v>463.27417000000003</v>
      </c>
      <c r="H89">
        <v>0.95674599999999999</v>
      </c>
      <c r="I89">
        <v>602.19629999999995</v>
      </c>
      <c r="J89">
        <v>607.08374000000003</v>
      </c>
      <c r="K89">
        <v>0.88253990000000004</v>
      </c>
      <c r="L89">
        <f t="shared" si="10"/>
        <v>569.15398333333326</v>
      </c>
      <c r="M89">
        <f t="shared" si="11"/>
        <v>530.55843666666669</v>
      </c>
      <c r="N89">
        <f t="shared" si="12"/>
        <v>-14.383162593973152</v>
      </c>
      <c r="O89">
        <f t="shared" si="13"/>
        <v>1.9142591702451965</v>
      </c>
      <c r="Q89">
        <v>1200.173</v>
      </c>
      <c r="R89">
        <v>525.80133000000001</v>
      </c>
      <c r="S89">
        <v>0.95589405000000005</v>
      </c>
      <c r="T89">
        <v>1318.6289999999999</v>
      </c>
      <c r="U89">
        <v>442.39830000000001</v>
      </c>
      <c r="V89">
        <v>0.98583469999999995</v>
      </c>
      <c r="W89">
        <v>1329.6663000000001</v>
      </c>
      <c r="X89">
        <v>586.56880000000001</v>
      </c>
      <c r="Y89">
        <v>0.91140854000000004</v>
      </c>
      <c r="Z89">
        <f t="shared" si="14"/>
        <v>1282.8227666666664</v>
      </c>
      <c r="AA89">
        <f t="shared" si="15"/>
        <v>518.2561433333334</v>
      </c>
      <c r="AB89">
        <f t="shared" si="16"/>
        <v>14.708296233119626</v>
      </c>
      <c r="AC89">
        <f t="shared" si="17"/>
        <v>2.1728415246876969</v>
      </c>
    </row>
    <row r="90" spans="1:29" x14ac:dyDescent="0.4">
      <c r="A90">
        <v>87</v>
      </c>
      <c r="B90">
        <f t="shared" si="9"/>
        <v>2.9</v>
      </c>
      <c r="C90">
        <v>486.43973</v>
      </c>
      <c r="D90">
        <v>521.30709999999999</v>
      </c>
      <c r="E90">
        <v>0.89295329999999995</v>
      </c>
      <c r="F90">
        <v>619.15106000000003</v>
      </c>
      <c r="G90">
        <v>463.21026999999998</v>
      </c>
      <c r="H90">
        <v>0.95796954999999995</v>
      </c>
      <c r="I90">
        <v>602.33374000000003</v>
      </c>
      <c r="J90">
        <v>607.12800000000004</v>
      </c>
      <c r="K90">
        <v>0.88439270000000003</v>
      </c>
      <c r="L90">
        <f t="shared" si="10"/>
        <v>569.30817666666667</v>
      </c>
      <c r="M90">
        <f t="shared" si="11"/>
        <v>530.54845666666677</v>
      </c>
      <c r="N90">
        <f t="shared" si="12"/>
        <v>-14.376941794587561</v>
      </c>
      <c r="O90">
        <f t="shared" si="13"/>
        <v>1.9146154574718741</v>
      </c>
      <c r="Q90">
        <v>1200.0364999999999</v>
      </c>
      <c r="R90">
        <v>525.80023000000006</v>
      </c>
      <c r="S90">
        <v>0.96740556</v>
      </c>
      <c r="T90">
        <v>1318.5192</v>
      </c>
      <c r="U90">
        <v>442.35174999999998</v>
      </c>
      <c r="V90">
        <v>0.99906689999999998</v>
      </c>
      <c r="W90">
        <v>1329.6179999999999</v>
      </c>
      <c r="X90">
        <v>586.58799999999997</v>
      </c>
      <c r="Y90">
        <v>0.91431713000000003</v>
      </c>
      <c r="Z90">
        <f t="shared" si="14"/>
        <v>1282.7245666666665</v>
      </c>
      <c r="AA90">
        <f t="shared" si="15"/>
        <v>518.24666000000002</v>
      </c>
      <c r="AB90">
        <f t="shared" si="16"/>
        <v>14.704254234977272</v>
      </c>
      <c r="AC90">
        <f t="shared" si="17"/>
        <v>2.1732631236765112</v>
      </c>
    </row>
    <row r="91" spans="1:29" x14ac:dyDescent="0.4">
      <c r="A91">
        <v>88</v>
      </c>
      <c r="B91">
        <f t="shared" si="9"/>
        <v>2.9333333333333331</v>
      </c>
      <c r="C91">
        <v>486.52172999999999</v>
      </c>
      <c r="D91">
        <v>521.34760000000006</v>
      </c>
      <c r="E91">
        <v>0.89241689999999996</v>
      </c>
      <c r="F91">
        <v>619.29240000000004</v>
      </c>
      <c r="G91">
        <v>463.3116</v>
      </c>
      <c r="H91">
        <v>0.95118594000000001</v>
      </c>
      <c r="I91">
        <v>602.27250000000004</v>
      </c>
      <c r="J91">
        <v>607.0607</v>
      </c>
      <c r="K91">
        <v>0.88262485999999996</v>
      </c>
      <c r="L91">
        <f t="shared" si="10"/>
        <v>569.36221</v>
      </c>
      <c r="M91">
        <f t="shared" si="11"/>
        <v>530.57330000000002</v>
      </c>
      <c r="N91">
        <f t="shared" si="12"/>
        <v>-14.374771029003558</v>
      </c>
      <c r="O91">
        <f t="shared" si="13"/>
        <v>1.9135832192565461</v>
      </c>
      <c r="Q91">
        <v>1199.9141999999999</v>
      </c>
      <c r="R91">
        <v>525.92399999999998</v>
      </c>
      <c r="S91">
        <v>0.97815580000000002</v>
      </c>
      <c r="T91">
        <v>1318.3782000000001</v>
      </c>
      <c r="U91">
        <v>442.26179999999999</v>
      </c>
      <c r="V91">
        <v>0.99219345999999997</v>
      </c>
      <c r="W91">
        <v>1329.5764999999999</v>
      </c>
      <c r="X91">
        <v>586.6327</v>
      </c>
      <c r="Y91">
        <v>0.91241424999999998</v>
      </c>
      <c r="Z91">
        <f t="shared" si="14"/>
        <v>1282.6229666666668</v>
      </c>
      <c r="AA91">
        <f t="shared" si="15"/>
        <v>518.27283333333332</v>
      </c>
      <c r="AB91">
        <f t="shared" si="16"/>
        <v>14.700060644808145</v>
      </c>
      <c r="AC91">
        <f t="shared" si="17"/>
        <v>2.1722303125392819</v>
      </c>
    </row>
    <row r="92" spans="1:29" x14ac:dyDescent="0.4">
      <c r="A92">
        <v>89</v>
      </c>
      <c r="B92">
        <f t="shared" si="9"/>
        <v>2.9666666666666668</v>
      </c>
      <c r="C92">
        <v>486.71731999999997</v>
      </c>
      <c r="D92">
        <v>521.50739999999996</v>
      </c>
      <c r="E92">
        <v>0.89377344000000003</v>
      </c>
      <c r="F92">
        <v>619.42895999999996</v>
      </c>
      <c r="G92">
        <v>463.31952000000001</v>
      </c>
      <c r="H92">
        <v>0.94178616999999998</v>
      </c>
      <c r="I92">
        <v>602.51715000000002</v>
      </c>
      <c r="J92">
        <v>607.0394</v>
      </c>
      <c r="K92">
        <v>0.88417464000000001</v>
      </c>
      <c r="L92">
        <f t="shared" si="10"/>
        <v>569.55447666666669</v>
      </c>
      <c r="M92">
        <f t="shared" si="11"/>
        <v>530.6221066666667</v>
      </c>
      <c r="N92">
        <f t="shared" si="12"/>
        <v>-14.367033959274805</v>
      </c>
      <c r="O92">
        <f t="shared" si="13"/>
        <v>1.9115267240068383</v>
      </c>
      <c r="Q92">
        <v>1199.7411</v>
      </c>
      <c r="R92">
        <v>525.87005999999997</v>
      </c>
      <c r="S92">
        <v>0.98429763000000003</v>
      </c>
      <c r="T92">
        <v>1318.2363</v>
      </c>
      <c r="U92">
        <v>442.35629999999998</v>
      </c>
      <c r="V92">
        <v>1</v>
      </c>
      <c r="W92">
        <v>1329.4540999999999</v>
      </c>
      <c r="X92">
        <v>586.49645999999996</v>
      </c>
      <c r="Y92">
        <v>0.90675709999999998</v>
      </c>
      <c r="Z92">
        <f t="shared" si="14"/>
        <v>1282.4771666666666</v>
      </c>
      <c r="AA92">
        <f t="shared" si="15"/>
        <v>518.24094000000002</v>
      </c>
      <c r="AB92">
        <f t="shared" si="16"/>
        <v>14.694065199222928</v>
      </c>
      <c r="AC92">
        <f t="shared" si="17"/>
        <v>2.1735834536587229</v>
      </c>
    </row>
    <row r="93" spans="1:29" x14ac:dyDescent="0.4">
      <c r="A93">
        <v>90</v>
      </c>
      <c r="B93">
        <f t="shared" si="9"/>
        <v>3</v>
      </c>
      <c r="C93">
        <v>486.87261999999998</v>
      </c>
      <c r="D93">
        <v>521.49969999999996</v>
      </c>
      <c r="E93">
        <v>0.88778330000000005</v>
      </c>
      <c r="F93">
        <v>619.51289999999995</v>
      </c>
      <c r="G93">
        <v>463.36279999999999</v>
      </c>
      <c r="H93">
        <v>0.94720214999999996</v>
      </c>
      <c r="I93">
        <v>602.64599999999996</v>
      </c>
      <c r="J93">
        <v>607.05740000000003</v>
      </c>
      <c r="K93">
        <v>0.88165990000000005</v>
      </c>
      <c r="L93">
        <f t="shared" si="10"/>
        <v>569.67717333333326</v>
      </c>
      <c r="M93">
        <f t="shared" si="11"/>
        <v>530.63996666666662</v>
      </c>
      <c r="N93">
        <f t="shared" si="12"/>
        <v>-14.362092157397049</v>
      </c>
      <c r="O93">
        <f t="shared" si="13"/>
        <v>1.9107568106656734</v>
      </c>
      <c r="Q93">
        <v>1199.6171999999999</v>
      </c>
      <c r="R93">
        <v>525.94839999999999</v>
      </c>
      <c r="S93">
        <v>0.99126356999999998</v>
      </c>
      <c r="T93">
        <v>1318.1084000000001</v>
      </c>
      <c r="U93">
        <v>442.44855000000001</v>
      </c>
      <c r="V93">
        <v>1</v>
      </c>
      <c r="W93">
        <v>1329.2527</v>
      </c>
      <c r="X93">
        <v>586.54539999999997</v>
      </c>
      <c r="Y93">
        <v>0.90408239999999995</v>
      </c>
      <c r="Z93">
        <f t="shared" si="14"/>
        <v>1282.3261</v>
      </c>
      <c r="AA93">
        <f t="shared" si="15"/>
        <v>518.31411666666668</v>
      </c>
      <c r="AB93">
        <f t="shared" si="16"/>
        <v>14.687818799434254</v>
      </c>
      <c r="AC93">
        <f t="shared" si="17"/>
        <v>2.1706491958284642</v>
      </c>
    </row>
    <row r="94" spans="1:29" x14ac:dyDescent="0.4">
      <c r="A94">
        <v>91</v>
      </c>
      <c r="B94">
        <f t="shared" si="9"/>
        <v>3.0333333333333332</v>
      </c>
      <c r="C94">
        <v>487.07490000000001</v>
      </c>
      <c r="D94">
        <v>521.58965999999998</v>
      </c>
      <c r="E94">
        <v>0.87982046999999997</v>
      </c>
      <c r="F94">
        <v>619.62932999999998</v>
      </c>
      <c r="G94">
        <v>463.41417999999999</v>
      </c>
      <c r="H94">
        <v>0.94978373999999999</v>
      </c>
      <c r="I94">
        <v>602.86676</v>
      </c>
      <c r="J94">
        <v>607.08929999999998</v>
      </c>
      <c r="K94">
        <v>0.87933916000000001</v>
      </c>
      <c r="L94">
        <f t="shared" si="10"/>
        <v>569.85699666666676</v>
      </c>
      <c r="M94">
        <f t="shared" si="11"/>
        <v>530.69771333333335</v>
      </c>
      <c r="N94">
        <f t="shared" si="12"/>
        <v>-14.354859671268198</v>
      </c>
      <c r="O94">
        <f t="shared" si="13"/>
        <v>1.908339439391846</v>
      </c>
      <c r="Q94">
        <v>1199.4785999999999</v>
      </c>
      <c r="R94">
        <v>525.88367000000005</v>
      </c>
      <c r="S94">
        <v>0.99363369999999995</v>
      </c>
      <c r="T94">
        <v>1317.982</v>
      </c>
      <c r="U94">
        <v>442.51139999999998</v>
      </c>
      <c r="V94">
        <v>1</v>
      </c>
      <c r="W94">
        <v>1329.1851999999999</v>
      </c>
      <c r="X94">
        <v>586.47107000000005</v>
      </c>
      <c r="Y94">
        <v>0.90323346999999998</v>
      </c>
      <c r="Z94">
        <f t="shared" si="14"/>
        <v>1282.2152666666666</v>
      </c>
      <c r="AA94">
        <f t="shared" si="15"/>
        <v>518.28871333333336</v>
      </c>
      <c r="AB94">
        <f t="shared" si="16"/>
        <v>14.683261632145559</v>
      </c>
      <c r="AC94">
        <f t="shared" si="17"/>
        <v>2.1717251256356196</v>
      </c>
    </row>
    <row r="95" spans="1:29" x14ac:dyDescent="0.4">
      <c r="A95">
        <v>92</v>
      </c>
      <c r="B95">
        <f t="shared" si="9"/>
        <v>3.0666666666666669</v>
      </c>
      <c r="C95">
        <v>487.03662000000003</v>
      </c>
      <c r="D95">
        <v>521.50463999999999</v>
      </c>
      <c r="E95">
        <v>0.87350905000000001</v>
      </c>
      <c r="F95">
        <v>619.69434000000001</v>
      </c>
      <c r="G95">
        <v>463.3922</v>
      </c>
      <c r="H95">
        <v>0.94603269999999995</v>
      </c>
      <c r="I95">
        <v>602.99774000000002</v>
      </c>
      <c r="J95">
        <v>607.03300000000002</v>
      </c>
      <c r="K95">
        <v>0.87513684999999997</v>
      </c>
      <c r="L95">
        <f t="shared" si="10"/>
        <v>569.90956666666671</v>
      </c>
      <c r="M95">
        <f t="shared" si="11"/>
        <v>530.64328</v>
      </c>
      <c r="N95">
        <f t="shared" si="12"/>
        <v>-14.352722225277487</v>
      </c>
      <c r="O95">
        <f t="shared" si="13"/>
        <v>1.91054439918048</v>
      </c>
      <c r="Q95">
        <v>1199.3005000000001</v>
      </c>
      <c r="R95">
        <v>525.91547000000003</v>
      </c>
      <c r="S95">
        <v>0.98568239999999996</v>
      </c>
      <c r="T95">
        <v>1317.8433</v>
      </c>
      <c r="U95">
        <v>442.52449999999999</v>
      </c>
      <c r="V95">
        <v>1</v>
      </c>
      <c r="W95">
        <v>1328.9983</v>
      </c>
      <c r="X95">
        <v>586.49739999999997</v>
      </c>
      <c r="Y95">
        <v>0.90317064999999996</v>
      </c>
      <c r="Z95">
        <f t="shared" si="14"/>
        <v>1282.0473666666667</v>
      </c>
      <c r="AA95">
        <f t="shared" si="15"/>
        <v>518.31245666666666</v>
      </c>
      <c r="AB95">
        <f t="shared" si="16"/>
        <v>14.676337907863008</v>
      </c>
      <c r="AC95">
        <f t="shared" si="17"/>
        <v>2.1708147787395378</v>
      </c>
    </row>
    <row r="96" spans="1:29" x14ac:dyDescent="0.4">
      <c r="A96">
        <v>93</v>
      </c>
      <c r="B96">
        <f t="shared" si="9"/>
        <v>3.1</v>
      </c>
      <c r="C96">
        <v>487.26157000000001</v>
      </c>
      <c r="D96">
        <v>521.63604999999995</v>
      </c>
      <c r="E96">
        <v>0.88606954000000004</v>
      </c>
      <c r="F96">
        <v>619.77733999999998</v>
      </c>
      <c r="G96">
        <v>463.33353</v>
      </c>
      <c r="H96">
        <v>0.94367975000000004</v>
      </c>
      <c r="I96">
        <v>603.19965000000002</v>
      </c>
      <c r="J96">
        <v>606.89549999999997</v>
      </c>
      <c r="K96">
        <v>0.86690460000000003</v>
      </c>
      <c r="L96">
        <f t="shared" si="10"/>
        <v>570.07952</v>
      </c>
      <c r="M96">
        <f t="shared" si="11"/>
        <v>530.62169333333338</v>
      </c>
      <c r="N96">
        <f t="shared" si="12"/>
        <v>-14.345862018512257</v>
      </c>
      <c r="O96">
        <f t="shared" si="13"/>
        <v>1.9113693303127863</v>
      </c>
      <c r="Q96">
        <v>1199.153</v>
      </c>
      <c r="R96">
        <v>525.90039999999999</v>
      </c>
      <c r="S96">
        <v>0.98483109999999996</v>
      </c>
      <c r="T96">
        <v>1317.5442</v>
      </c>
      <c r="U96">
        <v>442.44076999999999</v>
      </c>
      <c r="V96">
        <v>0.99959916000000004</v>
      </c>
      <c r="W96">
        <v>1328.8014000000001</v>
      </c>
      <c r="X96">
        <v>586.45667000000003</v>
      </c>
      <c r="Y96">
        <v>0.896957</v>
      </c>
      <c r="Z96">
        <f t="shared" si="14"/>
        <v>1281.8328666666666</v>
      </c>
      <c r="AA96">
        <f t="shared" si="15"/>
        <v>518.26594666666665</v>
      </c>
      <c r="AB96">
        <f t="shared" si="16"/>
        <v>14.667517473849232</v>
      </c>
      <c r="AC96">
        <f t="shared" si="17"/>
        <v>2.1727887193529827</v>
      </c>
    </row>
    <row r="97" spans="1:29" x14ac:dyDescent="0.4">
      <c r="A97">
        <v>94</v>
      </c>
      <c r="B97">
        <f t="shared" si="9"/>
        <v>3.1333333333333333</v>
      </c>
      <c r="C97">
        <v>487.41895</v>
      </c>
      <c r="D97">
        <v>521.77422999999999</v>
      </c>
      <c r="E97">
        <v>0.89382150000000005</v>
      </c>
      <c r="F97">
        <v>619.96310000000005</v>
      </c>
      <c r="G97">
        <v>463.24810000000002</v>
      </c>
      <c r="H97">
        <v>0.95419869999999996</v>
      </c>
      <c r="I97">
        <v>603.37329999999997</v>
      </c>
      <c r="J97">
        <v>606.73969999999997</v>
      </c>
      <c r="K97">
        <v>0.86685210000000001</v>
      </c>
      <c r="L97">
        <f t="shared" si="10"/>
        <v>570.25178333333338</v>
      </c>
      <c r="M97">
        <f t="shared" si="11"/>
        <v>530.58734333333325</v>
      </c>
      <c r="N97">
        <f t="shared" si="12"/>
        <v>-14.33890449718688</v>
      </c>
      <c r="O97">
        <f t="shared" si="13"/>
        <v>1.9127145957263356</v>
      </c>
      <c r="Q97">
        <v>1198.9503</v>
      </c>
      <c r="R97">
        <v>525.95325000000003</v>
      </c>
      <c r="S97">
        <v>0.99071100000000001</v>
      </c>
      <c r="T97">
        <v>1317.4224999999999</v>
      </c>
      <c r="U97">
        <v>442.34154999999998</v>
      </c>
      <c r="V97">
        <v>0.99289810000000001</v>
      </c>
      <c r="W97">
        <v>1328.7275</v>
      </c>
      <c r="X97">
        <v>586.49710000000005</v>
      </c>
      <c r="Y97">
        <v>0.89880806000000002</v>
      </c>
      <c r="Z97">
        <f t="shared" si="14"/>
        <v>1281.7001</v>
      </c>
      <c r="AA97">
        <f t="shared" si="15"/>
        <v>518.26396666666676</v>
      </c>
      <c r="AB97">
        <f t="shared" si="16"/>
        <v>14.662049332106625</v>
      </c>
      <c r="AC97">
        <f t="shared" si="17"/>
        <v>2.1729161392974143</v>
      </c>
    </row>
    <row r="98" spans="1:29" x14ac:dyDescent="0.4">
      <c r="A98">
        <v>95</v>
      </c>
      <c r="B98">
        <f t="shared" si="9"/>
        <v>3.1666666666666665</v>
      </c>
      <c r="C98">
        <v>487.53214000000003</v>
      </c>
      <c r="D98">
        <v>521.73224000000005</v>
      </c>
      <c r="E98">
        <v>0.88312860000000004</v>
      </c>
      <c r="F98">
        <v>620.06635000000006</v>
      </c>
      <c r="G98">
        <v>463.18085000000002</v>
      </c>
      <c r="H98">
        <v>0.95372235999999999</v>
      </c>
      <c r="I98">
        <v>603.50354000000004</v>
      </c>
      <c r="J98">
        <v>606.65470000000005</v>
      </c>
      <c r="K98">
        <v>0.85285157</v>
      </c>
      <c r="L98">
        <f t="shared" si="10"/>
        <v>570.36734333333334</v>
      </c>
      <c r="M98">
        <f t="shared" si="11"/>
        <v>530.52259666666669</v>
      </c>
      <c r="N98">
        <f t="shared" si="12"/>
        <v>-14.334223644867198</v>
      </c>
      <c r="O98">
        <f t="shared" si="13"/>
        <v>1.9153197172241707</v>
      </c>
      <c r="Q98">
        <v>1198.8204000000001</v>
      </c>
      <c r="R98">
        <v>525.96720000000005</v>
      </c>
      <c r="S98">
        <v>0.98572789999999999</v>
      </c>
      <c r="T98">
        <v>1317.223</v>
      </c>
      <c r="U98">
        <v>442.37716999999998</v>
      </c>
      <c r="V98">
        <v>0.97733283000000004</v>
      </c>
      <c r="W98">
        <v>1328.6736000000001</v>
      </c>
      <c r="X98">
        <v>586.46576000000005</v>
      </c>
      <c r="Y98">
        <v>0.89792687000000004</v>
      </c>
      <c r="Z98">
        <f t="shared" si="14"/>
        <v>1281.5723333333333</v>
      </c>
      <c r="AA98">
        <f t="shared" si="15"/>
        <v>518.27004333333332</v>
      </c>
      <c r="AB98">
        <f t="shared" si="16"/>
        <v>14.656784555340346</v>
      </c>
      <c r="AC98">
        <f t="shared" si="17"/>
        <v>2.1727129088848867</v>
      </c>
    </row>
    <row r="99" spans="1:29" x14ac:dyDescent="0.4">
      <c r="A99">
        <v>96</v>
      </c>
      <c r="B99">
        <f t="shared" si="9"/>
        <v>3.2</v>
      </c>
      <c r="C99">
        <v>487.61887000000002</v>
      </c>
      <c r="D99">
        <v>521.75440000000003</v>
      </c>
      <c r="E99">
        <v>0.87926260000000001</v>
      </c>
      <c r="F99">
        <v>620.21063000000004</v>
      </c>
      <c r="G99">
        <v>463.15197999999998</v>
      </c>
      <c r="H99">
        <v>0.95046039999999998</v>
      </c>
      <c r="I99">
        <v>603.53679999999997</v>
      </c>
      <c r="J99">
        <v>606.6001</v>
      </c>
      <c r="K99">
        <v>0.84863560000000005</v>
      </c>
      <c r="L99">
        <f t="shared" si="10"/>
        <v>570.45543333333342</v>
      </c>
      <c r="M99">
        <f t="shared" si="11"/>
        <v>530.50216</v>
      </c>
      <c r="N99">
        <f t="shared" si="12"/>
        <v>-14.33066483388007</v>
      </c>
      <c r="O99">
        <f t="shared" si="13"/>
        <v>1.9161248660291581</v>
      </c>
      <c r="Q99">
        <v>1198.7748999999999</v>
      </c>
      <c r="R99">
        <v>525.88620000000003</v>
      </c>
      <c r="S99">
        <v>0.99539920000000004</v>
      </c>
      <c r="T99">
        <v>1317.0604000000001</v>
      </c>
      <c r="U99">
        <v>442.3424</v>
      </c>
      <c r="V99">
        <v>0.96912693999999999</v>
      </c>
      <c r="W99">
        <v>1328.3984</v>
      </c>
      <c r="X99">
        <v>586.48803999999996</v>
      </c>
      <c r="Y99">
        <v>0.88692313</v>
      </c>
      <c r="Z99">
        <f t="shared" si="14"/>
        <v>1281.4112333333333</v>
      </c>
      <c r="AA99">
        <f t="shared" si="15"/>
        <v>518.23887999999999</v>
      </c>
      <c r="AB99">
        <f t="shared" si="16"/>
        <v>14.650158844985839</v>
      </c>
      <c r="AC99">
        <f t="shared" si="17"/>
        <v>2.1740416142591368</v>
      </c>
    </row>
    <row r="100" spans="1:29" x14ac:dyDescent="0.4">
      <c r="A100">
        <v>97</v>
      </c>
      <c r="B100">
        <f t="shared" si="9"/>
        <v>3.2333333333333334</v>
      </c>
      <c r="C100">
        <v>487.80126999999999</v>
      </c>
      <c r="D100">
        <v>522.03405999999995</v>
      </c>
      <c r="E100">
        <v>0.87609004999999995</v>
      </c>
      <c r="F100">
        <v>620.26697000000001</v>
      </c>
      <c r="G100">
        <v>463.04113999999998</v>
      </c>
      <c r="H100">
        <v>0.96119739999999998</v>
      </c>
      <c r="I100">
        <v>603.79700000000003</v>
      </c>
      <c r="J100">
        <v>606.59154999999998</v>
      </c>
      <c r="K100">
        <v>0.84629600000000005</v>
      </c>
      <c r="L100">
        <f t="shared" si="10"/>
        <v>570.6217466666667</v>
      </c>
      <c r="M100">
        <f t="shared" si="11"/>
        <v>530.55558333333329</v>
      </c>
      <c r="N100">
        <f t="shared" si="12"/>
        <v>-14.32397556819225</v>
      </c>
      <c r="O100">
        <f t="shared" si="13"/>
        <v>1.9138884920904931</v>
      </c>
      <c r="Q100">
        <v>1198.6467</v>
      </c>
      <c r="R100">
        <v>525.96579999999994</v>
      </c>
      <c r="S100">
        <v>1</v>
      </c>
      <c r="T100">
        <v>1316.9711</v>
      </c>
      <c r="U100">
        <v>442.33298000000002</v>
      </c>
      <c r="V100">
        <v>0.97755890000000001</v>
      </c>
      <c r="W100">
        <v>1328.3223</v>
      </c>
      <c r="X100">
        <v>586.41076999999996</v>
      </c>
      <c r="Y100">
        <v>0.88858559999999998</v>
      </c>
      <c r="Z100">
        <f t="shared" si="14"/>
        <v>1281.3133666666665</v>
      </c>
      <c r="AA100">
        <f t="shared" si="15"/>
        <v>518.23651666666672</v>
      </c>
      <c r="AB100">
        <f t="shared" si="16"/>
        <v>14.646128439237277</v>
      </c>
      <c r="AC100">
        <f t="shared" si="17"/>
        <v>2.1741724346222124</v>
      </c>
    </row>
    <row r="101" spans="1:29" x14ac:dyDescent="0.4">
      <c r="A101">
        <v>98</v>
      </c>
      <c r="B101">
        <f t="shared" si="9"/>
        <v>3.2666666666666666</v>
      </c>
      <c r="C101">
        <v>487.75299999999999</v>
      </c>
      <c r="D101">
        <v>522.01697000000001</v>
      </c>
      <c r="E101">
        <v>0.88477050000000002</v>
      </c>
      <c r="F101">
        <v>620.40700000000004</v>
      </c>
      <c r="G101">
        <v>462.94600000000003</v>
      </c>
      <c r="H101">
        <v>0.96778184</v>
      </c>
      <c r="I101">
        <v>603.97429999999997</v>
      </c>
      <c r="J101">
        <v>606.63775999999996</v>
      </c>
      <c r="K101">
        <v>0.84963506</v>
      </c>
      <c r="L101">
        <f t="shared" si="10"/>
        <v>570.71143333333339</v>
      </c>
      <c r="M101">
        <f t="shared" si="11"/>
        <v>530.5335766666667</v>
      </c>
      <c r="N101">
        <f t="shared" si="12"/>
        <v>-14.320351836318084</v>
      </c>
      <c r="O101">
        <f t="shared" si="13"/>
        <v>1.9147572105897215</v>
      </c>
      <c r="Q101">
        <v>1198.5636</v>
      </c>
      <c r="R101">
        <v>525.98320000000001</v>
      </c>
      <c r="S101">
        <v>1</v>
      </c>
      <c r="T101">
        <v>1316.9295999999999</v>
      </c>
      <c r="U101">
        <v>442.35446000000002</v>
      </c>
      <c r="V101">
        <v>0.98062556999999995</v>
      </c>
      <c r="W101">
        <v>1328.2308</v>
      </c>
      <c r="X101">
        <v>586.39</v>
      </c>
      <c r="Y101">
        <v>0.88265084999999999</v>
      </c>
      <c r="Z101">
        <f t="shared" si="14"/>
        <v>1281.2413333333334</v>
      </c>
      <c r="AA101">
        <f t="shared" si="15"/>
        <v>518.24255333333338</v>
      </c>
      <c r="AB101">
        <f t="shared" si="16"/>
        <v>14.64315940618622</v>
      </c>
      <c r="AC101">
        <f t="shared" si="17"/>
        <v>2.1739512785769066</v>
      </c>
    </row>
    <row r="102" spans="1:29" x14ac:dyDescent="0.4">
      <c r="A102">
        <v>99</v>
      </c>
      <c r="B102">
        <f t="shared" si="9"/>
        <v>3.3</v>
      </c>
      <c r="C102">
        <v>487.87527</v>
      </c>
      <c r="D102">
        <v>522.01750000000004</v>
      </c>
      <c r="E102">
        <v>0.88076573999999996</v>
      </c>
      <c r="F102">
        <v>620.46100000000001</v>
      </c>
      <c r="G102">
        <v>462.98358000000002</v>
      </c>
      <c r="H102">
        <v>0.96221670000000004</v>
      </c>
      <c r="I102">
        <v>604.14013999999997</v>
      </c>
      <c r="J102">
        <v>606.62260000000003</v>
      </c>
      <c r="K102">
        <v>0.85709935000000004</v>
      </c>
      <c r="L102">
        <f t="shared" si="10"/>
        <v>570.82547</v>
      </c>
      <c r="M102">
        <f t="shared" si="11"/>
        <v>530.54122666666672</v>
      </c>
      <c r="N102">
        <f t="shared" si="12"/>
        <v>-14.315755773761895</v>
      </c>
      <c r="O102">
        <f t="shared" si="13"/>
        <v>1.9144070229225318</v>
      </c>
      <c r="Q102">
        <v>1198.4945</v>
      </c>
      <c r="R102">
        <v>525.97019999999998</v>
      </c>
      <c r="S102">
        <v>1</v>
      </c>
      <c r="T102">
        <v>1316.8681999999999</v>
      </c>
      <c r="U102">
        <v>442.46035999999998</v>
      </c>
      <c r="V102">
        <v>0.99517440000000001</v>
      </c>
      <c r="W102">
        <v>1328.1766</v>
      </c>
      <c r="X102">
        <v>586.34270000000004</v>
      </c>
      <c r="Y102">
        <v>0.87581960000000003</v>
      </c>
      <c r="Z102">
        <f t="shared" si="14"/>
        <v>1281.1797666666664</v>
      </c>
      <c r="AA102">
        <f t="shared" si="15"/>
        <v>518.25775333333331</v>
      </c>
      <c r="AB102">
        <f t="shared" si="16"/>
        <v>14.640618535220172</v>
      </c>
      <c r="AC102">
        <f t="shared" si="17"/>
        <v>2.1733523771250587</v>
      </c>
    </row>
    <row r="103" spans="1:29" x14ac:dyDescent="0.4">
      <c r="A103">
        <v>100</v>
      </c>
      <c r="B103">
        <f t="shared" si="9"/>
        <v>3.3333333333333335</v>
      </c>
      <c r="C103">
        <v>487.99063000000001</v>
      </c>
      <c r="D103">
        <v>521.89430000000004</v>
      </c>
      <c r="E103">
        <v>0.88384174999999998</v>
      </c>
      <c r="F103">
        <v>620.5951</v>
      </c>
      <c r="G103">
        <v>462.86995999999999</v>
      </c>
      <c r="H103">
        <v>0.96142899999999998</v>
      </c>
      <c r="I103">
        <v>604.35770000000002</v>
      </c>
      <c r="J103">
        <v>606.63855000000001</v>
      </c>
      <c r="K103">
        <v>0.85017306000000004</v>
      </c>
      <c r="L103">
        <f t="shared" si="10"/>
        <v>570.98114333333331</v>
      </c>
      <c r="M103">
        <f t="shared" si="11"/>
        <v>530.46760333333339</v>
      </c>
      <c r="N103">
        <f t="shared" si="12"/>
        <v>-14.309454385462082</v>
      </c>
      <c r="O103">
        <f t="shared" si="13"/>
        <v>1.917361242479118</v>
      </c>
      <c r="Q103">
        <v>1198.3597</v>
      </c>
      <c r="R103">
        <v>526.02936</v>
      </c>
      <c r="S103">
        <v>1</v>
      </c>
      <c r="T103">
        <v>1316.6854000000001</v>
      </c>
      <c r="U103">
        <v>442.35822000000002</v>
      </c>
      <c r="V103">
        <v>0.99819564999999999</v>
      </c>
      <c r="W103">
        <v>1328.0630000000001</v>
      </c>
      <c r="X103">
        <v>586.35469999999998</v>
      </c>
      <c r="Y103">
        <v>0.87027520000000003</v>
      </c>
      <c r="Z103">
        <f t="shared" si="14"/>
        <v>1281.0360333333335</v>
      </c>
      <c r="AA103">
        <f t="shared" si="15"/>
        <v>518.24742666666668</v>
      </c>
      <c r="AB103">
        <f t="shared" si="16"/>
        <v>14.634701485417454</v>
      </c>
      <c r="AC103">
        <f t="shared" si="17"/>
        <v>2.1738243768335459</v>
      </c>
    </row>
    <row r="104" spans="1:29" x14ac:dyDescent="0.4">
      <c r="A104">
        <v>101</v>
      </c>
      <c r="B104">
        <f t="shared" si="9"/>
        <v>3.3666666666666667</v>
      </c>
      <c r="C104">
        <v>488.17264</v>
      </c>
      <c r="D104">
        <v>521.89499999999998</v>
      </c>
      <c r="E104">
        <v>0.88422966000000003</v>
      </c>
      <c r="F104">
        <v>620.75480000000005</v>
      </c>
      <c r="G104">
        <v>462.92685</v>
      </c>
      <c r="H104">
        <v>0.95026040000000001</v>
      </c>
      <c r="I104">
        <v>604.55364999999995</v>
      </c>
      <c r="J104">
        <v>606.65796</v>
      </c>
      <c r="K104">
        <v>0.85015660000000004</v>
      </c>
      <c r="L104">
        <f t="shared" si="10"/>
        <v>571.16036333333329</v>
      </c>
      <c r="M104">
        <f t="shared" si="11"/>
        <v>530.49327000000005</v>
      </c>
      <c r="N104">
        <f t="shared" si="12"/>
        <v>-14.302235563485951</v>
      </c>
      <c r="O104">
        <f t="shared" si="13"/>
        <v>1.9162538321529095</v>
      </c>
      <c r="Q104">
        <v>1198.2747999999999</v>
      </c>
      <c r="R104">
        <v>526.08569999999997</v>
      </c>
      <c r="S104">
        <v>1</v>
      </c>
      <c r="T104">
        <v>1316.4122</v>
      </c>
      <c r="U104">
        <v>442.51100000000002</v>
      </c>
      <c r="V104">
        <v>1</v>
      </c>
      <c r="W104">
        <v>1327.9167</v>
      </c>
      <c r="X104">
        <v>586.33529999999996</v>
      </c>
      <c r="Y104">
        <v>0.87405664000000005</v>
      </c>
      <c r="Z104">
        <f t="shared" si="14"/>
        <v>1280.8679</v>
      </c>
      <c r="AA104">
        <f t="shared" si="15"/>
        <v>518.31066666666663</v>
      </c>
      <c r="AB104">
        <f t="shared" si="16"/>
        <v>14.627755596286825</v>
      </c>
      <c r="AC104">
        <f t="shared" si="17"/>
        <v>2.1713017439479669</v>
      </c>
    </row>
    <row r="105" spans="1:29" x14ac:dyDescent="0.4">
      <c r="A105">
        <v>102</v>
      </c>
      <c r="B105">
        <f t="shared" si="9"/>
        <v>3.4</v>
      </c>
      <c r="C105">
        <v>488.43365</v>
      </c>
      <c r="D105">
        <v>521.83280000000002</v>
      </c>
      <c r="E105">
        <v>0.89153519999999997</v>
      </c>
      <c r="F105">
        <v>621.08923000000004</v>
      </c>
      <c r="G105">
        <v>462.82947000000001</v>
      </c>
      <c r="H105">
        <v>0.94634779999999996</v>
      </c>
      <c r="I105">
        <v>604.78800000000001</v>
      </c>
      <c r="J105">
        <v>606.70844</v>
      </c>
      <c r="K105">
        <v>0.8460647</v>
      </c>
      <c r="L105">
        <f t="shared" si="10"/>
        <v>571.43696</v>
      </c>
      <c r="M105">
        <f t="shared" si="11"/>
        <v>530.45690333333334</v>
      </c>
      <c r="N105">
        <f t="shared" si="12"/>
        <v>-14.291069834219849</v>
      </c>
      <c r="O105">
        <f t="shared" si="13"/>
        <v>1.917646793074048</v>
      </c>
      <c r="Q105">
        <v>1198.1494</v>
      </c>
      <c r="R105">
        <v>526.09673999999995</v>
      </c>
      <c r="S105">
        <v>1</v>
      </c>
      <c r="T105">
        <v>1316.0911000000001</v>
      </c>
      <c r="U105">
        <v>442.47656000000001</v>
      </c>
      <c r="V105">
        <v>0.99910719999999997</v>
      </c>
      <c r="W105">
        <v>1327.7159999999999</v>
      </c>
      <c r="X105">
        <v>586.43176000000005</v>
      </c>
      <c r="Y105">
        <v>0.86939370000000005</v>
      </c>
      <c r="Z105">
        <f t="shared" si="14"/>
        <v>1280.6521666666665</v>
      </c>
      <c r="AA105">
        <f t="shared" si="15"/>
        <v>518.33501999999999</v>
      </c>
      <c r="AB105">
        <f t="shared" si="16"/>
        <v>14.618861713687837</v>
      </c>
      <c r="AC105">
        <f t="shared" si="17"/>
        <v>2.1703832733238704</v>
      </c>
    </row>
    <row r="106" spans="1:29" x14ac:dyDescent="0.4">
      <c r="A106">
        <v>103</v>
      </c>
      <c r="B106">
        <f t="shared" si="9"/>
        <v>3.4333333333333331</v>
      </c>
      <c r="C106">
        <v>488.64861999999999</v>
      </c>
      <c r="D106">
        <v>521.91819999999996</v>
      </c>
      <c r="E106">
        <v>0.90174525999999999</v>
      </c>
      <c r="F106">
        <v>621.23310000000004</v>
      </c>
      <c r="G106">
        <v>462.76085999999998</v>
      </c>
      <c r="H106">
        <v>0.93780726000000003</v>
      </c>
      <c r="I106">
        <v>604.98080000000004</v>
      </c>
      <c r="J106">
        <v>606.74347</v>
      </c>
      <c r="K106">
        <v>0.83923009999999998</v>
      </c>
      <c r="L106">
        <f t="shared" si="10"/>
        <v>571.62084000000004</v>
      </c>
      <c r="M106">
        <f t="shared" si="11"/>
        <v>530.47417666666661</v>
      </c>
      <c r="N106">
        <f t="shared" si="12"/>
        <v>-14.283660277165156</v>
      </c>
      <c r="O106">
        <f t="shared" si="13"/>
        <v>1.9168805167508183</v>
      </c>
      <c r="Q106">
        <v>1197.9271000000001</v>
      </c>
      <c r="R106">
        <v>526.12634000000003</v>
      </c>
      <c r="S106">
        <v>1</v>
      </c>
      <c r="T106">
        <v>1315.9170999999999</v>
      </c>
      <c r="U106">
        <v>442.42766999999998</v>
      </c>
      <c r="V106">
        <v>0.99495639999999996</v>
      </c>
      <c r="W106">
        <v>1327.5465999999999</v>
      </c>
      <c r="X106">
        <v>586.52764999999999</v>
      </c>
      <c r="Y106">
        <v>0.86699530000000002</v>
      </c>
      <c r="Z106">
        <f t="shared" si="14"/>
        <v>1280.4636</v>
      </c>
      <c r="AA106">
        <f t="shared" si="15"/>
        <v>518.36055333333331</v>
      </c>
      <c r="AB106">
        <f t="shared" si="16"/>
        <v>14.611086482378665</v>
      </c>
      <c r="AC106">
        <f t="shared" si="17"/>
        <v>2.1694070978509559</v>
      </c>
    </row>
    <row r="107" spans="1:29" x14ac:dyDescent="0.4">
      <c r="A107">
        <v>104</v>
      </c>
      <c r="B107">
        <f t="shared" si="9"/>
        <v>3.4666666666666668</v>
      </c>
      <c r="C107">
        <v>488.95913999999999</v>
      </c>
      <c r="D107">
        <v>521.77959999999996</v>
      </c>
      <c r="E107">
        <v>0.89884229999999998</v>
      </c>
      <c r="F107">
        <v>621.4221</v>
      </c>
      <c r="G107">
        <v>462.70434999999998</v>
      </c>
      <c r="H107">
        <v>0.94417110000000004</v>
      </c>
      <c r="I107">
        <v>605.14179999999999</v>
      </c>
      <c r="J107">
        <v>606.745</v>
      </c>
      <c r="K107">
        <v>0.83302443999999998</v>
      </c>
      <c r="L107">
        <f t="shared" si="10"/>
        <v>571.84101333333331</v>
      </c>
      <c r="M107">
        <f t="shared" si="11"/>
        <v>530.40964999999994</v>
      </c>
      <c r="N107">
        <f t="shared" si="12"/>
        <v>-14.274760631938358</v>
      </c>
      <c r="O107">
        <f t="shared" si="13"/>
        <v>1.9194419205727196</v>
      </c>
      <c r="Q107">
        <v>1197.8667</v>
      </c>
      <c r="R107">
        <v>526.03045999999995</v>
      </c>
      <c r="S107">
        <v>1</v>
      </c>
      <c r="T107">
        <v>1315.7373</v>
      </c>
      <c r="U107">
        <v>442.30847</v>
      </c>
      <c r="V107">
        <v>0.99571233999999997</v>
      </c>
      <c r="W107">
        <v>1327.3190999999999</v>
      </c>
      <c r="X107">
        <v>586.51919999999996</v>
      </c>
      <c r="Y107">
        <v>0.88527089999999997</v>
      </c>
      <c r="Z107">
        <f t="shared" si="14"/>
        <v>1280.3077000000001</v>
      </c>
      <c r="AA107">
        <f t="shared" si="15"/>
        <v>518.28604333333328</v>
      </c>
      <c r="AB107">
        <f t="shared" si="16"/>
        <v>14.604689215225653</v>
      </c>
      <c r="AC107">
        <f t="shared" si="17"/>
        <v>2.1725035060162337</v>
      </c>
    </row>
    <row r="108" spans="1:29" x14ac:dyDescent="0.4">
      <c r="A108">
        <v>105</v>
      </c>
      <c r="B108">
        <f t="shared" si="9"/>
        <v>3.5</v>
      </c>
      <c r="C108">
        <v>489.08035000000001</v>
      </c>
      <c r="D108">
        <v>521.79750000000001</v>
      </c>
      <c r="E108">
        <v>0.9087674</v>
      </c>
      <c r="F108">
        <v>621.55334000000005</v>
      </c>
      <c r="G108">
        <v>462.52904999999998</v>
      </c>
      <c r="H108">
        <v>0.96256750000000002</v>
      </c>
      <c r="I108">
        <v>605.40570000000002</v>
      </c>
      <c r="J108">
        <v>606.76009999999997</v>
      </c>
      <c r="K108">
        <v>0.84004080000000003</v>
      </c>
      <c r="L108">
        <f t="shared" si="10"/>
        <v>572.01313000000005</v>
      </c>
      <c r="M108">
        <f t="shared" si="11"/>
        <v>530.36221666666665</v>
      </c>
      <c r="N108">
        <f t="shared" si="12"/>
        <v>-14.267804421905488</v>
      </c>
      <c r="O108">
        <f t="shared" si="13"/>
        <v>1.9213213891549801</v>
      </c>
      <c r="Q108">
        <v>1197.7788</v>
      </c>
      <c r="R108">
        <v>526.04584</v>
      </c>
      <c r="S108">
        <v>1</v>
      </c>
      <c r="T108">
        <v>1315.6057000000001</v>
      </c>
      <c r="U108">
        <v>442.28055000000001</v>
      </c>
      <c r="V108">
        <v>0.98212029999999995</v>
      </c>
      <c r="W108">
        <v>1327.0920000000001</v>
      </c>
      <c r="X108">
        <v>586.51340000000005</v>
      </c>
      <c r="Y108">
        <v>0.88095146000000002</v>
      </c>
      <c r="Z108">
        <f t="shared" si="14"/>
        <v>1280.1588333333334</v>
      </c>
      <c r="AA108">
        <f t="shared" si="15"/>
        <v>518.27993000000004</v>
      </c>
      <c r="AB108">
        <f t="shared" si="16"/>
        <v>14.59855951637852</v>
      </c>
      <c r="AC108">
        <f t="shared" si="17"/>
        <v>2.1728053038113502</v>
      </c>
    </row>
    <row r="109" spans="1:29" x14ac:dyDescent="0.4">
      <c r="A109">
        <v>106</v>
      </c>
      <c r="B109">
        <f t="shared" si="9"/>
        <v>3.5333333333333332</v>
      </c>
      <c r="C109">
        <v>489.18169999999998</v>
      </c>
      <c r="D109">
        <v>521.74805000000003</v>
      </c>
      <c r="E109">
        <v>0.90274580000000004</v>
      </c>
      <c r="F109">
        <v>621.64070000000004</v>
      </c>
      <c r="G109">
        <v>462.49941999999999</v>
      </c>
      <c r="H109">
        <v>0.96234344999999999</v>
      </c>
      <c r="I109">
        <v>605.54920000000004</v>
      </c>
      <c r="J109">
        <v>606.76930000000004</v>
      </c>
      <c r="K109">
        <v>0.84292895000000001</v>
      </c>
      <c r="L109">
        <f t="shared" si="10"/>
        <v>572.12386666666669</v>
      </c>
      <c r="M109">
        <f t="shared" si="11"/>
        <v>530.33892333333336</v>
      </c>
      <c r="N109">
        <f t="shared" si="12"/>
        <v>-14.263331244143112</v>
      </c>
      <c r="O109">
        <f t="shared" si="13"/>
        <v>1.9222356463600758</v>
      </c>
      <c r="Q109">
        <v>1197.7343000000001</v>
      </c>
      <c r="R109">
        <v>526.03290000000004</v>
      </c>
      <c r="S109">
        <v>1</v>
      </c>
      <c r="T109">
        <v>1315.5188000000001</v>
      </c>
      <c r="U109">
        <v>442.29226999999997</v>
      </c>
      <c r="V109">
        <v>0.98277515000000004</v>
      </c>
      <c r="W109">
        <v>1327.0456999999999</v>
      </c>
      <c r="X109">
        <v>586.60720000000003</v>
      </c>
      <c r="Y109">
        <v>0.88785159999999996</v>
      </c>
      <c r="Z109">
        <f t="shared" si="14"/>
        <v>1280.0995999999998</v>
      </c>
      <c r="AA109">
        <f t="shared" si="15"/>
        <v>518.31079</v>
      </c>
      <c r="AB109">
        <f t="shared" si="16"/>
        <v>14.596109760971991</v>
      </c>
      <c r="AC109">
        <f t="shared" si="17"/>
        <v>2.1715662970939298</v>
      </c>
    </row>
    <row r="110" spans="1:29" x14ac:dyDescent="0.4">
      <c r="A110">
        <v>107</v>
      </c>
      <c r="B110">
        <f t="shared" si="9"/>
        <v>3.5666666666666669</v>
      </c>
      <c r="C110">
        <v>489.38231999999999</v>
      </c>
      <c r="D110">
        <v>521.61839999999995</v>
      </c>
      <c r="E110">
        <v>0.90014110000000003</v>
      </c>
      <c r="F110">
        <v>621.74523999999997</v>
      </c>
      <c r="G110">
        <v>462.45690000000002</v>
      </c>
      <c r="H110">
        <v>0.96254485999999995</v>
      </c>
      <c r="I110">
        <v>605.73749999999995</v>
      </c>
      <c r="J110">
        <v>606.77166999999997</v>
      </c>
      <c r="K110">
        <v>0.85769479999999998</v>
      </c>
      <c r="L110">
        <f t="shared" si="10"/>
        <v>572.28835333333325</v>
      </c>
      <c r="M110">
        <f t="shared" si="11"/>
        <v>530.28232333333335</v>
      </c>
      <c r="N110">
        <f t="shared" si="12"/>
        <v>-14.256679703067869</v>
      </c>
      <c r="O110">
        <f t="shared" si="13"/>
        <v>1.924491901118216</v>
      </c>
      <c r="Q110">
        <v>1197.6947</v>
      </c>
      <c r="R110">
        <v>525.94140000000004</v>
      </c>
      <c r="S110">
        <v>1</v>
      </c>
      <c r="T110">
        <v>1315.4208000000001</v>
      </c>
      <c r="U110">
        <v>442.30948000000001</v>
      </c>
      <c r="V110">
        <v>0.96836984000000004</v>
      </c>
      <c r="W110">
        <v>1326.9177999999999</v>
      </c>
      <c r="X110">
        <v>586.61249999999995</v>
      </c>
      <c r="Y110">
        <v>0.87808140000000001</v>
      </c>
      <c r="Z110">
        <f t="shared" si="14"/>
        <v>1280.0110999999999</v>
      </c>
      <c r="AA110">
        <f t="shared" si="15"/>
        <v>518.2877933333333</v>
      </c>
      <c r="AB110">
        <f t="shared" si="16"/>
        <v>14.592471997402175</v>
      </c>
      <c r="AC110">
        <f t="shared" si="17"/>
        <v>2.1725361372706535</v>
      </c>
    </row>
    <row r="111" spans="1:29" x14ac:dyDescent="0.4">
      <c r="A111">
        <v>108</v>
      </c>
      <c r="B111">
        <f t="shared" si="9"/>
        <v>3.6</v>
      </c>
      <c r="C111">
        <v>489.48140000000001</v>
      </c>
      <c r="D111">
        <v>521.52179999999998</v>
      </c>
      <c r="E111">
        <v>0.90140664999999998</v>
      </c>
      <c r="F111">
        <v>621.83079999999995</v>
      </c>
      <c r="G111">
        <v>462.4289</v>
      </c>
      <c r="H111">
        <v>0.94683795999999998</v>
      </c>
      <c r="I111">
        <v>605.80409999999995</v>
      </c>
      <c r="J111">
        <v>606.74689999999998</v>
      </c>
      <c r="K111">
        <v>0.86010253000000003</v>
      </c>
      <c r="L111">
        <f t="shared" si="10"/>
        <v>572.37209999999993</v>
      </c>
      <c r="M111">
        <f t="shared" si="11"/>
        <v>530.23253333333332</v>
      </c>
      <c r="N111">
        <f t="shared" si="12"/>
        <v>-14.25328634131848</v>
      </c>
      <c r="O111">
        <f t="shared" si="13"/>
        <v>1.9264969201700561</v>
      </c>
      <c r="Q111">
        <v>1197.4672</v>
      </c>
      <c r="R111">
        <v>525.97217000000001</v>
      </c>
      <c r="S111">
        <v>1</v>
      </c>
      <c r="T111">
        <v>1315.3333</v>
      </c>
      <c r="U111">
        <v>442.3571</v>
      </c>
      <c r="V111">
        <v>0.94927660000000003</v>
      </c>
      <c r="W111">
        <v>1326.6917000000001</v>
      </c>
      <c r="X111">
        <v>586.51239999999996</v>
      </c>
      <c r="Y111">
        <v>0.88541029999999998</v>
      </c>
      <c r="Z111">
        <f t="shared" si="14"/>
        <v>1279.8307333333335</v>
      </c>
      <c r="AA111">
        <f t="shared" si="15"/>
        <v>518.2805566666666</v>
      </c>
      <c r="AB111">
        <f t="shared" si="16"/>
        <v>14.585045275423209</v>
      </c>
      <c r="AC111">
        <f t="shared" si="17"/>
        <v>2.1728948439202966</v>
      </c>
    </row>
    <row r="112" spans="1:29" x14ac:dyDescent="0.4">
      <c r="A112">
        <v>109</v>
      </c>
      <c r="B112">
        <f t="shared" si="9"/>
        <v>3.6333333333333333</v>
      </c>
      <c r="C112">
        <v>489.59557999999998</v>
      </c>
      <c r="D112">
        <v>521.60969999999998</v>
      </c>
      <c r="E112">
        <v>0.90734970000000004</v>
      </c>
      <c r="F112">
        <v>621.92399999999998</v>
      </c>
      <c r="G112">
        <v>462.46926999999999</v>
      </c>
      <c r="H112">
        <v>0.94455460000000002</v>
      </c>
      <c r="I112">
        <v>606.06330000000003</v>
      </c>
      <c r="J112">
        <v>606.71</v>
      </c>
      <c r="K112">
        <v>0.85586523999999997</v>
      </c>
      <c r="L112">
        <f t="shared" si="10"/>
        <v>572.52762666666661</v>
      </c>
      <c r="M112">
        <f t="shared" si="11"/>
        <v>530.26299000000006</v>
      </c>
      <c r="N112">
        <f t="shared" si="12"/>
        <v>-14.247024252621083</v>
      </c>
      <c r="O112">
        <f t="shared" si="13"/>
        <v>1.9252018059853064</v>
      </c>
      <c r="Q112">
        <v>1197.5536</v>
      </c>
      <c r="R112">
        <v>525.88660000000004</v>
      </c>
      <c r="S112">
        <v>1</v>
      </c>
      <c r="T112">
        <v>1315.3028999999999</v>
      </c>
      <c r="U112">
        <v>442.37470000000002</v>
      </c>
      <c r="V112">
        <v>0.95733254999999995</v>
      </c>
      <c r="W112">
        <v>1326.5650000000001</v>
      </c>
      <c r="X112">
        <v>586.47919999999999</v>
      </c>
      <c r="Y112">
        <v>0.8831388</v>
      </c>
      <c r="Z112">
        <f t="shared" si="14"/>
        <v>1279.8071666666667</v>
      </c>
      <c r="AA112">
        <f t="shared" si="15"/>
        <v>518.24683333333337</v>
      </c>
      <c r="AB112">
        <f t="shared" si="16"/>
        <v>14.584085523000603</v>
      </c>
      <c r="AC112">
        <f t="shared" si="17"/>
        <v>2.1742797919810375</v>
      </c>
    </row>
    <row r="113" spans="1:29" x14ac:dyDescent="0.4">
      <c r="A113">
        <v>110</v>
      </c>
      <c r="B113">
        <f t="shared" si="9"/>
        <v>3.6666666666666665</v>
      </c>
      <c r="C113">
        <v>489.89184999999998</v>
      </c>
      <c r="D113">
        <v>521.52904999999998</v>
      </c>
      <c r="E113">
        <v>0.89967554999999999</v>
      </c>
      <c r="F113">
        <v>622.005</v>
      </c>
      <c r="G113">
        <v>462.54083000000003</v>
      </c>
      <c r="H113">
        <v>0.94043803000000004</v>
      </c>
      <c r="I113">
        <v>606.21489999999994</v>
      </c>
      <c r="J113">
        <v>606.81679999999994</v>
      </c>
      <c r="K113">
        <v>0.85169629999999996</v>
      </c>
      <c r="L113">
        <f t="shared" si="10"/>
        <v>572.70391666666671</v>
      </c>
      <c r="M113">
        <f t="shared" si="11"/>
        <v>530.29556000000002</v>
      </c>
      <c r="N113">
        <f t="shared" si="12"/>
        <v>-14.239925486486111</v>
      </c>
      <c r="O113">
        <f t="shared" si="13"/>
        <v>1.9238135145124757</v>
      </c>
      <c r="Q113">
        <v>1197.4664</v>
      </c>
      <c r="R113">
        <v>525.78394000000003</v>
      </c>
      <c r="S113">
        <v>1</v>
      </c>
      <c r="T113">
        <v>1315.2266</v>
      </c>
      <c r="U113">
        <v>442.34415000000001</v>
      </c>
      <c r="V113">
        <v>0.96944909999999995</v>
      </c>
      <c r="W113">
        <v>1326.4366</v>
      </c>
      <c r="X113">
        <v>586.4479</v>
      </c>
      <c r="Y113">
        <v>0.87945693999999996</v>
      </c>
      <c r="Z113">
        <f t="shared" si="14"/>
        <v>1279.7098666666668</v>
      </c>
      <c r="AA113">
        <f t="shared" si="15"/>
        <v>518.19199666666668</v>
      </c>
      <c r="AB113">
        <f t="shared" si="16"/>
        <v>14.580095647425701</v>
      </c>
      <c r="AC113">
        <f t="shared" si="17"/>
        <v>2.176552514064555</v>
      </c>
    </row>
    <row r="114" spans="1:29" x14ac:dyDescent="0.4">
      <c r="A114">
        <v>111</v>
      </c>
      <c r="B114">
        <f t="shared" si="9"/>
        <v>3.7</v>
      </c>
      <c r="C114">
        <v>490.01114000000001</v>
      </c>
      <c r="D114">
        <v>521.48630000000003</v>
      </c>
      <c r="E114">
        <v>0.89824665000000004</v>
      </c>
      <c r="F114">
        <v>622.23559999999998</v>
      </c>
      <c r="G114">
        <v>462.60764</v>
      </c>
      <c r="H114">
        <v>0.93212645999999999</v>
      </c>
      <c r="I114">
        <v>606.49149999999997</v>
      </c>
      <c r="J114">
        <v>606.79290000000003</v>
      </c>
      <c r="K114">
        <v>0.85271189999999997</v>
      </c>
      <c r="L114">
        <f t="shared" si="10"/>
        <v>572.91274666666675</v>
      </c>
      <c r="M114">
        <f t="shared" si="11"/>
        <v>530.29561333333334</v>
      </c>
      <c r="N114">
        <f t="shared" si="12"/>
        <v>-14.231503898138982</v>
      </c>
      <c r="O114">
        <f t="shared" si="13"/>
        <v>1.9237420067199984</v>
      </c>
      <c r="Q114">
        <v>1197.3661</v>
      </c>
      <c r="R114">
        <v>525.95556999999997</v>
      </c>
      <c r="S114">
        <v>1</v>
      </c>
      <c r="T114">
        <v>1315.0391</v>
      </c>
      <c r="U114">
        <v>442.32062000000002</v>
      </c>
      <c r="V114">
        <v>0.95420294999999999</v>
      </c>
      <c r="W114">
        <v>1326.3657000000001</v>
      </c>
      <c r="X114">
        <v>586.5059</v>
      </c>
      <c r="Y114">
        <v>0.87644845000000005</v>
      </c>
      <c r="Z114">
        <f t="shared" si="14"/>
        <v>1279.5903000000001</v>
      </c>
      <c r="AA114">
        <f t="shared" si="15"/>
        <v>518.26069666666672</v>
      </c>
      <c r="AB114">
        <f t="shared" si="16"/>
        <v>14.575148637223283</v>
      </c>
      <c r="AC114">
        <f t="shared" si="17"/>
        <v>2.1737899442171287</v>
      </c>
    </row>
    <row r="115" spans="1:29" x14ac:dyDescent="0.4">
      <c r="A115">
        <v>112</v>
      </c>
      <c r="B115">
        <f t="shared" si="9"/>
        <v>3.7333333333333334</v>
      </c>
      <c r="C115">
        <v>490.06295999999998</v>
      </c>
      <c r="D115">
        <v>521.51337000000001</v>
      </c>
      <c r="E115">
        <v>0.89780486000000004</v>
      </c>
      <c r="F115">
        <v>622.3655</v>
      </c>
      <c r="G115">
        <v>462.80524000000003</v>
      </c>
      <c r="H115">
        <v>0.92483660000000001</v>
      </c>
      <c r="I115">
        <v>606.59502999999995</v>
      </c>
      <c r="J115">
        <v>606.86255000000006</v>
      </c>
      <c r="K115">
        <v>0.85429840000000001</v>
      </c>
      <c r="L115">
        <f t="shared" si="10"/>
        <v>573.00783000000001</v>
      </c>
      <c r="M115">
        <f t="shared" si="11"/>
        <v>530.39372000000003</v>
      </c>
      <c r="N115">
        <f t="shared" si="12"/>
        <v>-14.227701146701653</v>
      </c>
      <c r="O115">
        <f t="shared" si="13"/>
        <v>1.9197049459297313</v>
      </c>
      <c r="Q115">
        <v>1197.1674</v>
      </c>
      <c r="R115">
        <v>525.85709999999995</v>
      </c>
      <c r="S115">
        <v>1</v>
      </c>
      <c r="T115">
        <v>1314.8480999999999</v>
      </c>
      <c r="U115">
        <v>442.33875</v>
      </c>
      <c r="V115">
        <v>0.96644395999999999</v>
      </c>
      <c r="W115">
        <v>1326.2931000000001</v>
      </c>
      <c r="X115">
        <v>586.42909999999995</v>
      </c>
      <c r="Y115">
        <v>0.87919276999999996</v>
      </c>
      <c r="Z115">
        <f t="shared" si="14"/>
        <v>1279.4362000000001</v>
      </c>
      <c r="AA115">
        <f t="shared" si="15"/>
        <v>518.20831666666663</v>
      </c>
      <c r="AB115">
        <f t="shared" si="16"/>
        <v>14.568818505579962</v>
      </c>
      <c r="AC115">
        <f t="shared" si="17"/>
        <v>2.1759823071800737</v>
      </c>
    </row>
    <row r="116" spans="1:29" x14ac:dyDescent="0.4">
      <c r="A116">
        <v>113</v>
      </c>
      <c r="B116">
        <f t="shared" si="9"/>
        <v>3.7666666666666666</v>
      </c>
      <c r="C116">
        <v>490.31673999999998</v>
      </c>
      <c r="D116">
        <v>521.71630000000005</v>
      </c>
      <c r="E116">
        <v>0.89479560000000002</v>
      </c>
      <c r="F116">
        <v>622.51855</v>
      </c>
      <c r="G116">
        <v>462.80056999999999</v>
      </c>
      <c r="H116">
        <v>0.93190620000000002</v>
      </c>
      <c r="I116">
        <v>606.81299999999999</v>
      </c>
      <c r="J116">
        <v>606.9049</v>
      </c>
      <c r="K116">
        <v>0.84821170000000001</v>
      </c>
      <c r="L116">
        <f t="shared" si="10"/>
        <v>573.21609666666666</v>
      </c>
      <c r="M116">
        <f t="shared" si="11"/>
        <v>530.47392333333335</v>
      </c>
      <c r="N116">
        <f t="shared" si="12"/>
        <v>-14.219328134090837</v>
      </c>
      <c r="O116">
        <f t="shared" si="13"/>
        <v>1.9163612608353569</v>
      </c>
      <c r="Q116">
        <v>1197.0322000000001</v>
      </c>
      <c r="R116">
        <v>525.82086000000004</v>
      </c>
      <c r="S116">
        <v>1</v>
      </c>
      <c r="T116">
        <v>1314.6193000000001</v>
      </c>
      <c r="U116">
        <v>442.32117</v>
      </c>
      <c r="V116">
        <v>0.95241659999999995</v>
      </c>
      <c r="W116">
        <v>1325.9775</v>
      </c>
      <c r="X116">
        <v>586.65099999999995</v>
      </c>
      <c r="Y116">
        <v>0.88261520000000004</v>
      </c>
      <c r="Z116">
        <f t="shared" si="14"/>
        <v>1279.2096666666666</v>
      </c>
      <c r="AA116">
        <f t="shared" si="15"/>
        <v>518.26434333333327</v>
      </c>
      <c r="AB116">
        <f t="shared" si="16"/>
        <v>14.559469909859047</v>
      </c>
      <c r="AC116">
        <f t="shared" si="17"/>
        <v>2.1737746262618178</v>
      </c>
    </row>
    <row r="117" spans="1:29" x14ac:dyDescent="0.4">
      <c r="A117">
        <v>114</v>
      </c>
      <c r="B117">
        <f t="shared" si="9"/>
        <v>3.8</v>
      </c>
      <c r="C117">
        <v>490.64416999999997</v>
      </c>
      <c r="D117">
        <v>521.64855999999997</v>
      </c>
      <c r="E117">
        <v>0.89207214000000001</v>
      </c>
      <c r="F117">
        <v>622.66800000000001</v>
      </c>
      <c r="G117">
        <v>462.86149999999998</v>
      </c>
      <c r="H117">
        <v>0.93187516999999997</v>
      </c>
      <c r="I117">
        <v>607.02859999999998</v>
      </c>
      <c r="J117">
        <v>606.98649999999998</v>
      </c>
      <c r="K117">
        <v>0.83637613</v>
      </c>
      <c r="L117">
        <f t="shared" si="10"/>
        <v>573.4469233333333</v>
      </c>
      <c r="M117">
        <f t="shared" si="11"/>
        <v>530.49885333333339</v>
      </c>
      <c r="N117">
        <f t="shared" si="12"/>
        <v>-14.210027376186353</v>
      </c>
      <c r="O117">
        <f t="shared" si="13"/>
        <v>1.9152667824306155</v>
      </c>
      <c r="Q117">
        <v>1196.9629</v>
      </c>
      <c r="R117">
        <v>525.78093999999999</v>
      </c>
      <c r="S117">
        <v>1</v>
      </c>
      <c r="T117">
        <v>1314.5130999999999</v>
      </c>
      <c r="U117">
        <v>442.27175999999997</v>
      </c>
      <c r="V117">
        <v>0.94701550000000001</v>
      </c>
      <c r="W117">
        <v>1325.8308999999999</v>
      </c>
      <c r="X117">
        <v>586.75170000000003</v>
      </c>
      <c r="Y117">
        <v>0.88991134999999999</v>
      </c>
      <c r="Z117">
        <f t="shared" si="14"/>
        <v>1279.1022999999998</v>
      </c>
      <c r="AA117">
        <f t="shared" si="15"/>
        <v>518.26813333333337</v>
      </c>
      <c r="AB117">
        <f t="shared" si="16"/>
        <v>14.555046489997155</v>
      </c>
      <c r="AC117">
        <f t="shared" si="17"/>
        <v>2.1736575780031724</v>
      </c>
    </row>
    <row r="118" spans="1:29" x14ac:dyDescent="0.4">
      <c r="A118">
        <v>115</v>
      </c>
      <c r="B118">
        <f t="shared" si="9"/>
        <v>3.8333333333333335</v>
      </c>
      <c r="C118">
        <v>490.91962000000001</v>
      </c>
      <c r="D118">
        <v>521.66890000000001</v>
      </c>
      <c r="E118">
        <v>0.89666873000000002</v>
      </c>
      <c r="F118">
        <v>622.87836000000004</v>
      </c>
      <c r="G118">
        <v>462.87295999999998</v>
      </c>
      <c r="H118">
        <v>0.92862109999999998</v>
      </c>
      <c r="I118">
        <v>607.56089999999995</v>
      </c>
      <c r="J118">
        <v>606.79520000000002</v>
      </c>
      <c r="K118">
        <v>0.84141820000000001</v>
      </c>
      <c r="L118">
        <f t="shared" si="10"/>
        <v>573.78629333333333</v>
      </c>
      <c r="M118">
        <f t="shared" si="11"/>
        <v>530.44568666666669</v>
      </c>
      <c r="N118">
        <f t="shared" si="12"/>
        <v>-14.196323872497064</v>
      </c>
      <c r="O118">
        <f t="shared" si="13"/>
        <v>1.9173247948150445</v>
      </c>
      <c r="Q118">
        <v>1196.8335</v>
      </c>
      <c r="R118">
        <v>525.74390000000005</v>
      </c>
      <c r="S118">
        <v>1</v>
      </c>
      <c r="T118">
        <v>1314.2858000000001</v>
      </c>
      <c r="U118">
        <v>442.30477999999999</v>
      </c>
      <c r="V118">
        <v>0.9367181</v>
      </c>
      <c r="W118">
        <v>1325.6482000000001</v>
      </c>
      <c r="X118">
        <v>586.89495999999997</v>
      </c>
      <c r="Y118">
        <v>0.88814099999999996</v>
      </c>
      <c r="Z118">
        <f t="shared" si="14"/>
        <v>1278.9225000000001</v>
      </c>
      <c r="AA118">
        <f t="shared" si="15"/>
        <v>518.31454666666662</v>
      </c>
      <c r="AB118">
        <f t="shared" si="16"/>
        <v>14.547625927249761</v>
      </c>
      <c r="AC118">
        <f t="shared" si="17"/>
        <v>2.1718259403242861</v>
      </c>
    </row>
    <row r="119" spans="1:29" x14ac:dyDescent="0.4">
      <c r="A119">
        <v>116</v>
      </c>
      <c r="B119">
        <f t="shared" si="9"/>
        <v>3.8666666666666667</v>
      </c>
      <c r="C119">
        <v>491.08492999999999</v>
      </c>
      <c r="D119">
        <v>521.61009999999999</v>
      </c>
      <c r="E119">
        <v>0.89790239999999999</v>
      </c>
      <c r="F119">
        <v>623.03643999999997</v>
      </c>
      <c r="G119">
        <v>462.80792000000002</v>
      </c>
      <c r="H119">
        <v>0.91817590000000004</v>
      </c>
      <c r="I119">
        <v>607.74860000000001</v>
      </c>
      <c r="J119">
        <v>606.77650000000006</v>
      </c>
      <c r="K119">
        <v>0.84462400000000004</v>
      </c>
      <c r="L119">
        <f t="shared" si="10"/>
        <v>573.95665666666662</v>
      </c>
      <c r="M119">
        <f t="shared" si="11"/>
        <v>530.39817333333338</v>
      </c>
      <c r="N119">
        <f t="shared" si="12"/>
        <v>-14.189437939011681</v>
      </c>
      <c r="O119">
        <f t="shared" si="13"/>
        <v>1.9192081035795423</v>
      </c>
      <c r="Q119">
        <v>1196.6898000000001</v>
      </c>
      <c r="R119">
        <v>525.77260000000001</v>
      </c>
      <c r="S119">
        <v>0.9859521</v>
      </c>
      <c r="T119">
        <v>1314.1144999999999</v>
      </c>
      <c r="U119">
        <v>442.20600000000002</v>
      </c>
      <c r="V119">
        <v>0.92940560000000005</v>
      </c>
      <c r="W119">
        <v>1325.5170000000001</v>
      </c>
      <c r="X119">
        <v>586.87756000000002</v>
      </c>
      <c r="Y119">
        <v>0.88744855</v>
      </c>
      <c r="Z119">
        <f t="shared" si="14"/>
        <v>1278.7737666666665</v>
      </c>
      <c r="AA119">
        <f t="shared" si="15"/>
        <v>518.28538666666668</v>
      </c>
      <c r="AB119">
        <f t="shared" si="16"/>
        <v>14.54150943713744</v>
      </c>
      <c r="AC119">
        <f t="shared" si="17"/>
        <v>2.1730685145439748</v>
      </c>
    </row>
    <row r="120" spans="1:29" x14ac:dyDescent="0.4">
      <c r="A120">
        <v>117</v>
      </c>
      <c r="B120">
        <f t="shared" si="9"/>
        <v>3.9</v>
      </c>
      <c r="C120">
        <v>491.20587</v>
      </c>
      <c r="D120">
        <v>521.68493999999998</v>
      </c>
      <c r="E120">
        <v>0.90417444999999996</v>
      </c>
      <c r="F120">
        <v>623.13463999999999</v>
      </c>
      <c r="G120">
        <v>462.77870000000001</v>
      </c>
      <c r="H120">
        <v>0.92304193999999995</v>
      </c>
      <c r="I120">
        <v>607.88306</v>
      </c>
      <c r="J120">
        <v>606.78620000000001</v>
      </c>
      <c r="K120">
        <v>0.8457249</v>
      </c>
      <c r="L120">
        <f t="shared" si="10"/>
        <v>574.07452333333333</v>
      </c>
      <c r="M120">
        <f t="shared" si="11"/>
        <v>530.41661333333332</v>
      </c>
      <c r="N120">
        <f t="shared" si="12"/>
        <v>-14.184690456764431</v>
      </c>
      <c r="O120">
        <f t="shared" si="13"/>
        <v>1.918416101006025</v>
      </c>
      <c r="Q120">
        <v>1196.5612000000001</v>
      </c>
      <c r="R120">
        <v>525.6318</v>
      </c>
      <c r="S120">
        <v>1</v>
      </c>
      <c r="T120">
        <v>1313.9191000000001</v>
      </c>
      <c r="U120">
        <v>442.27337999999997</v>
      </c>
      <c r="V120">
        <v>0.90848136000000002</v>
      </c>
      <c r="W120">
        <v>1325.4681</v>
      </c>
      <c r="X120">
        <v>586.88463999999999</v>
      </c>
      <c r="Y120">
        <v>0.8830344</v>
      </c>
      <c r="Z120">
        <f t="shared" si="14"/>
        <v>1278.6494666666667</v>
      </c>
      <c r="AA120">
        <f t="shared" si="15"/>
        <v>518.26327333333336</v>
      </c>
      <c r="AB120">
        <f t="shared" si="16"/>
        <v>14.536397029952338</v>
      </c>
      <c r="AC120">
        <f t="shared" si="17"/>
        <v>2.1740148513284492</v>
      </c>
    </row>
    <row r="121" spans="1:29" x14ac:dyDescent="0.4">
      <c r="A121">
        <v>118</v>
      </c>
      <c r="B121">
        <f t="shared" si="9"/>
        <v>3.9333333333333331</v>
      </c>
      <c r="C121">
        <v>491.21210000000002</v>
      </c>
      <c r="D121">
        <v>521.57439999999997</v>
      </c>
      <c r="E121">
        <v>0.90391564000000002</v>
      </c>
      <c r="F121">
        <v>623.24469999999997</v>
      </c>
      <c r="G121">
        <v>462.73845999999998</v>
      </c>
      <c r="H121">
        <v>0.91986597000000003</v>
      </c>
      <c r="I121">
        <v>608.00085000000001</v>
      </c>
      <c r="J121">
        <v>606.68420000000003</v>
      </c>
      <c r="K121">
        <v>0.85211460000000006</v>
      </c>
      <c r="L121">
        <f t="shared" si="10"/>
        <v>574.15254999999991</v>
      </c>
      <c r="M121">
        <f t="shared" si="11"/>
        <v>530.33235333333334</v>
      </c>
      <c r="N121">
        <f t="shared" si="12"/>
        <v>-14.181516442246465</v>
      </c>
      <c r="O121">
        <f t="shared" si="13"/>
        <v>1.921830357387404</v>
      </c>
      <c r="Q121">
        <v>1196.5001999999999</v>
      </c>
      <c r="R121">
        <v>525.68304000000001</v>
      </c>
      <c r="S121">
        <v>1</v>
      </c>
      <c r="T121">
        <v>1313.8585</v>
      </c>
      <c r="U121">
        <v>442.29410000000001</v>
      </c>
      <c r="V121">
        <v>0.90241389999999999</v>
      </c>
      <c r="W121">
        <v>1325.4869000000001</v>
      </c>
      <c r="X121">
        <v>586.80269999999996</v>
      </c>
      <c r="Y121">
        <v>0.87453734999999999</v>
      </c>
      <c r="Z121">
        <f t="shared" si="14"/>
        <v>1278.6152</v>
      </c>
      <c r="AA121">
        <f t="shared" si="15"/>
        <v>518.25994666666668</v>
      </c>
      <c r="AB121">
        <f t="shared" si="16"/>
        <v>14.534986762372114</v>
      </c>
      <c r="AC121">
        <f t="shared" si="17"/>
        <v>2.1741626771058855</v>
      </c>
    </row>
    <row r="122" spans="1:29" x14ac:dyDescent="0.4">
      <c r="A122">
        <v>119</v>
      </c>
      <c r="B122">
        <f t="shared" si="9"/>
        <v>3.9666666666666668</v>
      </c>
      <c r="C122">
        <v>491.42430000000002</v>
      </c>
      <c r="D122">
        <v>521.62429999999995</v>
      </c>
      <c r="E122">
        <v>0.90990769999999999</v>
      </c>
      <c r="F122">
        <v>623.42010000000005</v>
      </c>
      <c r="G122">
        <v>462.70501999999999</v>
      </c>
      <c r="H122">
        <v>0.92495996000000003</v>
      </c>
      <c r="I122">
        <v>608.18835000000001</v>
      </c>
      <c r="J122">
        <v>606.69029999999998</v>
      </c>
      <c r="K122">
        <v>0.85623170000000004</v>
      </c>
      <c r="L122">
        <f t="shared" si="10"/>
        <v>574.34424999999999</v>
      </c>
      <c r="M122">
        <f t="shared" si="11"/>
        <v>530.33987333333334</v>
      </c>
      <c r="N122">
        <f t="shared" si="12"/>
        <v>-14.173787744998741</v>
      </c>
      <c r="O122">
        <f t="shared" si="13"/>
        <v>1.9214596806729083</v>
      </c>
      <c r="Q122">
        <v>1196.3486</v>
      </c>
      <c r="R122">
        <v>525.66269999999997</v>
      </c>
      <c r="S122">
        <v>1</v>
      </c>
      <c r="T122">
        <v>1313.6844000000001</v>
      </c>
      <c r="U122">
        <v>442.33179999999999</v>
      </c>
      <c r="V122">
        <v>0.89571034999999999</v>
      </c>
      <c r="W122">
        <v>1325.5427</v>
      </c>
      <c r="X122">
        <v>586.68164000000002</v>
      </c>
      <c r="Y122">
        <v>0.87450594000000004</v>
      </c>
      <c r="Z122">
        <f t="shared" si="14"/>
        <v>1278.5252333333335</v>
      </c>
      <c r="AA122">
        <f t="shared" si="15"/>
        <v>518.22537999999997</v>
      </c>
      <c r="AB122">
        <f t="shared" si="16"/>
        <v>14.531292499366277</v>
      </c>
      <c r="AC122">
        <f t="shared" si="17"/>
        <v>2.1756053468856069</v>
      </c>
    </row>
    <row r="123" spans="1:29" x14ac:dyDescent="0.4">
      <c r="A123">
        <v>120</v>
      </c>
      <c r="B123">
        <f t="shared" si="9"/>
        <v>4</v>
      </c>
      <c r="C123">
        <v>491.62056999999999</v>
      </c>
      <c r="D123">
        <v>521.70399999999995</v>
      </c>
      <c r="E123">
        <v>0.90008794999999997</v>
      </c>
      <c r="F123">
        <v>623.4633</v>
      </c>
      <c r="G123">
        <v>462.54773</v>
      </c>
      <c r="H123">
        <v>0.93204469999999995</v>
      </c>
      <c r="I123">
        <v>608.29425000000003</v>
      </c>
      <c r="J123">
        <v>606.64386000000002</v>
      </c>
      <c r="K123">
        <v>0.86978566999999996</v>
      </c>
      <c r="L123">
        <f t="shared" si="10"/>
        <v>574.45937333333325</v>
      </c>
      <c r="M123">
        <f t="shared" si="11"/>
        <v>530.29853000000003</v>
      </c>
      <c r="N123">
        <f t="shared" si="12"/>
        <v>-14.169131499782585</v>
      </c>
      <c r="O123">
        <f t="shared" si="13"/>
        <v>1.9231094182895916</v>
      </c>
      <c r="Q123">
        <v>1196.2885000000001</v>
      </c>
      <c r="R123">
        <v>525.59875</v>
      </c>
      <c r="S123">
        <v>1</v>
      </c>
      <c r="T123">
        <v>1313.5522000000001</v>
      </c>
      <c r="U123">
        <v>442.30626999999998</v>
      </c>
      <c r="V123">
        <v>0.88901364999999999</v>
      </c>
      <c r="W123">
        <v>1325.5065</v>
      </c>
      <c r="X123">
        <v>586.67139999999995</v>
      </c>
      <c r="Y123">
        <v>0.87075466000000001</v>
      </c>
      <c r="Z123">
        <f t="shared" si="14"/>
        <v>1278.4490666666668</v>
      </c>
      <c r="AA123">
        <f t="shared" si="15"/>
        <v>518.19213999999999</v>
      </c>
      <c r="AB123">
        <f t="shared" si="16"/>
        <v>14.528166195514084</v>
      </c>
      <c r="AC123">
        <f t="shared" si="17"/>
        <v>2.1769890162807299</v>
      </c>
    </row>
    <row r="124" spans="1:29" x14ac:dyDescent="0.4">
      <c r="A124">
        <v>121</v>
      </c>
      <c r="B124">
        <f t="shared" si="9"/>
        <v>4.0333333333333332</v>
      </c>
      <c r="C124">
        <v>491.66230000000002</v>
      </c>
      <c r="D124">
        <v>521.75214000000005</v>
      </c>
      <c r="E124">
        <v>0.90484947000000004</v>
      </c>
      <c r="F124">
        <v>623.56359999999995</v>
      </c>
      <c r="G124">
        <v>462.49103000000002</v>
      </c>
      <c r="H124">
        <v>0.92014514999999997</v>
      </c>
      <c r="I124">
        <v>608.51689999999996</v>
      </c>
      <c r="J124">
        <v>606.48015999999996</v>
      </c>
      <c r="K124">
        <v>0.87950592999999999</v>
      </c>
      <c r="L124">
        <f t="shared" si="10"/>
        <v>574.58093333333329</v>
      </c>
      <c r="M124">
        <f t="shared" si="11"/>
        <v>530.24111000000005</v>
      </c>
      <c r="N124">
        <f t="shared" si="12"/>
        <v>-14.16421044723714</v>
      </c>
      <c r="O124">
        <f t="shared" si="13"/>
        <v>1.9254133941355041</v>
      </c>
      <c r="Q124">
        <v>1196.057</v>
      </c>
      <c r="R124">
        <v>525.67596000000003</v>
      </c>
      <c r="S124">
        <v>1</v>
      </c>
      <c r="T124">
        <v>1313.3834999999999</v>
      </c>
      <c r="U124">
        <v>442.30225000000002</v>
      </c>
      <c r="V124">
        <v>0.88208215999999995</v>
      </c>
      <c r="W124">
        <v>1325.2588000000001</v>
      </c>
      <c r="X124">
        <v>586.59519999999998</v>
      </c>
      <c r="Y124">
        <v>0.87453369999999997</v>
      </c>
      <c r="Z124">
        <f t="shared" si="14"/>
        <v>1278.2330999999999</v>
      </c>
      <c r="AA124">
        <f t="shared" si="15"/>
        <v>518.19113666666669</v>
      </c>
      <c r="AB124">
        <f t="shared" si="16"/>
        <v>14.519271552465145</v>
      </c>
      <c r="AC124">
        <f t="shared" si="17"/>
        <v>2.1771057430295282</v>
      </c>
    </row>
    <row r="125" spans="1:29" x14ac:dyDescent="0.4">
      <c r="A125">
        <v>122</v>
      </c>
      <c r="B125">
        <f t="shared" si="9"/>
        <v>4.0666666666666664</v>
      </c>
      <c r="C125">
        <v>491.73538000000002</v>
      </c>
      <c r="D125">
        <v>521.65509999999995</v>
      </c>
      <c r="E125">
        <v>0.90998805000000005</v>
      </c>
      <c r="F125">
        <v>623.72393999999997</v>
      </c>
      <c r="G125">
        <v>462.48820000000001</v>
      </c>
      <c r="H125">
        <v>0.90886193999999998</v>
      </c>
      <c r="I125">
        <v>608.70043999999996</v>
      </c>
      <c r="J125">
        <v>606.33640000000003</v>
      </c>
      <c r="K125">
        <v>0.89356809999999998</v>
      </c>
      <c r="L125">
        <f t="shared" si="10"/>
        <v>574.71992</v>
      </c>
      <c r="M125">
        <f t="shared" si="11"/>
        <v>530.15989999999999</v>
      </c>
      <c r="N125">
        <f t="shared" si="12"/>
        <v>-14.158578863019565</v>
      </c>
      <c r="O125">
        <f t="shared" si="13"/>
        <v>1.9286828767118001</v>
      </c>
      <c r="Q125">
        <v>1195.8927000000001</v>
      </c>
      <c r="R125">
        <v>525.65674000000001</v>
      </c>
      <c r="S125">
        <v>1</v>
      </c>
      <c r="T125">
        <v>1313.1699000000001</v>
      </c>
      <c r="U125">
        <v>442.19778000000002</v>
      </c>
      <c r="V125">
        <v>0.88871663999999995</v>
      </c>
      <c r="W125">
        <v>1325.0851</v>
      </c>
      <c r="X125">
        <v>586.56219999999996</v>
      </c>
      <c r="Y125">
        <v>0.88204550000000004</v>
      </c>
      <c r="Z125">
        <f t="shared" si="14"/>
        <v>1278.0492333333334</v>
      </c>
      <c r="AA125">
        <f t="shared" si="15"/>
        <v>518.13890666666668</v>
      </c>
      <c r="AB125">
        <f t="shared" si="16"/>
        <v>14.511715644407889</v>
      </c>
      <c r="AC125">
        <f t="shared" si="17"/>
        <v>2.1793024183082563</v>
      </c>
    </row>
    <row r="126" spans="1:29" x14ac:dyDescent="0.4">
      <c r="A126">
        <v>123</v>
      </c>
      <c r="B126">
        <f t="shared" si="9"/>
        <v>4.0999999999999996</v>
      </c>
      <c r="C126">
        <v>491.94806</v>
      </c>
      <c r="D126">
        <v>521.66974000000005</v>
      </c>
      <c r="E126">
        <v>0.91070795000000004</v>
      </c>
      <c r="F126">
        <v>623.89179999999999</v>
      </c>
      <c r="G126">
        <v>462.44278000000003</v>
      </c>
      <c r="H126">
        <v>0.89585804999999996</v>
      </c>
      <c r="I126">
        <v>608.91063999999994</v>
      </c>
      <c r="J126">
        <v>606.24689999999998</v>
      </c>
      <c r="K126">
        <v>0.91263629999999996</v>
      </c>
      <c r="L126">
        <f t="shared" si="10"/>
        <v>574.91683333333333</v>
      </c>
      <c r="M126">
        <f t="shared" si="11"/>
        <v>530.1198066666667</v>
      </c>
      <c r="N126">
        <f t="shared" si="12"/>
        <v>-14.150624371830556</v>
      </c>
      <c r="O126">
        <f t="shared" si="13"/>
        <v>1.9302544168661557</v>
      </c>
      <c r="Q126">
        <v>1195.7272</v>
      </c>
      <c r="R126">
        <v>525.61059999999998</v>
      </c>
      <c r="S126">
        <v>0.98785440000000002</v>
      </c>
      <c r="T126">
        <v>1313.0645</v>
      </c>
      <c r="U126">
        <v>442.08123999999998</v>
      </c>
      <c r="V126">
        <v>0.89672415999999999</v>
      </c>
      <c r="W126">
        <v>1324.836</v>
      </c>
      <c r="X126">
        <v>586.51306</v>
      </c>
      <c r="Y126">
        <v>0.88411050000000002</v>
      </c>
      <c r="Z126">
        <f t="shared" si="14"/>
        <v>1277.8759</v>
      </c>
      <c r="AA126">
        <f t="shared" si="15"/>
        <v>518.06830000000002</v>
      </c>
      <c r="AB126">
        <f t="shared" si="16"/>
        <v>14.504599558734492</v>
      </c>
      <c r="AC126">
        <f t="shared" si="17"/>
        <v>2.1822455808104562</v>
      </c>
    </row>
    <row r="127" spans="1:29" x14ac:dyDescent="0.4">
      <c r="A127">
        <v>124</v>
      </c>
      <c r="B127">
        <f t="shared" si="9"/>
        <v>4.1333333333333337</v>
      </c>
      <c r="C127">
        <v>492.14368000000002</v>
      </c>
      <c r="D127">
        <v>521.58159999999998</v>
      </c>
      <c r="E127">
        <v>0.90779995999999996</v>
      </c>
      <c r="F127">
        <v>623.95685000000003</v>
      </c>
      <c r="G127">
        <v>462.34530000000001</v>
      </c>
      <c r="H127">
        <v>0.90144913999999998</v>
      </c>
      <c r="I127">
        <v>609.09247000000005</v>
      </c>
      <c r="J127">
        <v>606.13653999999997</v>
      </c>
      <c r="K127">
        <v>0.92781349999999996</v>
      </c>
      <c r="L127">
        <f t="shared" si="10"/>
        <v>575.06433333333337</v>
      </c>
      <c r="M127">
        <f t="shared" si="11"/>
        <v>530.0211466666666</v>
      </c>
      <c r="N127">
        <f t="shared" si="12"/>
        <v>-14.144643738426243</v>
      </c>
      <c r="O127">
        <f t="shared" si="13"/>
        <v>1.9342335123040337</v>
      </c>
      <c r="Q127">
        <v>1195.5219</v>
      </c>
      <c r="R127">
        <v>525.59829999999999</v>
      </c>
      <c r="S127">
        <v>0.98167150000000003</v>
      </c>
      <c r="T127">
        <v>1312.8846000000001</v>
      </c>
      <c r="U127">
        <v>442.00734999999997</v>
      </c>
      <c r="V127">
        <v>0.87959019999999999</v>
      </c>
      <c r="W127">
        <v>1324.7908</v>
      </c>
      <c r="X127">
        <v>586.41454999999996</v>
      </c>
      <c r="Y127">
        <v>0.87358515999999997</v>
      </c>
      <c r="Z127">
        <f t="shared" si="14"/>
        <v>1277.7324333333333</v>
      </c>
      <c r="AA127">
        <f t="shared" si="15"/>
        <v>518.00673333333327</v>
      </c>
      <c r="AB127">
        <f t="shared" si="16"/>
        <v>14.498710669871752</v>
      </c>
      <c r="AC127">
        <f t="shared" si="17"/>
        <v>2.1848092260497545</v>
      </c>
    </row>
    <row r="128" spans="1:29" x14ac:dyDescent="0.4">
      <c r="A128">
        <v>125</v>
      </c>
      <c r="B128">
        <f t="shared" si="9"/>
        <v>4.166666666666667</v>
      </c>
      <c r="C128">
        <v>492.30759999999998</v>
      </c>
      <c r="D128">
        <v>521.59</v>
      </c>
      <c r="E128">
        <v>0.90345054999999996</v>
      </c>
      <c r="F128">
        <v>624.07335999999998</v>
      </c>
      <c r="G128">
        <v>462.29503999999997</v>
      </c>
      <c r="H128">
        <v>0.91535204999999997</v>
      </c>
      <c r="I128">
        <v>609.23833999999999</v>
      </c>
      <c r="J128">
        <v>606.08150000000001</v>
      </c>
      <c r="K128">
        <v>0.93069946999999997</v>
      </c>
      <c r="L128">
        <f t="shared" si="10"/>
        <v>575.20643333333328</v>
      </c>
      <c r="M128">
        <f t="shared" si="11"/>
        <v>529.98884666666663</v>
      </c>
      <c r="N128">
        <f t="shared" si="12"/>
        <v>-14.1389023365687</v>
      </c>
      <c r="O128">
        <f t="shared" si="13"/>
        <v>1.9355050649456942</v>
      </c>
      <c r="Q128">
        <v>1195.4380000000001</v>
      </c>
      <c r="R128">
        <v>525.51056000000005</v>
      </c>
      <c r="S128">
        <v>0.99220269999999999</v>
      </c>
      <c r="T128">
        <v>1312.816</v>
      </c>
      <c r="U128">
        <v>441.98500000000001</v>
      </c>
      <c r="V128">
        <v>0.88855099999999998</v>
      </c>
      <c r="W128">
        <v>1324.7987000000001</v>
      </c>
      <c r="X128">
        <v>586.46590000000003</v>
      </c>
      <c r="Y128">
        <v>0.88086253000000003</v>
      </c>
      <c r="Z128">
        <f t="shared" si="14"/>
        <v>1277.6842333333334</v>
      </c>
      <c r="AA128">
        <f t="shared" si="15"/>
        <v>517.98715333333337</v>
      </c>
      <c r="AB128">
        <f t="shared" si="16"/>
        <v>14.496731848129123</v>
      </c>
      <c r="AC128">
        <f t="shared" si="17"/>
        <v>2.1856254425187016</v>
      </c>
    </row>
    <row r="129" spans="1:29" x14ac:dyDescent="0.4">
      <c r="A129">
        <v>126</v>
      </c>
      <c r="B129">
        <f t="shared" si="9"/>
        <v>4.2</v>
      </c>
      <c r="C129">
        <v>492.48532</v>
      </c>
      <c r="D129">
        <v>521.56569999999999</v>
      </c>
      <c r="E129">
        <v>0.89362540000000001</v>
      </c>
      <c r="F129">
        <v>624.2047</v>
      </c>
      <c r="G129">
        <v>462.17860000000002</v>
      </c>
      <c r="H129">
        <v>0.91930230000000002</v>
      </c>
      <c r="I129">
        <v>609.4434</v>
      </c>
      <c r="J129">
        <v>606.0616</v>
      </c>
      <c r="K129">
        <v>0.94345420000000002</v>
      </c>
      <c r="L129">
        <f t="shared" si="10"/>
        <v>575.37780666666674</v>
      </c>
      <c r="M129">
        <f t="shared" si="11"/>
        <v>529.93529999999998</v>
      </c>
      <c r="N129">
        <f t="shared" si="12"/>
        <v>-14.131973421430448</v>
      </c>
      <c r="O129">
        <f t="shared" si="13"/>
        <v>1.9376343500684761</v>
      </c>
      <c r="Q129">
        <v>1195.2653</v>
      </c>
      <c r="R129">
        <v>525.49570000000006</v>
      </c>
      <c r="S129">
        <v>0.99556730000000004</v>
      </c>
      <c r="T129">
        <v>1312.6993</v>
      </c>
      <c r="U129">
        <v>442.00986</v>
      </c>
      <c r="V129">
        <v>0.88715069999999996</v>
      </c>
      <c r="W129">
        <v>1324.694</v>
      </c>
      <c r="X129">
        <v>586.48500000000001</v>
      </c>
      <c r="Y129">
        <v>0.87891750000000002</v>
      </c>
      <c r="Z129">
        <f t="shared" si="14"/>
        <v>1277.5528666666667</v>
      </c>
      <c r="AA129">
        <f t="shared" si="15"/>
        <v>517.99685333333343</v>
      </c>
      <c r="AB129">
        <f t="shared" si="16"/>
        <v>14.491318253441269</v>
      </c>
      <c r="AC129">
        <f t="shared" si="17"/>
        <v>2.1852755480365795</v>
      </c>
    </row>
    <row r="130" spans="1:29" x14ac:dyDescent="0.4">
      <c r="A130">
        <v>127</v>
      </c>
      <c r="B130">
        <f t="shared" si="9"/>
        <v>4.2333333333333334</v>
      </c>
      <c r="C130">
        <v>492.64107999999999</v>
      </c>
      <c r="D130">
        <v>521.59810000000004</v>
      </c>
      <c r="E130">
        <v>0.893432</v>
      </c>
      <c r="F130">
        <v>624.48004000000003</v>
      </c>
      <c r="G130">
        <v>462.11559999999997</v>
      </c>
      <c r="H130">
        <v>0.93627570000000004</v>
      </c>
      <c r="I130">
        <v>609.62139999999999</v>
      </c>
      <c r="J130">
        <v>606.06610000000001</v>
      </c>
      <c r="K130">
        <v>0.94837384999999996</v>
      </c>
      <c r="L130">
        <f t="shared" si="10"/>
        <v>575.58083999999997</v>
      </c>
      <c r="M130">
        <f t="shared" si="11"/>
        <v>529.92660000000001</v>
      </c>
      <c r="N130">
        <f t="shared" si="12"/>
        <v>-14.123782105595687</v>
      </c>
      <c r="O130">
        <f t="shared" si="13"/>
        <v>1.9379221312937562</v>
      </c>
      <c r="Q130">
        <v>1195.1334999999999</v>
      </c>
      <c r="R130">
        <v>525.47659999999996</v>
      </c>
      <c r="S130">
        <v>0.98897886000000002</v>
      </c>
      <c r="T130">
        <v>1312.5804000000001</v>
      </c>
      <c r="U130">
        <v>441.99509999999998</v>
      </c>
      <c r="V130">
        <v>0.89483743999999998</v>
      </c>
      <c r="W130">
        <v>1324.6780000000001</v>
      </c>
      <c r="X130">
        <v>586.45439999999996</v>
      </c>
      <c r="Y130">
        <v>0.87598699999999996</v>
      </c>
      <c r="Z130">
        <f t="shared" si="14"/>
        <v>1277.4639666666665</v>
      </c>
      <c r="AA130">
        <f t="shared" si="15"/>
        <v>517.97536666666667</v>
      </c>
      <c r="AB130">
        <f t="shared" si="16"/>
        <v>14.48766380110871</v>
      </c>
      <c r="AC130">
        <f t="shared" si="17"/>
        <v>2.186183877251394</v>
      </c>
    </row>
    <row r="131" spans="1:29" x14ac:dyDescent="0.4">
      <c r="A131">
        <v>128</v>
      </c>
      <c r="B131">
        <f t="shared" si="9"/>
        <v>4.2666666666666666</v>
      </c>
      <c r="C131">
        <v>492.78958</v>
      </c>
      <c r="D131">
        <v>521.62109999999996</v>
      </c>
      <c r="E131">
        <v>0.88728209999999996</v>
      </c>
      <c r="F131">
        <v>624.61255000000006</v>
      </c>
      <c r="G131">
        <v>462.101</v>
      </c>
      <c r="H131">
        <v>0.94732106000000005</v>
      </c>
      <c r="I131">
        <v>609.75287000000003</v>
      </c>
      <c r="J131">
        <v>606.11694</v>
      </c>
      <c r="K131">
        <v>0.95179930000000001</v>
      </c>
      <c r="L131">
        <f t="shared" si="10"/>
        <v>575.71833333333336</v>
      </c>
      <c r="M131">
        <f t="shared" si="11"/>
        <v>529.94634666666661</v>
      </c>
      <c r="N131">
        <f t="shared" si="12"/>
        <v>-14.118243248298597</v>
      </c>
      <c r="O131">
        <f t="shared" si="13"/>
        <v>1.9370702616043141</v>
      </c>
      <c r="Q131">
        <v>1194.9668999999999</v>
      </c>
      <c r="R131">
        <v>525.38379999999995</v>
      </c>
      <c r="S131">
        <v>0.99462499999999998</v>
      </c>
      <c r="T131">
        <v>1312.4417000000001</v>
      </c>
      <c r="U131">
        <v>441.96550000000002</v>
      </c>
      <c r="V131">
        <v>0.90390219999999999</v>
      </c>
      <c r="W131">
        <v>1324.7747999999999</v>
      </c>
      <c r="X131">
        <v>586.39293999999995</v>
      </c>
      <c r="Y131">
        <v>0.87604976000000001</v>
      </c>
      <c r="Z131">
        <f t="shared" si="14"/>
        <v>1277.3944666666666</v>
      </c>
      <c r="AA131">
        <f t="shared" si="15"/>
        <v>517.91408000000001</v>
      </c>
      <c r="AB131">
        <f t="shared" si="16"/>
        <v>14.484821252709525</v>
      </c>
      <c r="AC131">
        <f t="shared" si="17"/>
        <v>2.1887101402163793</v>
      </c>
    </row>
    <row r="132" spans="1:29" x14ac:dyDescent="0.4">
      <c r="A132">
        <v>129</v>
      </c>
      <c r="B132">
        <f t="shared" ref="B132:B195" si="18">A132/30</f>
        <v>4.3</v>
      </c>
      <c r="C132">
        <v>493.03268000000003</v>
      </c>
      <c r="D132">
        <v>521.67370000000005</v>
      </c>
      <c r="E132">
        <v>0.87838316000000005</v>
      </c>
      <c r="F132">
        <v>624.74220000000003</v>
      </c>
      <c r="G132">
        <v>461.95400000000001</v>
      </c>
      <c r="H132">
        <v>0.95546889999999995</v>
      </c>
      <c r="I132">
        <v>609.92957000000001</v>
      </c>
      <c r="J132">
        <v>606.12189999999998</v>
      </c>
      <c r="K132">
        <v>0.96958639999999996</v>
      </c>
      <c r="L132">
        <f t="shared" ref="L132:L195" si="19">(C132+F132+I132)/3</f>
        <v>575.90148333333332</v>
      </c>
      <c r="M132">
        <f t="shared" ref="M132:M195" si="20">(D132+G132+J132)/3</f>
        <v>529.9165333333334</v>
      </c>
      <c r="N132">
        <f t="shared" ref="N132:N195" si="21" xml:space="preserve"> -36.96+0.03963*L132-0.0003398*M132+6.089*10^(-7)*L132^2+1.529*10^(-8)*M132^2</f>
        <v>-14.110846937679783</v>
      </c>
      <c r="O132">
        <f t="shared" ref="O132:O195" si="22" xml:space="preserve"> 23.7-0.0003167*L132-0.0406*M132-1.335*10^(-8)*L132^2-2.149*10^(-7)*M132^2</f>
        <v>1.9382266539816748</v>
      </c>
      <c r="Q132">
        <v>1194.8909000000001</v>
      </c>
      <c r="R132">
        <v>525.42639999999994</v>
      </c>
      <c r="S132">
        <v>0.98713090000000003</v>
      </c>
      <c r="T132">
        <v>1312.29</v>
      </c>
      <c r="U132">
        <v>441.97116</v>
      </c>
      <c r="V132">
        <v>0.9089682</v>
      </c>
      <c r="W132">
        <v>1324.4947999999999</v>
      </c>
      <c r="X132">
        <v>586.46860000000004</v>
      </c>
      <c r="Y132">
        <v>0.86909144999999999</v>
      </c>
      <c r="Z132">
        <f t="shared" ref="Z132:Z195" si="23">(Q132+T132+W132)/3</f>
        <v>1277.2252333333333</v>
      </c>
      <c r="AA132">
        <f t="shared" ref="AA132:AA195" si="24">(R132+U132+X132)/3</f>
        <v>517.95538666666664</v>
      </c>
      <c r="AB132">
        <f t="shared" ref="AB132:AB195" si="25" xml:space="preserve"> -36.96+0.03963*Z132-0.0003398*AA132+6.089*10^(-7)*Z132^2+1.529*10^(-8)*AA132^2</f>
        <v>14.477837910144602</v>
      </c>
      <c r="AC132">
        <f t="shared" ref="AC132:AC195" si="26" xml:space="preserve"> 23.7-0.0003167*Z132-0.0406*AA132-1.335*10^(-8)*Z132^2-2.149*10^(-7)*AA132^2</f>
        <v>2.1870832621004084</v>
      </c>
    </row>
    <row r="133" spans="1:29" x14ac:dyDescent="0.4">
      <c r="A133">
        <v>130</v>
      </c>
      <c r="B133">
        <f t="shared" si="18"/>
        <v>4.333333333333333</v>
      </c>
      <c r="C133">
        <v>493.07900000000001</v>
      </c>
      <c r="D133">
        <v>521.62189999999998</v>
      </c>
      <c r="E133">
        <v>0.87437164999999994</v>
      </c>
      <c r="F133">
        <v>624.8732</v>
      </c>
      <c r="G133">
        <v>461.89258000000001</v>
      </c>
      <c r="H133">
        <v>0.95732766000000002</v>
      </c>
      <c r="I133">
        <v>610.05039999999997</v>
      </c>
      <c r="J133">
        <v>606.13025000000005</v>
      </c>
      <c r="K133">
        <v>0.97336274</v>
      </c>
      <c r="L133">
        <f t="shared" si="19"/>
        <v>576.00086666666664</v>
      </c>
      <c r="M133">
        <f t="shared" si="20"/>
        <v>529.88157666666666</v>
      </c>
      <c r="N133">
        <f t="shared" si="21"/>
        <v>-14.106827357545022</v>
      </c>
      <c r="O133">
        <f t="shared" si="22"/>
        <v>1.9396208530423675</v>
      </c>
      <c r="Q133">
        <v>1194.6993</v>
      </c>
      <c r="R133">
        <v>525.50635</v>
      </c>
      <c r="S133">
        <v>0.97743833000000002</v>
      </c>
      <c r="T133">
        <v>1312.1945000000001</v>
      </c>
      <c r="U133">
        <v>441.96566999999999</v>
      </c>
      <c r="V133">
        <v>0.9207767</v>
      </c>
      <c r="W133">
        <v>1324.2426</v>
      </c>
      <c r="X133">
        <v>586.46436000000006</v>
      </c>
      <c r="Y133">
        <v>0.871556</v>
      </c>
      <c r="Z133">
        <f t="shared" si="23"/>
        <v>1277.0454666666667</v>
      </c>
      <c r="AA133">
        <f t="shared" si="24"/>
        <v>517.97879333333333</v>
      </c>
      <c r="AB133">
        <f t="shared" si="25"/>
        <v>14.470426584032616</v>
      </c>
      <c r="AC133">
        <f t="shared" si="26"/>
        <v>2.1861908026480918</v>
      </c>
    </row>
    <row r="134" spans="1:29" x14ac:dyDescent="0.4">
      <c r="A134">
        <v>131</v>
      </c>
      <c r="B134">
        <f t="shared" si="18"/>
        <v>4.3666666666666663</v>
      </c>
      <c r="C134">
        <v>493.24376999999998</v>
      </c>
      <c r="D134">
        <v>521.68140000000005</v>
      </c>
      <c r="E134">
        <v>0.87176454000000003</v>
      </c>
      <c r="F134">
        <v>625.04083000000003</v>
      </c>
      <c r="G134">
        <v>461.78928000000002</v>
      </c>
      <c r="H134">
        <v>0.94992465000000004</v>
      </c>
      <c r="I134">
        <v>610.17089999999996</v>
      </c>
      <c r="J134">
        <v>606.08320000000003</v>
      </c>
      <c r="K134">
        <v>0.97468566999999995</v>
      </c>
      <c r="L134">
        <f t="shared" si="19"/>
        <v>576.15183333333334</v>
      </c>
      <c r="M134">
        <f t="shared" si="20"/>
        <v>529.85129333333339</v>
      </c>
      <c r="N134">
        <f t="shared" si="21"/>
        <v>-14.100728838930985</v>
      </c>
      <c r="O134">
        <f t="shared" si="22"/>
        <v>1.9408071198012351</v>
      </c>
      <c r="Q134">
        <v>1194.5205000000001</v>
      </c>
      <c r="R134">
        <v>525.44665999999995</v>
      </c>
      <c r="S134">
        <v>0.96847749999999999</v>
      </c>
      <c r="T134">
        <v>1312.0416</v>
      </c>
      <c r="U134">
        <v>442.00607000000002</v>
      </c>
      <c r="V134">
        <v>0.92541145999999996</v>
      </c>
      <c r="W134">
        <v>1324.09</v>
      </c>
      <c r="X134">
        <v>586.44100000000003</v>
      </c>
      <c r="Y134">
        <v>0.86955179999999999</v>
      </c>
      <c r="Z134">
        <f t="shared" si="23"/>
        <v>1276.8840333333335</v>
      </c>
      <c r="AA134">
        <f t="shared" si="24"/>
        <v>517.96457666666663</v>
      </c>
      <c r="AB134">
        <f t="shared" si="25"/>
        <v>14.46378254368341</v>
      </c>
      <c r="AC134">
        <f t="shared" si="26"/>
        <v>2.1868277942887548</v>
      </c>
    </row>
    <row r="135" spans="1:29" x14ac:dyDescent="0.4">
      <c r="A135">
        <v>132</v>
      </c>
      <c r="B135">
        <f t="shared" si="18"/>
        <v>4.4000000000000004</v>
      </c>
      <c r="C135">
        <v>493.65917999999999</v>
      </c>
      <c r="D135">
        <v>521.76220000000001</v>
      </c>
      <c r="E135">
        <v>0.86002279999999998</v>
      </c>
      <c r="F135">
        <v>625.16692999999998</v>
      </c>
      <c r="G135">
        <v>461.75405999999998</v>
      </c>
      <c r="H135">
        <v>0.94791429999999999</v>
      </c>
      <c r="I135">
        <v>610.28160000000003</v>
      </c>
      <c r="J135">
        <v>606.048</v>
      </c>
      <c r="K135">
        <v>0.97531690000000004</v>
      </c>
      <c r="L135">
        <f t="shared" si="19"/>
        <v>576.36923666666667</v>
      </c>
      <c r="M135">
        <f t="shared" si="20"/>
        <v>529.85475333333341</v>
      </c>
      <c r="N135">
        <f t="shared" si="21"/>
        <v>-14.091961697322414</v>
      </c>
      <c r="O135">
        <f t="shared" si="22"/>
        <v>1.940593659215232</v>
      </c>
      <c r="Q135">
        <v>1194.3259</v>
      </c>
      <c r="R135">
        <v>525.49770000000001</v>
      </c>
      <c r="S135">
        <v>0.96062069999999999</v>
      </c>
      <c r="T135">
        <v>1311.9160999999999</v>
      </c>
      <c r="U135">
        <v>441.96172999999999</v>
      </c>
      <c r="V135">
        <v>0.93189619999999995</v>
      </c>
      <c r="W135">
        <v>1323.8086000000001</v>
      </c>
      <c r="X135">
        <v>586.42259999999999</v>
      </c>
      <c r="Y135">
        <v>0.87512635999999999</v>
      </c>
      <c r="Z135">
        <f t="shared" si="23"/>
        <v>1276.6835333333336</v>
      </c>
      <c r="AA135">
        <f t="shared" si="24"/>
        <v>517.9606766666667</v>
      </c>
      <c r="AB135">
        <f t="shared" si="25"/>
        <v>14.455526241238237</v>
      </c>
      <c r="AC135">
        <f t="shared" si="26"/>
        <v>2.1870573359285324</v>
      </c>
    </row>
    <row r="136" spans="1:29" x14ac:dyDescent="0.4">
      <c r="A136">
        <v>133</v>
      </c>
      <c r="B136">
        <f t="shared" si="18"/>
        <v>4.4333333333333336</v>
      </c>
      <c r="C136">
        <v>493.77010000000001</v>
      </c>
      <c r="D136">
        <v>521.72155999999995</v>
      </c>
      <c r="E136">
        <v>0.85309975999999998</v>
      </c>
      <c r="F136">
        <v>625.33569999999997</v>
      </c>
      <c r="G136">
        <v>461.69952000000001</v>
      </c>
      <c r="H136">
        <v>0.96142329999999998</v>
      </c>
      <c r="I136">
        <v>610.46090000000004</v>
      </c>
      <c r="J136">
        <v>606.07476999999994</v>
      </c>
      <c r="K136">
        <v>0.97282550000000001</v>
      </c>
      <c r="L136">
        <f t="shared" si="19"/>
        <v>576.52223333333336</v>
      </c>
      <c r="M136">
        <f t="shared" si="20"/>
        <v>529.83194999999989</v>
      </c>
      <c r="N136">
        <f t="shared" si="21"/>
        <v>-14.085783657333979</v>
      </c>
      <c r="O136">
        <f t="shared" si="22"/>
        <v>1.9414738586442968</v>
      </c>
      <c r="Q136">
        <v>1194.2235000000001</v>
      </c>
      <c r="R136">
        <v>525.50509999999997</v>
      </c>
      <c r="S136">
        <v>0.94830274999999997</v>
      </c>
      <c r="T136">
        <v>1311.7236</v>
      </c>
      <c r="U136">
        <v>442.05435</v>
      </c>
      <c r="V136">
        <v>0.92727320000000002</v>
      </c>
      <c r="W136">
        <v>1323.8287</v>
      </c>
      <c r="X136">
        <v>586.45429999999999</v>
      </c>
      <c r="Y136">
        <v>0.85611135000000005</v>
      </c>
      <c r="Z136">
        <f t="shared" si="23"/>
        <v>1276.5919333333334</v>
      </c>
      <c r="AA136">
        <f t="shared" si="24"/>
        <v>518.00458333333336</v>
      </c>
      <c r="AB136">
        <f t="shared" si="25"/>
        <v>14.451739499678553</v>
      </c>
      <c r="AC136">
        <f t="shared" si="26"/>
        <v>2.1852970823858939</v>
      </c>
    </row>
    <row r="137" spans="1:29" x14ac:dyDescent="0.4">
      <c r="A137">
        <v>134</v>
      </c>
      <c r="B137">
        <f t="shared" si="18"/>
        <v>4.4666666666666668</v>
      </c>
      <c r="C137">
        <v>493.94436999999999</v>
      </c>
      <c r="D137">
        <v>521.77809999999999</v>
      </c>
      <c r="E137">
        <v>0.86064284999999996</v>
      </c>
      <c r="F137">
        <v>625.46765000000005</v>
      </c>
      <c r="G137">
        <v>461.62139999999999</v>
      </c>
      <c r="H137">
        <v>0.96719085999999999</v>
      </c>
      <c r="I137">
        <v>610.72362999999996</v>
      </c>
      <c r="J137">
        <v>606.02970000000005</v>
      </c>
      <c r="K137">
        <v>0.96936107000000005</v>
      </c>
      <c r="L137">
        <f t="shared" si="19"/>
        <v>576.71188333333328</v>
      </c>
      <c r="M137">
        <f t="shared" si="20"/>
        <v>529.80973333333338</v>
      </c>
      <c r="N137">
        <f t="shared" si="21"/>
        <v>-14.078127465526634</v>
      </c>
      <c r="O137">
        <f t="shared" si="22"/>
        <v>1.9423179324787383</v>
      </c>
      <c r="Q137">
        <v>1194.146</v>
      </c>
      <c r="R137">
        <v>525.49334999999996</v>
      </c>
      <c r="S137">
        <v>0.93778306</v>
      </c>
      <c r="T137">
        <v>1311.6130000000001</v>
      </c>
      <c r="U137">
        <v>442.08240000000001</v>
      </c>
      <c r="V137">
        <v>0.90532522999999998</v>
      </c>
      <c r="W137">
        <v>1323.6311000000001</v>
      </c>
      <c r="X137">
        <v>586.40436</v>
      </c>
      <c r="Y137">
        <v>0.85301536</v>
      </c>
      <c r="Z137">
        <f t="shared" si="23"/>
        <v>1276.4633666666666</v>
      </c>
      <c r="AA137">
        <f t="shared" si="24"/>
        <v>517.99337000000003</v>
      </c>
      <c r="AB137">
        <f t="shared" si="25"/>
        <v>14.446448171343084</v>
      </c>
      <c r="AC137">
        <f t="shared" si="26"/>
        <v>2.1857999392485512</v>
      </c>
    </row>
    <row r="138" spans="1:29" x14ac:dyDescent="0.4">
      <c r="A138">
        <v>135</v>
      </c>
      <c r="B138">
        <f t="shared" si="18"/>
        <v>4.5</v>
      </c>
      <c r="C138">
        <v>494.1712</v>
      </c>
      <c r="D138">
        <v>521.95010000000002</v>
      </c>
      <c r="E138">
        <v>0.84691559999999999</v>
      </c>
      <c r="F138">
        <v>625.63666000000001</v>
      </c>
      <c r="G138">
        <v>461.64224000000002</v>
      </c>
      <c r="H138">
        <v>0.9801898</v>
      </c>
      <c r="I138">
        <v>610.89329999999995</v>
      </c>
      <c r="J138">
        <v>605.98559999999998</v>
      </c>
      <c r="K138">
        <v>0.97951699999999997</v>
      </c>
      <c r="L138">
        <f t="shared" si="19"/>
        <v>576.90038666666658</v>
      </c>
      <c r="M138">
        <f t="shared" si="20"/>
        <v>529.85931333333338</v>
      </c>
      <c r="N138">
        <f t="shared" si="21"/>
        <v>-14.070540711151821</v>
      </c>
      <c r="O138">
        <f t="shared" si="22"/>
        <v>1.9402310918850028</v>
      </c>
      <c r="Q138">
        <v>1193.9594999999999</v>
      </c>
      <c r="R138">
        <v>525.55610000000001</v>
      </c>
      <c r="S138">
        <v>0.93021430000000005</v>
      </c>
      <c r="T138">
        <v>1311.307</v>
      </c>
      <c r="U138">
        <v>442.27368000000001</v>
      </c>
      <c r="V138">
        <v>0.90121839999999998</v>
      </c>
      <c r="W138">
        <v>1323.4454000000001</v>
      </c>
      <c r="X138">
        <v>586.49599999999998</v>
      </c>
      <c r="Y138">
        <v>0.85602840000000002</v>
      </c>
      <c r="Z138">
        <f t="shared" si="23"/>
        <v>1276.2373</v>
      </c>
      <c r="AA138">
        <f t="shared" si="24"/>
        <v>518.10859333333337</v>
      </c>
      <c r="AB138">
        <f t="shared" si="25"/>
        <v>14.437100437487203</v>
      </c>
      <c r="AC138">
        <f t="shared" si="26"/>
        <v>2.1811755158207418</v>
      </c>
    </row>
    <row r="139" spans="1:29" x14ac:dyDescent="0.4">
      <c r="A139">
        <v>136</v>
      </c>
      <c r="B139">
        <f t="shared" si="18"/>
        <v>4.5333333333333332</v>
      </c>
      <c r="C139">
        <v>494.06076000000002</v>
      </c>
      <c r="D139">
        <v>521.92179999999996</v>
      </c>
      <c r="E139">
        <v>0.85145099999999996</v>
      </c>
      <c r="F139">
        <v>625.88109999999995</v>
      </c>
      <c r="G139">
        <v>461.67140000000001</v>
      </c>
      <c r="H139">
        <v>0.98293509999999995</v>
      </c>
      <c r="I139">
        <v>611.02344000000005</v>
      </c>
      <c r="J139">
        <v>605.95939999999996</v>
      </c>
      <c r="K139">
        <v>0.99135850000000003</v>
      </c>
      <c r="L139">
        <f t="shared" si="19"/>
        <v>576.98843333333332</v>
      </c>
      <c r="M139">
        <f t="shared" si="20"/>
        <v>529.85086666666666</v>
      </c>
      <c r="N139">
        <f t="shared" si="21"/>
        <v>-14.066986826592004</v>
      </c>
      <c r="O139">
        <f t="shared" si="22"/>
        <v>1.9405467094387867</v>
      </c>
      <c r="Q139">
        <v>1193.9195999999999</v>
      </c>
      <c r="R139">
        <v>525.56119999999999</v>
      </c>
      <c r="S139">
        <v>0.93611330000000004</v>
      </c>
      <c r="T139">
        <v>1311.3184000000001</v>
      </c>
      <c r="U139">
        <v>442.26589999999999</v>
      </c>
      <c r="V139">
        <v>0.89161025999999999</v>
      </c>
      <c r="W139">
        <v>1323.3155999999999</v>
      </c>
      <c r="X139">
        <v>586.52459999999996</v>
      </c>
      <c r="Y139">
        <v>0.85338473000000004</v>
      </c>
      <c r="Z139">
        <f t="shared" si="23"/>
        <v>1276.1845333333333</v>
      </c>
      <c r="AA139">
        <f t="shared" si="24"/>
        <v>518.11723333333327</v>
      </c>
      <c r="AB139">
        <f t="shared" si="25"/>
        <v>14.434924487154344</v>
      </c>
      <c r="AC139">
        <f t="shared" si="26"/>
        <v>2.1808413170415575</v>
      </c>
    </row>
    <row r="140" spans="1:29" x14ac:dyDescent="0.4">
      <c r="A140">
        <v>137</v>
      </c>
      <c r="B140">
        <f t="shared" si="18"/>
        <v>4.5666666666666664</v>
      </c>
      <c r="C140">
        <v>494.33089999999999</v>
      </c>
      <c r="D140">
        <v>521.92846999999995</v>
      </c>
      <c r="E140">
        <v>0.85868054999999999</v>
      </c>
      <c r="F140">
        <v>625.97675000000004</v>
      </c>
      <c r="G140">
        <v>461.64391999999998</v>
      </c>
      <c r="H140">
        <v>0.99185979999999996</v>
      </c>
      <c r="I140">
        <v>611.14044000000001</v>
      </c>
      <c r="J140">
        <v>605.94403</v>
      </c>
      <c r="K140">
        <v>0.98418932999999997</v>
      </c>
      <c r="L140">
        <f t="shared" si="19"/>
        <v>577.14936333333333</v>
      </c>
      <c r="M140">
        <f t="shared" si="20"/>
        <v>529.83880666666664</v>
      </c>
      <c r="N140">
        <f t="shared" si="21"/>
        <v>-14.060492173825631</v>
      </c>
      <c r="O140">
        <f t="shared" si="22"/>
        <v>1.9409856457316255</v>
      </c>
      <c r="Q140">
        <v>1193.8333</v>
      </c>
      <c r="R140">
        <v>525.62030000000004</v>
      </c>
      <c r="S140">
        <v>0.92722439999999995</v>
      </c>
      <c r="T140">
        <v>1311.1631</v>
      </c>
      <c r="U140">
        <v>442.33474999999999</v>
      </c>
      <c r="V140">
        <v>0.90267169999999997</v>
      </c>
      <c r="W140">
        <v>1323.1727000000001</v>
      </c>
      <c r="X140">
        <v>586.60333000000003</v>
      </c>
      <c r="Y140">
        <v>0.85589740000000003</v>
      </c>
      <c r="Z140">
        <f t="shared" si="23"/>
        <v>1276.0563666666667</v>
      </c>
      <c r="AA140">
        <f t="shared" si="24"/>
        <v>518.18612666666661</v>
      </c>
      <c r="AB140">
        <f t="shared" si="25"/>
        <v>14.429623745196078</v>
      </c>
      <c r="AC140">
        <f t="shared" si="26"/>
        <v>2.1780738623845268</v>
      </c>
    </row>
    <row r="141" spans="1:29" x14ac:dyDescent="0.4">
      <c r="A141">
        <v>138</v>
      </c>
      <c r="B141">
        <f t="shared" si="18"/>
        <v>4.5999999999999996</v>
      </c>
      <c r="C141">
        <v>494.39227</v>
      </c>
      <c r="D141">
        <v>522.09220000000005</v>
      </c>
      <c r="E141">
        <v>0.86547434000000001</v>
      </c>
      <c r="F141">
        <v>626.09357</v>
      </c>
      <c r="G141">
        <v>461.64733999999999</v>
      </c>
      <c r="H141">
        <v>0.99869770000000002</v>
      </c>
      <c r="I141">
        <v>611.32683999999995</v>
      </c>
      <c r="J141">
        <v>605.85919999999999</v>
      </c>
      <c r="K141">
        <v>0.98456569999999999</v>
      </c>
      <c r="L141">
        <f t="shared" si="19"/>
        <v>577.27089333333333</v>
      </c>
      <c r="M141">
        <f t="shared" si="20"/>
        <v>529.8662466666666</v>
      </c>
      <c r="N141">
        <f t="shared" si="21"/>
        <v>-14.055599392773475</v>
      </c>
      <c r="O141">
        <f t="shared" si="22"/>
        <v>1.9398249712916631</v>
      </c>
      <c r="Q141">
        <v>1193.7170000000001</v>
      </c>
      <c r="R141">
        <v>525.62220000000002</v>
      </c>
      <c r="S141">
        <v>0.92921860000000001</v>
      </c>
      <c r="T141">
        <v>1311.0546999999999</v>
      </c>
      <c r="U141">
        <v>442.40300000000002</v>
      </c>
      <c r="V141">
        <v>0.90730213999999998</v>
      </c>
      <c r="W141">
        <v>1323.1067</v>
      </c>
      <c r="X141">
        <v>586.76244999999994</v>
      </c>
      <c r="Y141">
        <v>0.85914415</v>
      </c>
      <c r="Z141">
        <f t="shared" si="23"/>
        <v>1275.9594666666669</v>
      </c>
      <c r="AA141">
        <f t="shared" si="24"/>
        <v>518.26255000000003</v>
      </c>
      <c r="AB141">
        <f t="shared" si="25"/>
        <v>14.425608265566407</v>
      </c>
      <c r="AC141">
        <f t="shared" si="26"/>
        <v>2.1749880426225561</v>
      </c>
    </row>
    <row r="142" spans="1:29" x14ac:dyDescent="0.4">
      <c r="A142">
        <v>139</v>
      </c>
      <c r="B142">
        <f t="shared" si="18"/>
        <v>4.6333333333333337</v>
      </c>
      <c r="C142">
        <v>494.46127000000001</v>
      </c>
      <c r="D142">
        <v>522.12176999999997</v>
      </c>
      <c r="E142">
        <v>0.86648740000000002</v>
      </c>
      <c r="F142">
        <v>626.18395999999996</v>
      </c>
      <c r="G142">
        <v>461.70724000000001</v>
      </c>
      <c r="H142">
        <v>0.99433000000000005</v>
      </c>
      <c r="I142">
        <v>611.56133999999997</v>
      </c>
      <c r="J142">
        <v>605.90279999999996</v>
      </c>
      <c r="K142">
        <v>0.96885379999999999</v>
      </c>
      <c r="L142">
        <f t="shared" si="19"/>
        <v>577.40219000000002</v>
      </c>
      <c r="M142">
        <f t="shared" si="20"/>
        <v>529.91060333333326</v>
      </c>
      <c r="N142">
        <f t="shared" si="21"/>
        <v>-14.05031814739568</v>
      </c>
      <c r="O142">
        <f t="shared" si="22"/>
        <v>1.9379703829921557</v>
      </c>
      <c r="Q142">
        <v>1193.5454999999999</v>
      </c>
      <c r="R142">
        <v>525.63915999999995</v>
      </c>
      <c r="S142">
        <v>0.92023706000000005</v>
      </c>
      <c r="T142">
        <v>1310.9109000000001</v>
      </c>
      <c r="U142">
        <v>442.36799999999999</v>
      </c>
      <c r="V142">
        <v>0.91015550000000001</v>
      </c>
      <c r="W142">
        <v>1323.0444</v>
      </c>
      <c r="X142">
        <v>586.80510000000004</v>
      </c>
      <c r="Y142">
        <v>0.86713430000000002</v>
      </c>
      <c r="Z142">
        <f t="shared" si="23"/>
        <v>1275.8335999999999</v>
      </c>
      <c r="AA142">
        <f t="shared" si="24"/>
        <v>518.27075333333335</v>
      </c>
      <c r="AB142">
        <f t="shared" si="25"/>
        <v>14.420421942120015</v>
      </c>
      <c r="AC142">
        <f t="shared" si="26"/>
        <v>2.1746973097907243</v>
      </c>
    </row>
    <row r="143" spans="1:29" x14ac:dyDescent="0.4">
      <c r="A143">
        <v>140</v>
      </c>
      <c r="B143">
        <f t="shared" si="18"/>
        <v>4.666666666666667</v>
      </c>
      <c r="C143">
        <v>494.57684</v>
      </c>
      <c r="D143">
        <v>522.09105999999997</v>
      </c>
      <c r="E143">
        <v>0.86863840000000003</v>
      </c>
      <c r="F143">
        <v>626.43240000000003</v>
      </c>
      <c r="G143">
        <v>461.50630000000001</v>
      </c>
      <c r="H143">
        <v>0.99883239999999995</v>
      </c>
      <c r="I143">
        <v>611.74634000000003</v>
      </c>
      <c r="J143">
        <v>605.98080000000004</v>
      </c>
      <c r="K143">
        <v>0.97269439999999996</v>
      </c>
      <c r="L143">
        <f t="shared" si="19"/>
        <v>577.58519333333334</v>
      </c>
      <c r="M143">
        <f t="shared" si="20"/>
        <v>529.85938666666664</v>
      </c>
      <c r="N143">
        <f t="shared" si="21"/>
        <v>-14.042920450694352</v>
      </c>
      <c r="O143">
        <f t="shared" si="22"/>
        <v>1.9400006650775963</v>
      </c>
      <c r="Q143">
        <v>1193.3649</v>
      </c>
      <c r="R143">
        <v>525.67675999999994</v>
      </c>
      <c r="S143">
        <v>0.91936963999999999</v>
      </c>
      <c r="T143">
        <v>1310.7686000000001</v>
      </c>
      <c r="U143">
        <v>442.44785000000002</v>
      </c>
      <c r="V143">
        <v>0.91607492999999995</v>
      </c>
      <c r="W143">
        <v>1323.008</v>
      </c>
      <c r="X143">
        <v>586.87080000000003</v>
      </c>
      <c r="Y143">
        <v>0.87035660000000004</v>
      </c>
      <c r="Z143">
        <f t="shared" si="23"/>
        <v>1275.7138333333332</v>
      </c>
      <c r="AA143">
        <f t="shared" si="24"/>
        <v>518.33180333333337</v>
      </c>
      <c r="AB143">
        <f t="shared" si="25"/>
        <v>14.415469737998832</v>
      </c>
      <c r="AC143">
        <f t="shared" si="26"/>
        <v>2.172247089667426</v>
      </c>
    </row>
    <row r="144" spans="1:29" x14ac:dyDescent="0.4">
      <c r="A144">
        <v>141</v>
      </c>
      <c r="B144">
        <f t="shared" si="18"/>
        <v>4.7</v>
      </c>
      <c r="C144">
        <v>495.32080000000002</v>
      </c>
      <c r="D144">
        <v>521.84357</v>
      </c>
      <c r="E144">
        <v>0.81861775999999997</v>
      </c>
      <c r="F144">
        <v>626.66200000000003</v>
      </c>
      <c r="G144">
        <v>461.51566000000003</v>
      </c>
      <c r="H144">
        <v>0.99409720000000001</v>
      </c>
      <c r="I144">
        <v>612.02599999999995</v>
      </c>
      <c r="J144">
        <v>605.85613999999998</v>
      </c>
      <c r="K144">
        <v>0.97982115000000003</v>
      </c>
      <c r="L144">
        <f t="shared" si="19"/>
        <v>578.00293333333332</v>
      </c>
      <c r="M144">
        <f t="shared" si="20"/>
        <v>529.73845666666659</v>
      </c>
      <c r="N144">
        <f t="shared" si="21"/>
        <v>-14.026032344122299</v>
      </c>
      <c r="O144">
        <f t="shared" si="22"/>
        <v>1.9447992169794543</v>
      </c>
      <c r="Q144">
        <v>1193.069</v>
      </c>
      <c r="R144">
        <v>525.69060000000002</v>
      </c>
      <c r="S144">
        <v>0.90912009999999999</v>
      </c>
      <c r="T144">
        <v>1310.5820000000001</v>
      </c>
      <c r="U144">
        <v>442.38474000000002</v>
      </c>
      <c r="V144">
        <v>0.88655262999999995</v>
      </c>
      <c r="W144">
        <v>1323.2251000000001</v>
      </c>
      <c r="X144">
        <v>586.32836999999995</v>
      </c>
      <c r="Y144">
        <v>0.86214429999999997</v>
      </c>
      <c r="Z144">
        <f t="shared" si="23"/>
        <v>1275.6253666666667</v>
      </c>
      <c r="AA144">
        <f t="shared" si="24"/>
        <v>518.13457000000005</v>
      </c>
      <c r="AB144">
        <f t="shared" si="25"/>
        <v>14.411890264326118</v>
      </c>
      <c r="AC144">
        <f t="shared" si="26"/>
        <v>2.1803297246889599</v>
      </c>
    </row>
    <row r="145" spans="1:29" x14ac:dyDescent="0.4">
      <c r="A145">
        <v>142</v>
      </c>
      <c r="B145">
        <f t="shared" si="18"/>
        <v>4.7333333333333334</v>
      </c>
      <c r="C145">
        <v>495.37878000000001</v>
      </c>
      <c r="D145">
        <v>521.89306999999997</v>
      </c>
      <c r="E145">
        <v>0.83788465999999995</v>
      </c>
      <c r="F145">
        <v>626.87067000000002</v>
      </c>
      <c r="G145">
        <v>461.47998000000001</v>
      </c>
      <c r="H145">
        <v>1</v>
      </c>
      <c r="I145">
        <v>612.16943000000003</v>
      </c>
      <c r="J145">
        <v>605.88490000000002</v>
      </c>
      <c r="K145">
        <v>0.98174360000000005</v>
      </c>
      <c r="L145">
        <f t="shared" si="19"/>
        <v>578.13962666666669</v>
      </c>
      <c r="M145">
        <f t="shared" si="20"/>
        <v>529.75265000000002</v>
      </c>
      <c r="N145">
        <f t="shared" si="21"/>
        <v>-14.020523551573048</v>
      </c>
      <c r="O145">
        <f t="shared" si="22"/>
        <v>1.944174335469788</v>
      </c>
      <c r="Q145">
        <v>1192.9148</v>
      </c>
      <c r="R145">
        <v>525.66769999999997</v>
      </c>
      <c r="S145">
        <v>0.90651727000000004</v>
      </c>
      <c r="T145">
        <v>1310.3622</v>
      </c>
      <c r="U145">
        <v>442.4477</v>
      </c>
      <c r="V145">
        <v>0.89738119999999999</v>
      </c>
      <c r="W145">
        <v>1322.9536000000001</v>
      </c>
      <c r="X145">
        <v>586.33680000000004</v>
      </c>
      <c r="Y145">
        <v>0.85629343999999996</v>
      </c>
      <c r="Z145">
        <f t="shared" si="23"/>
        <v>1275.4102</v>
      </c>
      <c r="AA145">
        <f t="shared" si="24"/>
        <v>518.15073333333328</v>
      </c>
      <c r="AB145">
        <f t="shared" si="25"/>
        <v>14.403023749248028</v>
      </c>
      <c r="AC145">
        <f t="shared" si="26"/>
        <v>2.1797453648875051</v>
      </c>
    </row>
    <row r="146" spans="1:29" x14ac:dyDescent="0.4">
      <c r="A146">
        <v>143</v>
      </c>
      <c r="B146">
        <f t="shared" si="18"/>
        <v>4.7666666666666666</v>
      </c>
      <c r="C146">
        <v>495.59708000000001</v>
      </c>
      <c r="D146">
        <v>521.96979999999996</v>
      </c>
      <c r="E146">
        <v>0.85285279999999997</v>
      </c>
      <c r="F146">
        <v>627.10569999999996</v>
      </c>
      <c r="G146">
        <v>461.47595000000001</v>
      </c>
      <c r="H146">
        <v>1</v>
      </c>
      <c r="I146">
        <v>612.39880000000005</v>
      </c>
      <c r="J146">
        <v>605.82920000000001</v>
      </c>
      <c r="K146">
        <v>0.97227180000000002</v>
      </c>
      <c r="L146">
        <f t="shared" si="19"/>
        <v>578.36719333333338</v>
      </c>
      <c r="M146">
        <f t="shared" si="20"/>
        <v>529.7583166666667</v>
      </c>
      <c r="N146">
        <f t="shared" si="21"/>
        <v>-14.011346666542236</v>
      </c>
      <c r="O146">
        <f t="shared" si="22"/>
        <v>1.943867394717582</v>
      </c>
      <c r="Q146">
        <v>1192.7274</v>
      </c>
      <c r="R146">
        <v>525.67129999999997</v>
      </c>
      <c r="S146">
        <v>0.90174323000000001</v>
      </c>
      <c r="T146">
        <v>1310.2185999999999</v>
      </c>
      <c r="U146">
        <v>442.49227999999999</v>
      </c>
      <c r="V146">
        <v>0.90638554000000005</v>
      </c>
      <c r="W146">
        <v>1322.7279000000001</v>
      </c>
      <c r="X146">
        <v>586.37969999999996</v>
      </c>
      <c r="Y146">
        <v>0.84389720000000001</v>
      </c>
      <c r="Z146">
        <f t="shared" si="23"/>
        <v>1275.2246333333333</v>
      </c>
      <c r="AA146">
        <f t="shared" si="24"/>
        <v>518.18109333333325</v>
      </c>
      <c r="AB146">
        <f t="shared" si="25"/>
        <v>14.395371706823514</v>
      </c>
      <c r="AC146">
        <f t="shared" si="26"/>
        <v>2.1785710751707104</v>
      </c>
    </row>
    <row r="147" spans="1:29" x14ac:dyDescent="0.4">
      <c r="A147">
        <v>144</v>
      </c>
      <c r="B147">
        <f t="shared" si="18"/>
        <v>4.8</v>
      </c>
      <c r="C147">
        <v>495.79052999999999</v>
      </c>
      <c r="D147">
        <v>522.06629999999996</v>
      </c>
      <c r="E147">
        <v>0.86331809999999998</v>
      </c>
      <c r="F147">
        <v>627.34576000000004</v>
      </c>
      <c r="G147">
        <v>461.40465999999998</v>
      </c>
      <c r="H147">
        <v>1</v>
      </c>
      <c r="I147">
        <v>612.62665000000004</v>
      </c>
      <c r="J147">
        <v>605.81726000000003</v>
      </c>
      <c r="K147">
        <v>0.95628475999999996</v>
      </c>
      <c r="L147">
        <f t="shared" si="19"/>
        <v>578.58764666666673</v>
      </c>
      <c r="M147">
        <f t="shared" si="20"/>
        <v>529.76274000000001</v>
      </c>
      <c r="N147">
        <f t="shared" si="21"/>
        <v>-14.00245622961646</v>
      </c>
      <c r="O147">
        <f t="shared" si="22"/>
        <v>1.9436135776818038</v>
      </c>
      <c r="Q147">
        <v>1192.6212</v>
      </c>
      <c r="R147">
        <v>525.71630000000005</v>
      </c>
      <c r="S147">
        <v>0.90607053000000004</v>
      </c>
      <c r="T147">
        <v>1310.0848000000001</v>
      </c>
      <c r="U147">
        <v>442.38776000000001</v>
      </c>
      <c r="V147">
        <v>0.91142045999999999</v>
      </c>
      <c r="W147">
        <v>1322.4991</v>
      </c>
      <c r="X147">
        <v>586.30023000000006</v>
      </c>
      <c r="Y147">
        <v>0.8397384</v>
      </c>
      <c r="Z147">
        <f t="shared" si="23"/>
        <v>1275.0683666666666</v>
      </c>
      <c r="AA147">
        <f t="shared" si="24"/>
        <v>518.13476333333335</v>
      </c>
      <c r="AB147">
        <f t="shared" si="25"/>
        <v>14.388951205295006</v>
      </c>
      <c r="AC147">
        <f t="shared" si="26"/>
        <v>2.1805172010324658</v>
      </c>
    </row>
    <row r="148" spans="1:29" x14ac:dyDescent="0.4">
      <c r="A148">
        <v>145</v>
      </c>
      <c r="B148">
        <f t="shared" si="18"/>
        <v>4.833333333333333</v>
      </c>
      <c r="C148">
        <v>495.78888000000001</v>
      </c>
      <c r="D148">
        <v>521.99</v>
      </c>
      <c r="E148">
        <v>0.86592199999999997</v>
      </c>
      <c r="F148">
        <v>627.43259999999998</v>
      </c>
      <c r="G148">
        <v>461.36009999999999</v>
      </c>
      <c r="H148">
        <v>0.99478540000000004</v>
      </c>
      <c r="I148">
        <v>612.70809999999994</v>
      </c>
      <c r="J148">
        <v>605.76775999999995</v>
      </c>
      <c r="K148">
        <v>0.96000790000000003</v>
      </c>
      <c r="L148">
        <f t="shared" si="19"/>
        <v>578.64319333333333</v>
      </c>
      <c r="M148">
        <f t="shared" si="20"/>
        <v>529.70595333333324</v>
      </c>
      <c r="N148">
        <f t="shared" si="21"/>
        <v>-14.00019739872579</v>
      </c>
      <c r="O148">
        <f t="shared" si="22"/>
        <v>1.9459135957551008</v>
      </c>
      <c r="Q148">
        <v>1192.3506</v>
      </c>
      <c r="R148">
        <v>525.7319</v>
      </c>
      <c r="S148">
        <v>0.9109796</v>
      </c>
      <c r="T148">
        <v>1309.9364</v>
      </c>
      <c r="U148">
        <v>442.37173000000001</v>
      </c>
      <c r="V148">
        <v>0.92507530000000004</v>
      </c>
      <c r="W148">
        <v>1322.2778000000001</v>
      </c>
      <c r="X148">
        <v>586.31209999999999</v>
      </c>
      <c r="Y148">
        <v>0.8365245</v>
      </c>
      <c r="Z148">
        <f t="shared" si="23"/>
        <v>1274.8549333333333</v>
      </c>
      <c r="AA148">
        <f t="shared" si="24"/>
        <v>518.13857666666672</v>
      </c>
      <c r="AB148">
        <f t="shared" si="25"/>
        <v>14.380160220043557</v>
      </c>
      <c r="AC148">
        <f t="shared" si="26"/>
        <v>2.1804363904106991</v>
      </c>
    </row>
    <row r="149" spans="1:29" x14ac:dyDescent="0.4">
      <c r="A149">
        <v>146</v>
      </c>
      <c r="B149">
        <f t="shared" si="18"/>
        <v>4.8666666666666663</v>
      </c>
      <c r="C149">
        <v>496.00995</v>
      </c>
      <c r="D149">
        <v>521.91459999999995</v>
      </c>
      <c r="E149">
        <v>0.87809724</v>
      </c>
      <c r="F149">
        <v>627.56489999999997</v>
      </c>
      <c r="G149">
        <v>461.30725000000001</v>
      </c>
      <c r="H149">
        <v>0.98885124999999996</v>
      </c>
      <c r="I149">
        <v>612.90497000000005</v>
      </c>
      <c r="J149">
        <v>605.81555000000003</v>
      </c>
      <c r="K149">
        <v>0.96554519999999999</v>
      </c>
      <c r="L149">
        <f t="shared" si="19"/>
        <v>578.82660666666663</v>
      </c>
      <c r="M149">
        <f t="shared" si="20"/>
        <v>529.67913333333331</v>
      </c>
      <c r="N149">
        <f t="shared" si="21"/>
        <v>-13.992790782654536</v>
      </c>
      <c r="O149">
        <f t="shared" si="22"/>
        <v>1.9469476724998696</v>
      </c>
      <c r="Q149">
        <v>1192.204</v>
      </c>
      <c r="R149">
        <v>525.69479999999999</v>
      </c>
      <c r="S149">
        <v>0.91866890000000001</v>
      </c>
      <c r="T149">
        <v>1309.7545</v>
      </c>
      <c r="U149">
        <v>442.27636999999999</v>
      </c>
      <c r="V149">
        <v>0.94402545999999998</v>
      </c>
      <c r="W149">
        <v>1322.0685000000001</v>
      </c>
      <c r="X149">
        <v>586.32539999999995</v>
      </c>
      <c r="Y149">
        <v>0.82975140000000003</v>
      </c>
      <c r="Z149">
        <f t="shared" si="23"/>
        <v>1274.6756666666668</v>
      </c>
      <c r="AA149">
        <f t="shared" si="24"/>
        <v>518.09885666666662</v>
      </c>
      <c r="AB149">
        <f t="shared" si="25"/>
        <v>14.372790454353664</v>
      </c>
      <c r="AC149">
        <f t="shared" si="26"/>
        <v>2.1821207428706644</v>
      </c>
    </row>
    <row r="150" spans="1:29" x14ac:dyDescent="0.4">
      <c r="A150">
        <v>147</v>
      </c>
      <c r="B150">
        <f t="shared" si="18"/>
        <v>4.9000000000000004</v>
      </c>
      <c r="C150">
        <v>496.12493999999998</v>
      </c>
      <c r="D150">
        <v>521.74680000000001</v>
      </c>
      <c r="E150">
        <v>0.87421289999999996</v>
      </c>
      <c r="F150">
        <v>627.65949999999998</v>
      </c>
      <c r="G150">
        <v>461.24299999999999</v>
      </c>
      <c r="H150">
        <v>0.98318779999999995</v>
      </c>
      <c r="I150">
        <v>613.05334000000005</v>
      </c>
      <c r="J150">
        <v>605.84960000000001</v>
      </c>
      <c r="K150">
        <v>0.96064203999999997</v>
      </c>
      <c r="L150">
        <f t="shared" si="19"/>
        <v>578.94592666666665</v>
      </c>
      <c r="M150">
        <f t="shared" si="20"/>
        <v>529.61313333333339</v>
      </c>
      <c r="N150">
        <f t="shared" si="21"/>
        <v>-13.987956656483302</v>
      </c>
      <c r="O150">
        <f t="shared" si="22"/>
        <v>1.9496026639804613</v>
      </c>
      <c r="Q150">
        <v>1192.0891999999999</v>
      </c>
      <c r="R150">
        <v>525.68065999999999</v>
      </c>
      <c r="S150">
        <v>0.90862226000000001</v>
      </c>
      <c r="T150">
        <v>1309.7317</v>
      </c>
      <c r="U150">
        <v>442.30070000000001</v>
      </c>
      <c r="V150">
        <v>0.95322037000000004</v>
      </c>
      <c r="W150">
        <v>1322.0066999999999</v>
      </c>
      <c r="X150">
        <v>586.38969999999995</v>
      </c>
      <c r="Y150">
        <v>0.83059240000000001</v>
      </c>
      <c r="Z150">
        <f t="shared" si="23"/>
        <v>1274.6091999999999</v>
      </c>
      <c r="AA150">
        <f t="shared" si="24"/>
        <v>518.12368666666669</v>
      </c>
      <c r="AB150">
        <f t="shared" si="25"/>
        <v>14.370045163003827</v>
      </c>
      <c r="AC150">
        <f t="shared" si="26"/>
        <v>2.1811304276716421</v>
      </c>
    </row>
    <row r="151" spans="1:29" x14ac:dyDescent="0.4">
      <c r="A151">
        <v>148</v>
      </c>
      <c r="B151">
        <f t="shared" si="18"/>
        <v>4.9333333333333336</v>
      </c>
      <c r="C151">
        <v>496.32065</v>
      </c>
      <c r="D151">
        <v>521.72029999999995</v>
      </c>
      <c r="E151">
        <v>0.88360393000000004</v>
      </c>
      <c r="F151">
        <v>627.7867</v>
      </c>
      <c r="G151">
        <v>461.20154000000002</v>
      </c>
      <c r="H151">
        <v>0.98889910000000003</v>
      </c>
      <c r="I151">
        <v>613.28330000000005</v>
      </c>
      <c r="J151">
        <v>605.8107</v>
      </c>
      <c r="K151">
        <v>0.95392339999999998</v>
      </c>
      <c r="L151">
        <f t="shared" si="19"/>
        <v>579.13021666666668</v>
      </c>
      <c r="M151">
        <f t="shared" si="20"/>
        <v>529.57751333333329</v>
      </c>
      <c r="N151">
        <f t="shared" si="21"/>
        <v>-13.980511764408131</v>
      </c>
      <c r="O151">
        <f t="shared" si="22"/>
        <v>1.950995729982629</v>
      </c>
      <c r="Q151">
        <v>1192.0038999999999</v>
      </c>
      <c r="R151">
        <v>525.64995999999996</v>
      </c>
      <c r="S151">
        <v>0.92658030000000002</v>
      </c>
      <c r="T151">
        <v>1309.5316</v>
      </c>
      <c r="U151">
        <v>442.18004999999999</v>
      </c>
      <c r="V151">
        <v>0.94826215999999997</v>
      </c>
      <c r="W151">
        <v>1321.864</v>
      </c>
      <c r="X151">
        <v>586.34429999999998</v>
      </c>
      <c r="Y151">
        <v>0.82479590000000003</v>
      </c>
      <c r="Z151">
        <f t="shared" si="23"/>
        <v>1274.4665</v>
      </c>
      <c r="AA151">
        <f t="shared" si="24"/>
        <v>518.05810333333329</v>
      </c>
      <c r="AB151">
        <f t="shared" si="25"/>
        <v>14.364189718905305</v>
      </c>
      <c r="AC151">
        <f t="shared" si="26"/>
        <v>2.1838577639982475</v>
      </c>
    </row>
    <row r="152" spans="1:29" x14ac:dyDescent="0.4">
      <c r="A152">
        <v>149</v>
      </c>
      <c r="B152">
        <f t="shared" si="18"/>
        <v>4.9666666666666668</v>
      </c>
      <c r="C152">
        <v>496.60766999999998</v>
      </c>
      <c r="D152">
        <v>521.70374000000004</v>
      </c>
      <c r="E152">
        <v>0.88973665000000002</v>
      </c>
      <c r="F152">
        <v>627.99019999999996</v>
      </c>
      <c r="G152">
        <v>461.14075000000003</v>
      </c>
      <c r="H152">
        <v>0.98689824000000004</v>
      </c>
      <c r="I152">
        <v>613.58123999999998</v>
      </c>
      <c r="J152">
        <v>605.72519999999997</v>
      </c>
      <c r="K152">
        <v>0.93853724000000005</v>
      </c>
      <c r="L152">
        <f t="shared" si="19"/>
        <v>579.39303666666672</v>
      </c>
      <c r="M152">
        <f t="shared" si="20"/>
        <v>529.52323000000001</v>
      </c>
      <c r="N152">
        <f t="shared" si="21"/>
        <v>-13.969893241628494</v>
      </c>
      <c r="O152">
        <f t="shared" si="22"/>
        <v>1.9531246883001887</v>
      </c>
      <c r="Q152">
        <v>1191.8214</v>
      </c>
      <c r="R152">
        <v>525.52179999999998</v>
      </c>
      <c r="S152">
        <v>0.92920524000000004</v>
      </c>
      <c r="T152">
        <v>1309.3638000000001</v>
      </c>
      <c r="U152">
        <v>442.08658000000003</v>
      </c>
      <c r="V152">
        <v>0.94864446000000002</v>
      </c>
      <c r="W152">
        <v>1321.6993</v>
      </c>
      <c r="X152">
        <v>586.33320000000003</v>
      </c>
      <c r="Y152">
        <v>0.81273156000000002</v>
      </c>
      <c r="Z152">
        <f t="shared" si="23"/>
        <v>1274.2948333333334</v>
      </c>
      <c r="AA152">
        <f t="shared" si="24"/>
        <v>517.98052666666672</v>
      </c>
      <c r="AB152">
        <f t="shared" si="25"/>
        <v>14.35714528406243</v>
      </c>
      <c r="AC152">
        <f t="shared" si="26"/>
        <v>2.1870848566558334</v>
      </c>
    </row>
    <row r="153" spans="1:29" x14ac:dyDescent="0.4">
      <c r="A153">
        <v>150</v>
      </c>
      <c r="B153">
        <f t="shared" si="18"/>
        <v>5</v>
      </c>
      <c r="C153">
        <v>496.60250000000002</v>
      </c>
      <c r="D153">
        <v>521.61180000000002</v>
      </c>
      <c r="E153">
        <v>0.88073619999999997</v>
      </c>
      <c r="F153">
        <v>628.19320000000005</v>
      </c>
      <c r="G153">
        <v>461.11444</v>
      </c>
      <c r="H153">
        <v>0.98508320000000005</v>
      </c>
      <c r="I153">
        <v>613.79864999999995</v>
      </c>
      <c r="J153">
        <v>605.58527000000004</v>
      </c>
      <c r="K153">
        <v>0.93118230000000002</v>
      </c>
      <c r="L153">
        <f t="shared" si="19"/>
        <v>579.53145000000006</v>
      </c>
      <c r="M153">
        <f t="shared" si="20"/>
        <v>529.43717000000004</v>
      </c>
      <c r="N153">
        <f t="shared" si="21"/>
        <v>-13.964282397466253</v>
      </c>
      <c r="O153">
        <f t="shared" si="22"/>
        <v>1.9565923320409633</v>
      </c>
      <c r="Q153">
        <v>1191.7292</v>
      </c>
      <c r="R153">
        <v>525.38419999999996</v>
      </c>
      <c r="S153">
        <v>0.93345849999999997</v>
      </c>
      <c r="T153">
        <v>1309.3109999999999</v>
      </c>
      <c r="U153">
        <v>442.03552000000002</v>
      </c>
      <c r="V153">
        <v>0.94095516000000001</v>
      </c>
      <c r="W153">
        <v>1321.7001</v>
      </c>
      <c r="X153">
        <v>586.25879999999995</v>
      </c>
      <c r="Y153">
        <v>0.81992529999999997</v>
      </c>
      <c r="Z153">
        <f t="shared" si="23"/>
        <v>1274.2467666666666</v>
      </c>
      <c r="AA153">
        <f t="shared" si="24"/>
        <v>517.89283999999998</v>
      </c>
      <c r="AB153">
        <f t="shared" si="25"/>
        <v>14.355194218977307</v>
      </c>
      <c r="AC153">
        <f t="shared" si="26"/>
        <v>2.1906813132670298</v>
      </c>
    </row>
    <row r="154" spans="1:29" x14ac:dyDescent="0.4">
      <c r="A154">
        <v>151</v>
      </c>
      <c r="B154">
        <f t="shared" si="18"/>
        <v>5.0333333333333332</v>
      </c>
      <c r="C154">
        <v>497.18621999999999</v>
      </c>
      <c r="D154">
        <v>521.75036999999998</v>
      </c>
      <c r="E154">
        <v>0.89403825999999997</v>
      </c>
      <c r="F154">
        <v>628.39149999999995</v>
      </c>
      <c r="G154">
        <v>461.10289999999998</v>
      </c>
      <c r="H154">
        <v>0.98749244000000003</v>
      </c>
      <c r="I154">
        <v>614.07100000000003</v>
      </c>
      <c r="J154">
        <v>605.5086</v>
      </c>
      <c r="K154">
        <v>0.92301314999999995</v>
      </c>
      <c r="L154">
        <f t="shared" si="19"/>
        <v>579.88290666666671</v>
      </c>
      <c r="M154">
        <f t="shared" si="20"/>
        <v>529.45395666666661</v>
      </c>
      <c r="N154">
        <f t="shared" si="21"/>
        <v>-13.950111485142173</v>
      </c>
      <c r="O154">
        <f t="shared" si="22"/>
        <v>1.9557902272360974</v>
      </c>
      <c r="Q154">
        <v>1191.5454999999999</v>
      </c>
      <c r="R154">
        <v>525.38499999999999</v>
      </c>
      <c r="S154">
        <v>0.9351389</v>
      </c>
      <c r="T154">
        <v>1309.3601000000001</v>
      </c>
      <c r="U154">
        <v>442.11892999999998</v>
      </c>
      <c r="V154">
        <v>0.93195910000000004</v>
      </c>
      <c r="W154">
        <v>1321.4581000000001</v>
      </c>
      <c r="X154">
        <v>586.28399999999999</v>
      </c>
      <c r="Y154">
        <v>0.81101460000000003</v>
      </c>
      <c r="Z154">
        <f t="shared" si="23"/>
        <v>1274.1212333333333</v>
      </c>
      <c r="AA154">
        <f t="shared" si="24"/>
        <v>517.92930999999999</v>
      </c>
      <c r="AB154">
        <f t="shared" si="25"/>
        <v>14.350012727839566</v>
      </c>
      <c r="AC154">
        <f t="shared" si="26"/>
        <v>2.1892365402515481</v>
      </c>
    </row>
    <row r="155" spans="1:29" x14ac:dyDescent="0.4">
      <c r="A155">
        <v>152</v>
      </c>
      <c r="B155">
        <f t="shared" si="18"/>
        <v>5.0666666666666664</v>
      </c>
      <c r="C155">
        <v>497.35759999999999</v>
      </c>
      <c r="D155">
        <v>521.78545999999994</v>
      </c>
      <c r="E155">
        <v>0.9049682</v>
      </c>
      <c r="F155">
        <v>628.59360000000004</v>
      </c>
      <c r="G155">
        <v>461.03435999999999</v>
      </c>
      <c r="H155">
        <v>0.9971314</v>
      </c>
      <c r="I155">
        <v>614.32696999999996</v>
      </c>
      <c r="J155">
        <v>605.52970000000005</v>
      </c>
      <c r="K155">
        <v>0.91308736999999995</v>
      </c>
      <c r="L155">
        <f t="shared" si="19"/>
        <v>580.09272333333331</v>
      </c>
      <c r="M155">
        <f t="shared" si="20"/>
        <v>529.44983999999999</v>
      </c>
      <c r="N155">
        <f t="shared" si="21"/>
        <v>-13.941646923016487</v>
      </c>
      <c r="O155">
        <f t="shared" si="22"/>
        <v>1.9558886025939763</v>
      </c>
      <c r="Q155">
        <v>1191.3964000000001</v>
      </c>
      <c r="R155">
        <v>525.45874000000003</v>
      </c>
      <c r="S155">
        <v>0.94126964000000002</v>
      </c>
      <c r="T155">
        <v>1309.1722</v>
      </c>
      <c r="U155">
        <v>442.0675</v>
      </c>
      <c r="V155">
        <v>0.92759809999999998</v>
      </c>
      <c r="W155">
        <v>1321.2562</v>
      </c>
      <c r="X155">
        <v>586.25323000000003</v>
      </c>
      <c r="Y155">
        <v>0.79809289999999999</v>
      </c>
      <c r="Z155">
        <f t="shared" si="23"/>
        <v>1273.9416000000001</v>
      </c>
      <c r="AA155">
        <f t="shared" si="24"/>
        <v>517.92648999999994</v>
      </c>
      <c r="AB155">
        <f t="shared" si="25"/>
        <v>14.34261606851809</v>
      </c>
      <c r="AC155">
        <f t="shared" si="26"/>
        <v>2.1894146603976981</v>
      </c>
    </row>
    <row r="156" spans="1:29" x14ac:dyDescent="0.4">
      <c r="A156">
        <v>153</v>
      </c>
      <c r="B156">
        <f t="shared" si="18"/>
        <v>5.0999999999999996</v>
      </c>
      <c r="C156">
        <v>497.35129999999998</v>
      </c>
      <c r="D156">
        <v>521.76189999999997</v>
      </c>
      <c r="E156">
        <v>0.91041749999999999</v>
      </c>
      <c r="F156">
        <v>628.84844999999996</v>
      </c>
      <c r="G156">
        <v>460.96654999999998</v>
      </c>
      <c r="H156">
        <v>0.98698604000000001</v>
      </c>
      <c r="I156">
        <v>614.48424999999997</v>
      </c>
      <c r="J156">
        <v>605.60315000000003</v>
      </c>
      <c r="K156">
        <v>0.90425049999999996</v>
      </c>
      <c r="L156">
        <f t="shared" si="19"/>
        <v>580.22799999999995</v>
      </c>
      <c r="M156">
        <f t="shared" si="20"/>
        <v>529.44386666666662</v>
      </c>
      <c r="N156">
        <f t="shared" si="21"/>
        <v>-13.936188400114709</v>
      </c>
      <c r="O156">
        <f t="shared" si="22"/>
        <v>1.9560875416026906</v>
      </c>
      <c r="Q156">
        <v>1191.3069</v>
      </c>
      <c r="R156">
        <v>525.33434999999997</v>
      </c>
      <c r="S156">
        <v>0.93677770000000005</v>
      </c>
      <c r="T156">
        <v>1308.9450999999999</v>
      </c>
      <c r="U156">
        <v>442.01065</v>
      </c>
      <c r="V156">
        <v>0.91767869999999996</v>
      </c>
      <c r="W156">
        <v>1321.2108000000001</v>
      </c>
      <c r="X156">
        <v>586.20870000000002</v>
      </c>
      <c r="Y156">
        <v>0.80109569999999997</v>
      </c>
      <c r="Z156">
        <f t="shared" si="23"/>
        <v>1273.8209333333334</v>
      </c>
      <c r="AA156">
        <f t="shared" si="24"/>
        <v>517.85123333333331</v>
      </c>
      <c r="AB156">
        <f t="shared" si="25"/>
        <v>14.337671234755954</v>
      </c>
      <c r="AC156">
        <f t="shared" si="26"/>
        <v>2.1925291516669003</v>
      </c>
    </row>
    <row r="157" spans="1:29" x14ac:dyDescent="0.4">
      <c r="A157">
        <v>154</v>
      </c>
      <c r="B157">
        <f t="shared" si="18"/>
        <v>5.1333333333333337</v>
      </c>
      <c r="C157">
        <v>497.44159999999999</v>
      </c>
      <c r="D157">
        <v>521.62710000000004</v>
      </c>
      <c r="E157">
        <v>0.91760079999999999</v>
      </c>
      <c r="F157">
        <v>628.97090000000003</v>
      </c>
      <c r="G157">
        <v>460.93563999999998</v>
      </c>
      <c r="H157">
        <v>0.9871936</v>
      </c>
      <c r="I157">
        <v>614.81510000000003</v>
      </c>
      <c r="J157">
        <v>605.44806000000005</v>
      </c>
      <c r="K157">
        <v>0.9076592</v>
      </c>
      <c r="L157">
        <f t="shared" si="19"/>
        <v>580.40919999999994</v>
      </c>
      <c r="M157">
        <f t="shared" si="20"/>
        <v>529.33693333333338</v>
      </c>
      <c r="N157">
        <f t="shared" si="21"/>
        <v>-13.92884478307316</v>
      </c>
      <c r="O157">
        <f t="shared" si="22"/>
        <v>1.9603931720459709</v>
      </c>
      <c r="Q157">
        <v>1191.1035999999999</v>
      </c>
      <c r="R157">
        <v>525.29020000000003</v>
      </c>
      <c r="S157">
        <v>0.94394606000000003</v>
      </c>
      <c r="T157">
        <v>1308.7798</v>
      </c>
      <c r="U157">
        <v>442.06299999999999</v>
      </c>
      <c r="V157">
        <v>0.92606102999999995</v>
      </c>
      <c r="W157">
        <v>1320.8641</v>
      </c>
      <c r="X157">
        <v>586.25109999999995</v>
      </c>
      <c r="Y157">
        <v>0.80517364000000002</v>
      </c>
      <c r="Z157">
        <f t="shared" si="23"/>
        <v>1273.5824999999998</v>
      </c>
      <c r="AA157">
        <f t="shared" si="24"/>
        <v>517.86810000000003</v>
      </c>
      <c r="AB157">
        <f t="shared" si="25"/>
        <v>14.327846820296033</v>
      </c>
      <c r="AC157">
        <f t="shared" si="26"/>
        <v>2.191924231321924</v>
      </c>
    </row>
    <row r="158" spans="1:29" x14ac:dyDescent="0.4">
      <c r="A158">
        <v>155</v>
      </c>
      <c r="B158">
        <f t="shared" si="18"/>
        <v>5.166666666666667</v>
      </c>
      <c r="C158">
        <v>497.71483999999998</v>
      </c>
      <c r="D158">
        <v>521.45270000000005</v>
      </c>
      <c r="E158">
        <v>0.91288259999999999</v>
      </c>
      <c r="F158">
        <v>629.13030000000003</v>
      </c>
      <c r="G158">
        <v>460.93698000000001</v>
      </c>
      <c r="H158">
        <v>0.98193662999999998</v>
      </c>
      <c r="I158">
        <v>615.00540000000001</v>
      </c>
      <c r="J158">
        <v>605.27160000000003</v>
      </c>
      <c r="K158">
        <v>0.90007954999999995</v>
      </c>
      <c r="L158">
        <f t="shared" si="19"/>
        <v>580.61684666666667</v>
      </c>
      <c r="M158">
        <f t="shared" si="20"/>
        <v>529.22042666666664</v>
      </c>
      <c r="N158">
        <f t="shared" si="21"/>
        <v>-13.920431246854593</v>
      </c>
      <c r="O158">
        <f t="shared" si="22"/>
        <v>1.9650808659525785</v>
      </c>
      <c r="Q158">
        <v>1190.9808</v>
      </c>
      <c r="R158">
        <v>525.35015999999996</v>
      </c>
      <c r="S158">
        <v>0.95512649999999999</v>
      </c>
      <c r="T158">
        <v>1308.566</v>
      </c>
      <c r="U158">
        <v>442.00626</v>
      </c>
      <c r="V158">
        <v>0.92582629999999999</v>
      </c>
      <c r="W158">
        <v>1320.6332</v>
      </c>
      <c r="X158">
        <v>586.26604999999995</v>
      </c>
      <c r="Y158">
        <v>0.80627570000000004</v>
      </c>
      <c r="Z158">
        <f t="shared" si="23"/>
        <v>1273.3933333333334</v>
      </c>
      <c r="AA158">
        <f t="shared" si="24"/>
        <v>517.87415666666664</v>
      </c>
      <c r="AB158">
        <f t="shared" si="25"/>
        <v>14.320054813353964</v>
      </c>
      <c r="AC158">
        <f t="shared" si="26"/>
        <v>2.1917433237087001</v>
      </c>
    </row>
    <row r="159" spans="1:29" x14ac:dyDescent="0.4">
      <c r="A159">
        <v>156</v>
      </c>
      <c r="B159">
        <f t="shared" si="18"/>
        <v>5.2</v>
      </c>
      <c r="C159">
        <v>497.81207000000001</v>
      </c>
      <c r="D159">
        <v>521.39746000000002</v>
      </c>
      <c r="E159">
        <v>0.91538863999999998</v>
      </c>
      <c r="F159">
        <v>629.33056999999997</v>
      </c>
      <c r="G159">
        <v>460.8963</v>
      </c>
      <c r="H159">
        <v>0.97151779999999999</v>
      </c>
      <c r="I159">
        <v>615.23360000000002</v>
      </c>
      <c r="J159">
        <v>605.22393999999997</v>
      </c>
      <c r="K159">
        <v>0.89858689999999997</v>
      </c>
      <c r="L159">
        <f t="shared" si="19"/>
        <v>580.79208000000006</v>
      </c>
      <c r="M159">
        <f t="shared" si="20"/>
        <v>529.17256666666663</v>
      </c>
      <c r="N159">
        <f t="shared" si="21"/>
        <v>-13.913347339695973</v>
      </c>
      <c r="O159">
        <f t="shared" si="22"/>
        <v>1.9669766542891158</v>
      </c>
      <c r="Q159">
        <v>1190.8477</v>
      </c>
      <c r="R159">
        <v>525.31439999999998</v>
      </c>
      <c r="S159">
        <v>0.96048789999999995</v>
      </c>
      <c r="T159">
        <v>1308.338</v>
      </c>
      <c r="U159">
        <v>441.95834000000002</v>
      </c>
      <c r="V159">
        <v>0.93081469999999999</v>
      </c>
      <c r="W159">
        <v>1320.4706000000001</v>
      </c>
      <c r="X159">
        <v>586.27936</v>
      </c>
      <c r="Y159">
        <v>0.81752497000000002</v>
      </c>
      <c r="Z159">
        <f t="shared" si="23"/>
        <v>1273.2187666666666</v>
      </c>
      <c r="AA159">
        <f t="shared" si="24"/>
        <v>517.85069999999996</v>
      </c>
      <c r="AB159">
        <f t="shared" si="25"/>
        <v>14.312873646785791</v>
      </c>
      <c r="AC159">
        <f t="shared" si="26"/>
        <v>2.1927621053499347</v>
      </c>
    </row>
    <row r="160" spans="1:29" x14ac:dyDescent="0.4">
      <c r="A160">
        <v>157</v>
      </c>
      <c r="B160">
        <f t="shared" si="18"/>
        <v>5.2333333333333334</v>
      </c>
      <c r="C160">
        <v>497.91579999999999</v>
      </c>
      <c r="D160">
        <v>521.42444</v>
      </c>
      <c r="E160">
        <v>0.91678420000000005</v>
      </c>
      <c r="F160">
        <v>629.42619999999999</v>
      </c>
      <c r="G160">
        <v>460.93621999999999</v>
      </c>
      <c r="H160">
        <v>0.96675794999999998</v>
      </c>
      <c r="I160">
        <v>615.37823000000003</v>
      </c>
      <c r="J160">
        <v>605.22406000000001</v>
      </c>
      <c r="K160">
        <v>0.89759560000000005</v>
      </c>
      <c r="L160">
        <f t="shared" si="19"/>
        <v>580.90674333333334</v>
      </c>
      <c r="M160">
        <f t="shared" si="20"/>
        <v>529.19490666666672</v>
      </c>
      <c r="N160">
        <f t="shared" si="21"/>
        <v>-13.908729353338735</v>
      </c>
      <c r="O160">
        <f t="shared" si="22"/>
        <v>1.9660264770541636</v>
      </c>
      <c r="Q160">
        <v>1190.7454</v>
      </c>
      <c r="R160">
        <v>525.39417000000003</v>
      </c>
      <c r="S160">
        <v>0.97588940000000002</v>
      </c>
      <c r="T160">
        <v>1308.3633</v>
      </c>
      <c r="U160">
        <v>441.95929999999998</v>
      </c>
      <c r="V160">
        <v>0.93821779999999999</v>
      </c>
      <c r="W160">
        <v>1320.3554999999999</v>
      </c>
      <c r="X160">
        <v>586.27449999999999</v>
      </c>
      <c r="Y160">
        <v>0.81867259999999997</v>
      </c>
      <c r="Z160">
        <f t="shared" si="23"/>
        <v>1273.1547333333331</v>
      </c>
      <c r="AA160">
        <f t="shared" si="24"/>
        <v>517.87599</v>
      </c>
      <c r="AB160">
        <f t="shared" si="25"/>
        <v>14.310228529903181</v>
      </c>
      <c r="AC160">
        <f t="shared" si="26"/>
        <v>2.1917521584720929</v>
      </c>
    </row>
    <row r="161" spans="1:29" x14ac:dyDescent="0.4">
      <c r="A161">
        <v>158</v>
      </c>
      <c r="B161">
        <f t="shared" si="18"/>
        <v>5.2666666666666666</v>
      </c>
      <c r="C161">
        <v>498.0437</v>
      </c>
      <c r="D161">
        <v>521.46220000000005</v>
      </c>
      <c r="E161">
        <v>0.92649745999999999</v>
      </c>
      <c r="F161">
        <v>629.5127</v>
      </c>
      <c r="G161">
        <v>461.00412</v>
      </c>
      <c r="H161">
        <v>0.96980379999999999</v>
      </c>
      <c r="I161">
        <v>615.53009999999995</v>
      </c>
      <c r="J161">
        <v>605.21673999999996</v>
      </c>
      <c r="K161">
        <v>0.89246630000000005</v>
      </c>
      <c r="L161">
        <f t="shared" si="19"/>
        <v>581.0288333333333</v>
      </c>
      <c r="M161">
        <f t="shared" si="20"/>
        <v>529.22768666666661</v>
      </c>
      <c r="N161">
        <f t="shared" si="21"/>
        <v>-13.903815155805681</v>
      </c>
      <c r="O161">
        <f t="shared" si="22"/>
        <v>1.9646475933352243</v>
      </c>
      <c r="Q161">
        <v>1190.6212</v>
      </c>
      <c r="R161">
        <v>525.31510000000003</v>
      </c>
      <c r="S161">
        <v>0.97700726999999998</v>
      </c>
      <c r="T161">
        <v>1308.2157999999999</v>
      </c>
      <c r="U161">
        <v>441.97217000000001</v>
      </c>
      <c r="V161">
        <v>0.9462623</v>
      </c>
      <c r="W161">
        <v>1320.1775</v>
      </c>
      <c r="X161">
        <v>586.37176999999997</v>
      </c>
      <c r="Y161">
        <v>0.81682829999999995</v>
      </c>
      <c r="Z161">
        <f t="shared" si="23"/>
        <v>1273.0048333333334</v>
      </c>
      <c r="AA161">
        <f t="shared" si="24"/>
        <v>517.88634666666667</v>
      </c>
      <c r="AB161">
        <f t="shared" si="25"/>
        <v>14.30405223927602</v>
      </c>
      <c r="AC161">
        <f t="shared" si="26"/>
        <v>2.1913819411788085</v>
      </c>
    </row>
    <row r="162" spans="1:29" x14ac:dyDescent="0.4">
      <c r="A162">
        <v>159</v>
      </c>
      <c r="B162">
        <f t="shared" si="18"/>
        <v>5.3</v>
      </c>
      <c r="C162">
        <v>498.18</v>
      </c>
      <c r="D162">
        <v>521.51806999999997</v>
      </c>
      <c r="E162">
        <v>0.94182379999999999</v>
      </c>
      <c r="F162">
        <v>629.72609999999997</v>
      </c>
      <c r="G162">
        <v>460.98178000000001</v>
      </c>
      <c r="H162">
        <v>0.96163535</v>
      </c>
      <c r="I162">
        <v>615.6585</v>
      </c>
      <c r="J162">
        <v>605.21857</v>
      </c>
      <c r="K162">
        <v>0.89265894999999995</v>
      </c>
      <c r="L162">
        <f t="shared" si="19"/>
        <v>581.18819999999994</v>
      </c>
      <c r="M162">
        <f t="shared" si="20"/>
        <v>529.23947333333331</v>
      </c>
      <c r="N162">
        <f t="shared" si="21"/>
        <v>-13.897390489521285</v>
      </c>
      <c r="O162">
        <f t="shared" si="22"/>
        <v>1.964113429526855</v>
      </c>
      <c r="Q162">
        <v>1190.4999</v>
      </c>
      <c r="R162">
        <v>525.29880000000003</v>
      </c>
      <c r="S162">
        <v>0.98289930000000003</v>
      </c>
      <c r="T162">
        <v>1308.0844</v>
      </c>
      <c r="U162">
        <v>441.91872999999998</v>
      </c>
      <c r="V162">
        <v>0.93020904000000004</v>
      </c>
      <c r="W162">
        <v>1320.0242000000001</v>
      </c>
      <c r="X162">
        <v>586.37289999999996</v>
      </c>
      <c r="Y162">
        <v>0.81839859999999998</v>
      </c>
      <c r="Z162">
        <f t="shared" si="23"/>
        <v>1272.8695</v>
      </c>
      <c r="AA162">
        <f t="shared" si="24"/>
        <v>517.86347666666666</v>
      </c>
      <c r="AB162">
        <f t="shared" si="25"/>
        <v>14.298486596901999</v>
      </c>
      <c r="AC162">
        <f t="shared" si="26"/>
        <v>2.1923630133415415</v>
      </c>
    </row>
    <row r="163" spans="1:29" x14ac:dyDescent="0.4">
      <c r="A163">
        <v>160</v>
      </c>
      <c r="B163">
        <f t="shared" si="18"/>
        <v>5.333333333333333</v>
      </c>
      <c r="C163">
        <v>498.44296000000003</v>
      </c>
      <c r="D163">
        <v>521.51869999999997</v>
      </c>
      <c r="E163">
        <v>0.94279486000000001</v>
      </c>
      <c r="F163">
        <v>629.90639999999996</v>
      </c>
      <c r="G163">
        <v>460.99533000000002</v>
      </c>
      <c r="H163">
        <v>0.96273039999999999</v>
      </c>
      <c r="I163">
        <v>615.89020000000005</v>
      </c>
      <c r="J163">
        <v>605.31769999999995</v>
      </c>
      <c r="K163">
        <v>0.89120630000000001</v>
      </c>
      <c r="L163">
        <f t="shared" si="19"/>
        <v>581.41318666666666</v>
      </c>
      <c r="M163">
        <f t="shared" si="20"/>
        <v>529.27724333333333</v>
      </c>
      <c r="N163">
        <f t="shared" si="21"/>
        <v>-13.88832722101268</v>
      </c>
      <c r="O163">
        <f t="shared" si="22"/>
        <v>1.9624966305526423</v>
      </c>
      <c r="Q163">
        <v>1190.3284000000001</v>
      </c>
      <c r="R163">
        <v>525.36450000000002</v>
      </c>
      <c r="S163">
        <v>0.99867479999999997</v>
      </c>
      <c r="T163">
        <v>1307.7693999999999</v>
      </c>
      <c r="U163">
        <v>441.96814000000001</v>
      </c>
      <c r="V163">
        <v>0.93405132999999996</v>
      </c>
      <c r="W163">
        <v>1319.7650000000001</v>
      </c>
      <c r="X163">
        <v>586.48974999999996</v>
      </c>
      <c r="Y163">
        <v>0.83200540000000001</v>
      </c>
      <c r="Z163">
        <f t="shared" si="23"/>
        <v>1272.6209333333334</v>
      </c>
      <c r="AA163">
        <f t="shared" si="24"/>
        <v>517.94079666666664</v>
      </c>
      <c r="AB163">
        <f t="shared" si="25"/>
        <v>14.288225585429961</v>
      </c>
      <c r="AC163">
        <f t="shared" si="26"/>
        <v>2.1892937782769959</v>
      </c>
    </row>
    <row r="164" spans="1:29" x14ac:dyDescent="0.4">
      <c r="A164">
        <v>161</v>
      </c>
      <c r="B164">
        <f t="shared" si="18"/>
        <v>5.3666666666666663</v>
      </c>
      <c r="C164">
        <v>498.52294999999998</v>
      </c>
      <c r="D164">
        <v>521.59130000000005</v>
      </c>
      <c r="E164">
        <v>0.95216339999999999</v>
      </c>
      <c r="F164">
        <v>630.1472</v>
      </c>
      <c r="G164">
        <v>460.9468</v>
      </c>
      <c r="H164">
        <v>0.95648840000000002</v>
      </c>
      <c r="I164">
        <v>616.08452999999997</v>
      </c>
      <c r="J164">
        <v>605.34299999999996</v>
      </c>
      <c r="K164">
        <v>0.8745117</v>
      </c>
      <c r="L164">
        <f t="shared" si="19"/>
        <v>581.5848933333333</v>
      </c>
      <c r="M164">
        <f t="shared" si="20"/>
        <v>529.29370000000006</v>
      </c>
      <c r="N164">
        <f t="shared" si="21"/>
        <v>-13.881406217432366</v>
      </c>
      <c r="O164">
        <f t="shared" si="22"/>
        <v>1.9617677007867369</v>
      </c>
      <c r="Q164">
        <v>1190.2454</v>
      </c>
      <c r="R164">
        <v>525.34770000000003</v>
      </c>
      <c r="S164">
        <v>1</v>
      </c>
      <c r="T164">
        <v>1307.4505999999999</v>
      </c>
      <c r="U164">
        <v>442.03269999999998</v>
      </c>
      <c r="V164">
        <v>0.93819624000000001</v>
      </c>
      <c r="W164">
        <v>1319.4729</v>
      </c>
      <c r="X164">
        <v>586.54300000000001</v>
      </c>
      <c r="Y164">
        <v>0.84614520000000004</v>
      </c>
      <c r="Z164">
        <f t="shared" si="23"/>
        <v>1272.3896333333332</v>
      </c>
      <c r="AA164">
        <f t="shared" si="24"/>
        <v>517.97446666666667</v>
      </c>
      <c r="AB164">
        <f t="shared" si="25"/>
        <v>14.278689823019096</v>
      </c>
      <c r="AC164">
        <f t="shared" si="26"/>
        <v>2.1880003920561357</v>
      </c>
    </row>
    <row r="165" spans="1:29" x14ac:dyDescent="0.4">
      <c r="A165">
        <v>162</v>
      </c>
      <c r="B165">
        <f t="shared" si="18"/>
        <v>5.4</v>
      </c>
      <c r="C165">
        <v>498.70247999999998</v>
      </c>
      <c r="D165">
        <v>521.56823999999995</v>
      </c>
      <c r="E165">
        <v>0.95404135999999995</v>
      </c>
      <c r="F165">
        <v>630.33100000000002</v>
      </c>
      <c r="G165">
        <v>461.00463999999999</v>
      </c>
      <c r="H165">
        <v>0.95215620000000001</v>
      </c>
      <c r="I165">
        <v>616.23220000000003</v>
      </c>
      <c r="J165">
        <v>605.39086999999995</v>
      </c>
      <c r="K165">
        <v>0.86155150000000003</v>
      </c>
      <c r="L165">
        <f t="shared" si="19"/>
        <v>581.75522666666666</v>
      </c>
      <c r="M165">
        <f t="shared" si="20"/>
        <v>529.32124999999996</v>
      </c>
      <c r="N165">
        <f t="shared" si="21"/>
        <v>-13.874544166046823</v>
      </c>
      <c r="O165">
        <f t="shared" si="22"/>
        <v>1.9605863133182873</v>
      </c>
      <c r="Q165">
        <v>1190.1729</v>
      </c>
      <c r="R165">
        <v>525.42999999999995</v>
      </c>
      <c r="S165">
        <v>1</v>
      </c>
      <c r="T165">
        <v>1307.2507000000001</v>
      </c>
      <c r="U165">
        <v>441.9853</v>
      </c>
      <c r="V165">
        <v>0.92543549999999997</v>
      </c>
      <c r="W165">
        <v>1319.2950000000001</v>
      </c>
      <c r="X165">
        <v>586.48800000000006</v>
      </c>
      <c r="Y165">
        <v>0.85840243000000005</v>
      </c>
      <c r="Z165">
        <f t="shared" si="23"/>
        <v>1272.2395333333334</v>
      </c>
      <c r="AA165">
        <f t="shared" si="24"/>
        <v>517.96776666666665</v>
      </c>
      <c r="AB165">
        <f t="shared" si="25"/>
        <v>14.27251096190667</v>
      </c>
      <c r="AC165">
        <f t="shared" si="26"/>
        <v>2.1883265393238278</v>
      </c>
    </row>
    <row r="166" spans="1:29" x14ac:dyDescent="0.4">
      <c r="A166">
        <v>163</v>
      </c>
      <c r="B166">
        <f t="shared" si="18"/>
        <v>5.4333333333333336</v>
      </c>
      <c r="C166">
        <v>498.92122999999998</v>
      </c>
      <c r="D166">
        <v>521.6472</v>
      </c>
      <c r="E166">
        <v>0.95794654000000001</v>
      </c>
      <c r="F166">
        <v>630.49883999999997</v>
      </c>
      <c r="G166">
        <v>460.95366999999999</v>
      </c>
      <c r="H166">
        <v>0.95037674999999999</v>
      </c>
      <c r="I166">
        <v>616.44794000000002</v>
      </c>
      <c r="J166">
        <v>605.17864999999995</v>
      </c>
      <c r="K166">
        <v>0.86031840000000004</v>
      </c>
      <c r="L166">
        <f t="shared" si="19"/>
        <v>581.95600333333334</v>
      </c>
      <c r="M166">
        <f t="shared" si="20"/>
        <v>529.25984000000005</v>
      </c>
      <c r="N166">
        <f t="shared" si="21"/>
        <v>-13.866425246505978</v>
      </c>
      <c r="O166">
        <f t="shared" si="22"/>
        <v>1.9630268242772009</v>
      </c>
      <c r="Q166">
        <v>1189.95</v>
      </c>
      <c r="R166">
        <v>525.41200000000003</v>
      </c>
      <c r="S166">
        <v>1</v>
      </c>
      <c r="T166">
        <v>1307.1509000000001</v>
      </c>
      <c r="U166">
        <v>442.10669999999999</v>
      </c>
      <c r="V166">
        <v>0.9550014</v>
      </c>
      <c r="W166">
        <v>1319.0556999999999</v>
      </c>
      <c r="X166">
        <v>586.58356000000003</v>
      </c>
      <c r="Y166">
        <v>0.86675340000000001</v>
      </c>
      <c r="Z166">
        <f t="shared" si="23"/>
        <v>1272.0522000000001</v>
      </c>
      <c r="AA166">
        <f t="shared" si="24"/>
        <v>518.03408666666667</v>
      </c>
      <c r="AB166">
        <f t="shared" si="25"/>
        <v>14.264775236506905</v>
      </c>
      <c r="AC166">
        <f t="shared" si="26"/>
        <v>2.1856848735372321</v>
      </c>
    </row>
    <row r="167" spans="1:29" x14ac:dyDescent="0.4">
      <c r="A167">
        <v>164</v>
      </c>
      <c r="B167">
        <f t="shared" si="18"/>
        <v>5.4666666666666668</v>
      </c>
      <c r="C167">
        <v>499.36712999999997</v>
      </c>
      <c r="D167">
        <v>521.78186000000005</v>
      </c>
      <c r="E167">
        <v>0.96327130000000005</v>
      </c>
      <c r="F167">
        <v>630.76310000000001</v>
      </c>
      <c r="G167">
        <v>460.99790000000002</v>
      </c>
      <c r="H167">
        <v>0.95011619999999997</v>
      </c>
      <c r="I167">
        <v>616.65215999999998</v>
      </c>
      <c r="J167">
        <v>605.10069999999996</v>
      </c>
      <c r="K167">
        <v>0.85498070000000004</v>
      </c>
      <c r="L167">
        <f t="shared" si="19"/>
        <v>582.26079666666658</v>
      </c>
      <c r="M167">
        <f t="shared" si="20"/>
        <v>529.29348666666669</v>
      </c>
      <c r="N167">
        <f t="shared" si="21"/>
        <v>-13.854141109825942</v>
      </c>
      <c r="O167">
        <f t="shared" si="22"/>
        <v>1.9615518503258111</v>
      </c>
      <c r="Q167">
        <v>1189.7194</v>
      </c>
      <c r="R167">
        <v>525.41340000000002</v>
      </c>
      <c r="S167">
        <v>1</v>
      </c>
      <c r="T167">
        <v>1307.0035</v>
      </c>
      <c r="U167">
        <v>442.12912</v>
      </c>
      <c r="V167">
        <v>0.95137190000000005</v>
      </c>
      <c r="W167">
        <v>1318.8172999999999</v>
      </c>
      <c r="X167">
        <v>586.56629999999996</v>
      </c>
      <c r="Y167">
        <v>0.8796079</v>
      </c>
      <c r="Z167">
        <f t="shared" si="23"/>
        <v>1271.8467333333331</v>
      </c>
      <c r="AA167">
        <f t="shared" si="24"/>
        <v>518.03627333333327</v>
      </c>
      <c r="AB167">
        <f t="shared" si="25"/>
        <v>14.256313620347912</v>
      </c>
      <c r="AC167">
        <f t="shared" si="26"/>
        <v>2.1856676571631364</v>
      </c>
    </row>
    <row r="168" spans="1:29" x14ac:dyDescent="0.4">
      <c r="A168">
        <v>165</v>
      </c>
      <c r="B168">
        <f t="shared" si="18"/>
        <v>5.5</v>
      </c>
      <c r="C168">
        <v>499.68819999999999</v>
      </c>
      <c r="D168">
        <v>521.69446000000005</v>
      </c>
      <c r="E168">
        <v>0.94846920000000001</v>
      </c>
      <c r="F168">
        <v>630.93895999999995</v>
      </c>
      <c r="G168">
        <v>460.98205999999999</v>
      </c>
      <c r="H168">
        <v>0.94425829999999999</v>
      </c>
      <c r="I168">
        <v>616.84595000000002</v>
      </c>
      <c r="J168">
        <v>605.10333000000003</v>
      </c>
      <c r="K168">
        <v>0.85511183999999996</v>
      </c>
      <c r="L168">
        <f t="shared" si="19"/>
        <v>582.49103666666667</v>
      </c>
      <c r="M168">
        <f t="shared" si="20"/>
        <v>529.25995</v>
      </c>
      <c r="N168">
        <f t="shared" si="21"/>
        <v>-13.844842555454836</v>
      </c>
      <c r="O168">
        <f t="shared" si="22"/>
        <v>1.9628445709081344</v>
      </c>
      <c r="Q168">
        <v>1189.3657000000001</v>
      </c>
      <c r="R168">
        <v>525.36919999999998</v>
      </c>
      <c r="S168">
        <v>1</v>
      </c>
      <c r="T168">
        <v>1306.8454999999999</v>
      </c>
      <c r="U168">
        <v>442.13657000000001</v>
      </c>
      <c r="V168">
        <v>0.94927589999999995</v>
      </c>
      <c r="W168">
        <v>1318.6567</v>
      </c>
      <c r="X168">
        <v>586.54200000000003</v>
      </c>
      <c r="Y168">
        <v>0.87638629999999995</v>
      </c>
      <c r="Z168">
        <f t="shared" si="23"/>
        <v>1271.6226333333332</v>
      </c>
      <c r="AA168">
        <f t="shared" si="24"/>
        <v>518.01592333333338</v>
      </c>
      <c r="AB168">
        <f t="shared" si="25"/>
        <v>14.247092062093458</v>
      </c>
      <c r="AC168">
        <f t="shared" si="26"/>
        <v>2.1865769798984678</v>
      </c>
    </row>
    <row r="169" spans="1:29" x14ac:dyDescent="0.4">
      <c r="A169">
        <v>166</v>
      </c>
      <c r="B169">
        <f t="shared" si="18"/>
        <v>5.5333333333333332</v>
      </c>
      <c r="C169">
        <v>499.84629999999999</v>
      </c>
      <c r="D169">
        <v>521.67269999999996</v>
      </c>
      <c r="E169">
        <v>0.94699323000000002</v>
      </c>
      <c r="F169">
        <v>631.06209999999999</v>
      </c>
      <c r="G169">
        <v>460.92392000000001</v>
      </c>
      <c r="H169">
        <v>0.94029342999999999</v>
      </c>
      <c r="I169">
        <v>617.03120000000001</v>
      </c>
      <c r="J169">
        <v>605.03589999999997</v>
      </c>
      <c r="K169">
        <v>0.86574030000000002</v>
      </c>
      <c r="L169">
        <f t="shared" si="19"/>
        <v>582.64653333333342</v>
      </c>
      <c r="M169">
        <f t="shared" si="20"/>
        <v>529.21084000000008</v>
      </c>
      <c r="N169">
        <f t="shared" si="21"/>
        <v>-13.838554012311397</v>
      </c>
      <c r="O169">
        <f t="shared" si="22"/>
        <v>1.9647979432518961</v>
      </c>
      <c r="Q169">
        <v>1189.3326</v>
      </c>
      <c r="R169">
        <v>525.28779999999995</v>
      </c>
      <c r="S169">
        <v>1</v>
      </c>
      <c r="T169">
        <v>1306.7427</v>
      </c>
      <c r="U169">
        <v>442.24417</v>
      </c>
      <c r="V169">
        <v>0.95150659999999998</v>
      </c>
      <c r="W169">
        <v>1318.434</v>
      </c>
      <c r="X169">
        <v>586.55899999999997</v>
      </c>
      <c r="Y169">
        <v>0.87906664999999995</v>
      </c>
      <c r="Z169">
        <f t="shared" si="23"/>
        <v>1271.5030999999999</v>
      </c>
      <c r="AA169">
        <f t="shared" si="24"/>
        <v>518.03032333333329</v>
      </c>
      <c r="AB169">
        <f t="shared" si="25"/>
        <v>14.242165192612548</v>
      </c>
      <c r="AC169">
        <f t="shared" si="26"/>
        <v>2.1860310482416137</v>
      </c>
    </row>
    <row r="170" spans="1:29" x14ac:dyDescent="0.4">
      <c r="A170">
        <v>167</v>
      </c>
      <c r="B170">
        <f t="shared" si="18"/>
        <v>5.5666666666666664</v>
      </c>
      <c r="C170">
        <v>500.01254</v>
      </c>
      <c r="D170">
        <v>521.61663999999996</v>
      </c>
      <c r="E170">
        <v>0.94485927000000003</v>
      </c>
      <c r="F170">
        <v>631.25990000000002</v>
      </c>
      <c r="G170">
        <v>460.87792999999999</v>
      </c>
      <c r="H170">
        <v>0.93105906000000005</v>
      </c>
      <c r="I170">
        <v>617.26509999999996</v>
      </c>
      <c r="J170">
        <v>604.90752999999995</v>
      </c>
      <c r="K170">
        <v>0.87063500000000005</v>
      </c>
      <c r="L170">
        <f t="shared" si="19"/>
        <v>582.8458466666666</v>
      </c>
      <c r="M170">
        <f t="shared" si="20"/>
        <v>529.13403333333326</v>
      </c>
      <c r="N170">
        <f t="shared" si="21"/>
        <v>-13.830488922542239</v>
      </c>
      <c r="O170">
        <f t="shared" si="22"/>
        <v>1.9678675389840279</v>
      </c>
      <c r="Q170">
        <v>1189.1256000000001</v>
      </c>
      <c r="R170">
        <v>525.21654999999998</v>
      </c>
      <c r="S170">
        <v>1</v>
      </c>
      <c r="T170">
        <v>1306.6449</v>
      </c>
      <c r="U170">
        <v>442.30189999999999</v>
      </c>
      <c r="V170">
        <v>0.96089440000000004</v>
      </c>
      <c r="W170">
        <v>1318.1232</v>
      </c>
      <c r="X170">
        <v>586.50340000000006</v>
      </c>
      <c r="Y170">
        <v>0.88365716000000005</v>
      </c>
      <c r="Z170">
        <f t="shared" si="23"/>
        <v>1271.2979</v>
      </c>
      <c r="AA170">
        <f t="shared" si="24"/>
        <v>518.00728333333336</v>
      </c>
      <c r="AB170">
        <f t="shared" si="25"/>
        <v>14.233722867101836</v>
      </c>
      <c r="AC170">
        <f t="shared" si="26"/>
        <v>2.1870435546103866</v>
      </c>
    </row>
    <row r="171" spans="1:29" x14ac:dyDescent="0.4">
      <c r="A171">
        <v>168</v>
      </c>
      <c r="B171">
        <f t="shared" si="18"/>
        <v>5.6</v>
      </c>
      <c r="C171">
        <v>500.23923000000002</v>
      </c>
      <c r="D171">
        <v>521.49590000000001</v>
      </c>
      <c r="E171">
        <v>0.93733219999999995</v>
      </c>
      <c r="F171">
        <v>631.53719999999998</v>
      </c>
      <c r="G171">
        <v>460.76312000000001</v>
      </c>
      <c r="H171">
        <v>0.91346899999999998</v>
      </c>
      <c r="I171">
        <v>617.4819</v>
      </c>
      <c r="J171">
        <v>604.77106000000003</v>
      </c>
      <c r="K171">
        <v>0.88097460000000005</v>
      </c>
      <c r="L171">
        <f t="shared" si="19"/>
        <v>583.08610999999996</v>
      </c>
      <c r="M171">
        <f t="shared" si="20"/>
        <v>529.0100266666667</v>
      </c>
      <c r="N171">
        <f t="shared" si="21"/>
        <v>-13.820756583901353</v>
      </c>
      <c r="O171">
        <f t="shared" si="22"/>
        <v>1.9728505770238232</v>
      </c>
      <c r="Q171">
        <v>1189.079</v>
      </c>
      <c r="R171">
        <v>525.23940000000005</v>
      </c>
      <c r="S171">
        <v>1</v>
      </c>
      <c r="T171">
        <v>1306.4863</v>
      </c>
      <c r="U171">
        <v>442.31686000000002</v>
      </c>
      <c r="V171">
        <v>0.96531239999999996</v>
      </c>
      <c r="W171">
        <v>1317.9469999999999</v>
      </c>
      <c r="X171">
        <v>586.55330000000004</v>
      </c>
      <c r="Y171">
        <v>0.89100650000000003</v>
      </c>
      <c r="Z171">
        <f t="shared" si="23"/>
        <v>1271.1707666666669</v>
      </c>
      <c r="AA171">
        <f t="shared" si="24"/>
        <v>518.03652</v>
      </c>
      <c r="AB171">
        <f t="shared" si="25"/>
        <v>14.228478285344471</v>
      </c>
      <c r="AC171">
        <f t="shared" si="26"/>
        <v>2.1858946148030545</v>
      </c>
    </row>
    <row r="172" spans="1:29" x14ac:dyDescent="0.4">
      <c r="A172">
        <v>169</v>
      </c>
      <c r="B172">
        <f t="shared" si="18"/>
        <v>5.6333333333333337</v>
      </c>
      <c r="C172">
        <v>500.34386999999998</v>
      </c>
      <c r="D172">
        <v>521.5258</v>
      </c>
      <c r="E172">
        <v>0.93726140000000002</v>
      </c>
      <c r="F172">
        <v>631.6644</v>
      </c>
      <c r="G172">
        <v>460.87743999999998</v>
      </c>
      <c r="H172">
        <v>0.92936260000000004</v>
      </c>
      <c r="I172">
        <v>617.60204999999996</v>
      </c>
      <c r="J172">
        <v>604.80399999999997</v>
      </c>
      <c r="K172">
        <v>0.88062704000000003</v>
      </c>
      <c r="L172">
        <f t="shared" si="19"/>
        <v>583.20344</v>
      </c>
      <c r="M172">
        <f t="shared" si="20"/>
        <v>529.06907999999999</v>
      </c>
      <c r="N172">
        <f t="shared" si="21"/>
        <v>-13.816042584623004</v>
      </c>
      <c r="O172">
        <f t="shared" si="22"/>
        <v>1.9704005988376405</v>
      </c>
      <c r="Q172">
        <v>1188.7433000000001</v>
      </c>
      <c r="R172">
        <v>525.10799999999995</v>
      </c>
      <c r="S172">
        <v>1</v>
      </c>
      <c r="T172">
        <v>1306.2085999999999</v>
      </c>
      <c r="U172">
        <v>442.39</v>
      </c>
      <c r="V172">
        <v>0.97198830000000003</v>
      </c>
      <c r="W172">
        <v>1317.7284999999999</v>
      </c>
      <c r="X172">
        <v>586.55669999999998</v>
      </c>
      <c r="Y172">
        <v>0.89624099999999995</v>
      </c>
      <c r="Z172">
        <f t="shared" si="23"/>
        <v>1270.8934666666667</v>
      </c>
      <c r="AA172">
        <f t="shared" si="24"/>
        <v>518.01823333333334</v>
      </c>
      <c r="AB172">
        <f t="shared" si="25"/>
        <v>14.217065588084232</v>
      </c>
      <c r="AC172">
        <f t="shared" si="26"/>
        <v>2.1867383564799243</v>
      </c>
    </row>
    <row r="173" spans="1:29" x14ac:dyDescent="0.4">
      <c r="A173">
        <v>170</v>
      </c>
      <c r="B173">
        <f t="shared" si="18"/>
        <v>5.666666666666667</v>
      </c>
      <c r="C173">
        <v>500.46557999999999</v>
      </c>
      <c r="D173">
        <v>521.57770000000005</v>
      </c>
      <c r="E173">
        <v>0.94227119999999998</v>
      </c>
      <c r="F173">
        <v>631.79970000000003</v>
      </c>
      <c r="G173">
        <v>460.87610000000001</v>
      </c>
      <c r="H173">
        <v>0.93292830000000004</v>
      </c>
      <c r="I173">
        <v>617.79570000000001</v>
      </c>
      <c r="J173">
        <v>604.78594999999996</v>
      </c>
      <c r="K173">
        <v>0.87999369999999999</v>
      </c>
      <c r="L173">
        <f t="shared" si="19"/>
        <v>583.3536600000001</v>
      </c>
      <c r="M173">
        <f t="shared" si="20"/>
        <v>529.07991666666669</v>
      </c>
      <c r="N173">
        <f t="shared" si="21"/>
        <v>-13.809986169232456</v>
      </c>
      <c r="O173">
        <f t="shared" si="22"/>
        <v>1.9699082518231705</v>
      </c>
      <c r="Q173">
        <v>1188.4548</v>
      </c>
      <c r="R173">
        <v>525.08623999999998</v>
      </c>
      <c r="S173">
        <v>1</v>
      </c>
      <c r="T173">
        <v>1306.1624999999999</v>
      </c>
      <c r="U173">
        <v>442.32866999999999</v>
      </c>
      <c r="V173">
        <v>0.96613990000000005</v>
      </c>
      <c r="W173">
        <v>1317.6232</v>
      </c>
      <c r="X173">
        <v>586.55786000000001</v>
      </c>
      <c r="Y173">
        <v>0.90163665999999998</v>
      </c>
      <c r="Z173">
        <f t="shared" si="23"/>
        <v>1270.7468333333334</v>
      </c>
      <c r="AA173">
        <f t="shared" si="24"/>
        <v>517.99092333333328</v>
      </c>
      <c r="AB173">
        <f t="shared" si="25"/>
        <v>14.211036425968613</v>
      </c>
      <c r="AC173">
        <f t="shared" si="26"/>
        <v>2.1879046369110893</v>
      </c>
    </row>
    <row r="174" spans="1:29" x14ac:dyDescent="0.4">
      <c r="A174">
        <v>171</v>
      </c>
      <c r="B174">
        <f t="shared" si="18"/>
        <v>5.7</v>
      </c>
      <c r="C174">
        <v>500.76609999999999</v>
      </c>
      <c r="D174">
        <v>521.61162999999999</v>
      </c>
      <c r="E174">
        <v>0.94060635999999997</v>
      </c>
      <c r="F174">
        <v>631.91547000000003</v>
      </c>
      <c r="G174">
        <v>461.03683000000001</v>
      </c>
      <c r="H174">
        <v>0.91372036999999995</v>
      </c>
      <c r="I174">
        <v>617.87869999999998</v>
      </c>
      <c r="J174">
        <v>604.85222999999996</v>
      </c>
      <c r="K174">
        <v>0.89053475999999998</v>
      </c>
      <c r="L174">
        <f t="shared" si="19"/>
        <v>583.52008999999998</v>
      </c>
      <c r="M174">
        <f t="shared" si="20"/>
        <v>529.16689666666662</v>
      </c>
      <c r="N174">
        <f t="shared" si="21"/>
        <v>-13.803300446664581</v>
      </c>
      <c r="O174">
        <f t="shared" si="22"/>
        <v>1.9663017820832691</v>
      </c>
      <c r="Q174">
        <v>1188.2762</v>
      </c>
      <c r="R174">
        <v>525.07836999999995</v>
      </c>
      <c r="S174">
        <v>1</v>
      </c>
      <c r="T174">
        <v>1305.9158</v>
      </c>
      <c r="U174">
        <v>442.20337000000001</v>
      </c>
      <c r="V174">
        <v>0.96146109999999996</v>
      </c>
      <c r="W174">
        <v>1317.5065</v>
      </c>
      <c r="X174">
        <v>586.54359999999997</v>
      </c>
      <c r="Y174">
        <v>0.90928359999999997</v>
      </c>
      <c r="Z174">
        <f t="shared" si="23"/>
        <v>1270.5661666666667</v>
      </c>
      <c r="AA174">
        <f t="shared" si="24"/>
        <v>517.94177999999999</v>
      </c>
      <c r="AB174">
        <f t="shared" si="25"/>
        <v>14.203612961880744</v>
      </c>
      <c r="AC174">
        <f t="shared" si="26"/>
        <v>2.189974143154688</v>
      </c>
    </row>
    <row r="175" spans="1:29" x14ac:dyDescent="0.4">
      <c r="A175">
        <v>172</v>
      </c>
      <c r="B175">
        <f t="shared" si="18"/>
        <v>5.7333333333333334</v>
      </c>
      <c r="C175">
        <v>501.01947000000001</v>
      </c>
      <c r="D175">
        <v>521.57349999999997</v>
      </c>
      <c r="E175">
        <v>0.93879349999999995</v>
      </c>
      <c r="F175">
        <v>632.18169999999998</v>
      </c>
      <c r="G175">
        <v>461.00760000000002</v>
      </c>
      <c r="H175">
        <v>0.93407169999999995</v>
      </c>
      <c r="I175">
        <v>618.02509999999995</v>
      </c>
      <c r="J175">
        <v>604.83410000000003</v>
      </c>
      <c r="K175">
        <v>0.89548190000000005</v>
      </c>
      <c r="L175">
        <f t="shared" si="19"/>
        <v>583.74209000000008</v>
      </c>
      <c r="M175">
        <f t="shared" si="20"/>
        <v>529.13839999999993</v>
      </c>
      <c r="N175">
        <f t="shared" si="21"/>
        <v>-13.794335579016725</v>
      </c>
      <c r="O175">
        <f t="shared" si="22"/>
        <v>1.9673914609264473</v>
      </c>
      <c r="Q175">
        <v>1188.1597999999999</v>
      </c>
      <c r="R175">
        <v>524.93755999999996</v>
      </c>
      <c r="S175">
        <v>1</v>
      </c>
      <c r="T175">
        <v>1305.7192</v>
      </c>
      <c r="U175">
        <v>442.07747999999998</v>
      </c>
      <c r="V175">
        <v>0.94599825000000004</v>
      </c>
      <c r="W175">
        <v>1317.4069</v>
      </c>
      <c r="X175">
        <v>586.41436999999996</v>
      </c>
      <c r="Y175">
        <v>0.91024179999999999</v>
      </c>
      <c r="Z175">
        <f t="shared" si="23"/>
        <v>1270.4286333333332</v>
      </c>
      <c r="AA175">
        <f t="shared" si="24"/>
        <v>517.80980333333332</v>
      </c>
      <c r="AB175">
        <f t="shared" si="25"/>
        <v>14.19799247829777</v>
      </c>
      <c r="AC175">
        <f t="shared" si="26"/>
        <v>2.1954099938367508</v>
      </c>
    </row>
    <row r="176" spans="1:29" x14ac:dyDescent="0.4">
      <c r="A176">
        <v>173</v>
      </c>
      <c r="B176">
        <f t="shared" si="18"/>
        <v>5.7666666666666666</v>
      </c>
      <c r="C176">
        <v>501.12786999999997</v>
      </c>
      <c r="D176">
        <v>521.6277</v>
      </c>
      <c r="E176">
        <v>0.94255080000000002</v>
      </c>
      <c r="F176">
        <v>632.42060000000004</v>
      </c>
      <c r="G176">
        <v>460.96933000000001</v>
      </c>
      <c r="H176">
        <v>0.94106460000000003</v>
      </c>
      <c r="I176">
        <v>618.25369999999998</v>
      </c>
      <c r="J176">
        <v>604.76873999999998</v>
      </c>
      <c r="K176">
        <v>0.8937581</v>
      </c>
      <c r="L176">
        <f t="shared" si="19"/>
        <v>583.93405666666661</v>
      </c>
      <c r="M176">
        <f t="shared" si="20"/>
        <v>529.12192333333326</v>
      </c>
      <c r="N176">
        <f t="shared" si="21"/>
        <v>-13.786586119933885</v>
      </c>
      <c r="O176">
        <f t="shared" si="22"/>
        <v>1.9680003724077944</v>
      </c>
      <c r="Q176">
        <v>1188.0171</v>
      </c>
      <c r="R176">
        <v>524.952</v>
      </c>
      <c r="S176">
        <v>1</v>
      </c>
      <c r="T176">
        <v>1305.5796</v>
      </c>
      <c r="U176">
        <v>442.024</v>
      </c>
      <c r="V176">
        <v>0.94593240000000001</v>
      </c>
      <c r="W176">
        <v>1317.2097000000001</v>
      </c>
      <c r="X176">
        <v>586.39449999999999</v>
      </c>
      <c r="Y176">
        <v>0.91701763999999997</v>
      </c>
      <c r="Z176">
        <f t="shared" si="23"/>
        <v>1270.2688000000001</v>
      </c>
      <c r="AA176">
        <f t="shared" si="24"/>
        <v>517.79016666666666</v>
      </c>
      <c r="AB176">
        <f t="shared" si="25"/>
        <v>14.191417377835476</v>
      </c>
      <c r="AC176">
        <f t="shared" si="26"/>
        <v>2.1962676531454304</v>
      </c>
    </row>
    <row r="177" spans="1:29" x14ac:dyDescent="0.4">
      <c r="A177">
        <v>174</v>
      </c>
      <c r="B177">
        <f t="shared" si="18"/>
        <v>5.8</v>
      </c>
      <c r="C177">
        <v>501.30806999999999</v>
      </c>
      <c r="D177">
        <v>521.5394</v>
      </c>
      <c r="E177">
        <v>0.9364422</v>
      </c>
      <c r="F177">
        <v>632.72753999999998</v>
      </c>
      <c r="G177">
        <v>460.91232000000002</v>
      </c>
      <c r="H177">
        <v>0.94618630000000004</v>
      </c>
      <c r="I177">
        <v>618.5326</v>
      </c>
      <c r="J177">
        <v>604.63463999999999</v>
      </c>
      <c r="K177">
        <v>0.88953172999999996</v>
      </c>
      <c r="L177">
        <f t="shared" si="19"/>
        <v>584.1894033333333</v>
      </c>
      <c r="M177">
        <f t="shared" si="20"/>
        <v>529.02878666666663</v>
      </c>
      <c r="N177">
        <f t="shared" si="21"/>
        <v>-13.776254970044963</v>
      </c>
      <c r="O177">
        <f t="shared" si="22"/>
        <v>1.9717180497549416</v>
      </c>
      <c r="Q177">
        <v>1187.7429</v>
      </c>
      <c r="R177">
        <v>524.95209999999997</v>
      </c>
      <c r="S177">
        <v>1</v>
      </c>
      <c r="T177">
        <v>1305.4507000000001</v>
      </c>
      <c r="U177">
        <v>442.01922999999999</v>
      </c>
      <c r="V177">
        <v>0.93434130000000004</v>
      </c>
      <c r="W177">
        <v>1317.0563</v>
      </c>
      <c r="X177">
        <v>586.35839999999996</v>
      </c>
      <c r="Y177">
        <v>0.92217815000000003</v>
      </c>
      <c r="Z177">
        <f t="shared" si="23"/>
        <v>1270.0833</v>
      </c>
      <c r="AA177">
        <f t="shared" si="24"/>
        <v>517.77657666666664</v>
      </c>
      <c r="AB177">
        <f t="shared" si="25"/>
        <v>14.183783480352895</v>
      </c>
      <c r="AC177">
        <f t="shared" si="26"/>
        <v>2.1968874703502346</v>
      </c>
    </row>
    <row r="178" spans="1:29" x14ac:dyDescent="0.4">
      <c r="A178">
        <v>175</v>
      </c>
      <c r="B178">
        <f t="shared" si="18"/>
        <v>5.833333333333333</v>
      </c>
      <c r="C178">
        <v>501.77985000000001</v>
      </c>
      <c r="D178">
        <v>521.41076999999996</v>
      </c>
      <c r="E178">
        <v>0.92162644999999999</v>
      </c>
      <c r="F178">
        <v>632.93039999999996</v>
      </c>
      <c r="G178">
        <v>460.84055000000001</v>
      </c>
      <c r="H178">
        <v>0.95606875000000002</v>
      </c>
      <c r="I178">
        <v>618.87929999999994</v>
      </c>
      <c r="J178">
        <v>604.50909999999999</v>
      </c>
      <c r="K178">
        <v>0.8761253</v>
      </c>
      <c r="L178">
        <f t="shared" si="19"/>
        <v>584.52985000000001</v>
      </c>
      <c r="M178">
        <f t="shared" si="20"/>
        <v>528.92014000000006</v>
      </c>
      <c r="N178">
        <f t="shared" si="21"/>
        <v>-13.762485634845406</v>
      </c>
      <c r="O178">
        <f t="shared" si="22"/>
        <v>1.9760406743464856</v>
      </c>
      <c r="Q178">
        <v>1187.5499</v>
      </c>
      <c r="R178">
        <v>524.92160000000001</v>
      </c>
      <c r="S178">
        <v>1</v>
      </c>
      <c r="T178">
        <v>1305.3248000000001</v>
      </c>
      <c r="U178">
        <v>441.96746999999999</v>
      </c>
      <c r="V178">
        <v>0.93803479999999995</v>
      </c>
      <c r="W178">
        <v>1316.8126</v>
      </c>
      <c r="X178">
        <v>586.23080000000004</v>
      </c>
      <c r="Y178">
        <v>0.92427294999999998</v>
      </c>
      <c r="Z178">
        <f t="shared" si="23"/>
        <v>1269.8957666666668</v>
      </c>
      <c r="AA178">
        <f t="shared" si="24"/>
        <v>517.70662333333337</v>
      </c>
      <c r="AB178">
        <f t="shared" si="25"/>
        <v>14.176084159168571</v>
      </c>
      <c r="AC178">
        <f t="shared" si="26"/>
        <v>2.1998088928948847</v>
      </c>
    </row>
    <row r="179" spans="1:29" x14ac:dyDescent="0.4">
      <c r="A179">
        <v>176</v>
      </c>
      <c r="B179">
        <f t="shared" si="18"/>
        <v>5.8666666666666663</v>
      </c>
      <c r="C179">
        <v>501.97269999999997</v>
      </c>
      <c r="D179">
        <v>521.38189999999997</v>
      </c>
      <c r="E179">
        <v>0.92092865999999995</v>
      </c>
      <c r="F179">
        <v>633.08939999999996</v>
      </c>
      <c r="G179">
        <v>460.63736</v>
      </c>
      <c r="H179">
        <v>0.96539640000000004</v>
      </c>
      <c r="I179">
        <v>619.17303000000004</v>
      </c>
      <c r="J179">
        <v>604.4941</v>
      </c>
      <c r="K179">
        <v>0.87830399999999997</v>
      </c>
      <c r="L179">
        <f t="shared" si="19"/>
        <v>584.74504333333334</v>
      </c>
      <c r="M179">
        <f t="shared" si="20"/>
        <v>528.8377866666666</v>
      </c>
      <c r="N179">
        <f t="shared" si="21"/>
        <v>-13.753777659776405</v>
      </c>
      <c r="O179">
        <f t="shared" si="22"/>
        <v>1.9793314287376009</v>
      </c>
      <c r="Q179">
        <v>1187.2660000000001</v>
      </c>
      <c r="R179">
        <v>524.82403999999997</v>
      </c>
      <c r="S179">
        <v>1</v>
      </c>
      <c r="T179">
        <v>1305.2702999999999</v>
      </c>
      <c r="U179">
        <v>441.96863000000002</v>
      </c>
      <c r="V179">
        <v>0.93463545999999997</v>
      </c>
      <c r="W179">
        <v>1316.7128</v>
      </c>
      <c r="X179">
        <v>586.22437000000002</v>
      </c>
      <c r="Y179">
        <v>0.92561610000000005</v>
      </c>
      <c r="Z179">
        <f t="shared" si="23"/>
        <v>1269.7497000000001</v>
      </c>
      <c r="AA179">
        <f t="shared" si="24"/>
        <v>517.67234666666673</v>
      </c>
      <c r="AB179">
        <f t="shared" si="25"/>
        <v>14.170080765697019</v>
      </c>
      <c r="AC179">
        <f t="shared" si="26"/>
        <v>2.2012593638172775</v>
      </c>
    </row>
    <row r="180" spans="1:29" x14ac:dyDescent="0.4">
      <c r="A180">
        <v>177</v>
      </c>
      <c r="B180">
        <f t="shared" si="18"/>
        <v>5.9</v>
      </c>
      <c r="C180">
        <v>502.17250000000001</v>
      </c>
      <c r="D180">
        <v>521.43209999999999</v>
      </c>
      <c r="E180">
        <v>0.92169696000000001</v>
      </c>
      <c r="F180">
        <v>633.26260000000002</v>
      </c>
      <c r="G180">
        <v>460.61779999999999</v>
      </c>
      <c r="H180">
        <v>0.96539739999999996</v>
      </c>
      <c r="I180">
        <v>619.39404000000002</v>
      </c>
      <c r="J180">
        <v>604.42430000000002</v>
      </c>
      <c r="K180">
        <v>0.87652682999999998</v>
      </c>
      <c r="L180">
        <f t="shared" si="19"/>
        <v>584.94304666666676</v>
      </c>
      <c r="M180">
        <f t="shared" si="20"/>
        <v>528.82473333333337</v>
      </c>
      <c r="N180">
        <f t="shared" si="21"/>
        <v>-13.745785540704281</v>
      </c>
      <c r="O180">
        <f t="shared" si="22"/>
        <v>1.979798561440689</v>
      </c>
      <c r="Q180">
        <v>1187.1179</v>
      </c>
      <c r="R180">
        <v>524.80259999999998</v>
      </c>
      <c r="S180">
        <v>1</v>
      </c>
      <c r="T180">
        <v>1305.2228</v>
      </c>
      <c r="U180">
        <v>442.02791999999999</v>
      </c>
      <c r="V180">
        <v>0.94903040000000005</v>
      </c>
      <c r="W180">
        <v>1316.5784000000001</v>
      </c>
      <c r="X180">
        <v>586.2527</v>
      </c>
      <c r="Y180">
        <v>0.92981049999999998</v>
      </c>
      <c r="Z180">
        <f t="shared" si="23"/>
        <v>1269.6396999999999</v>
      </c>
      <c r="AA180">
        <f t="shared" si="24"/>
        <v>517.69440666666662</v>
      </c>
      <c r="AB180">
        <f t="shared" si="25"/>
        <v>14.165544233172907</v>
      </c>
      <c r="AC180">
        <f t="shared" si="26"/>
        <v>2.2003973855536616</v>
      </c>
    </row>
    <row r="181" spans="1:29" x14ac:dyDescent="0.4">
      <c r="A181">
        <v>178</v>
      </c>
      <c r="B181">
        <f t="shared" si="18"/>
        <v>5.9333333333333336</v>
      </c>
      <c r="C181">
        <v>502.54579999999999</v>
      </c>
      <c r="D181">
        <v>521.33680000000004</v>
      </c>
      <c r="E181">
        <v>0.9154158</v>
      </c>
      <c r="F181">
        <v>633.47829999999999</v>
      </c>
      <c r="G181">
        <v>460.60809999999998</v>
      </c>
      <c r="H181">
        <v>0.97790169999999998</v>
      </c>
      <c r="I181">
        <v>619.65329999999994</v>
      </c>
      <c r="J181">
        <v>604.37649999999996</v>
      </c>
      <c r="K181">
        <v>0.87749993999999998</v>
      </c>
      <c r="L181">
        <f t="shared" si="19"/>
        <v>585.22580000000005</v>
      </c>
      <c r="M181">
        <f t="shared" si="20"/>
        <v>528.77379999999994</v>
      </c>
      <c r="N181">
        <f t="shared" si="21"/>
        <v>-13.734362076363789</v>
      </c>
      <c r="O181">
        <f t="shared" si="22"/>
        <v>1.9817840657126162</v>
      </c>
      <c r="Q181">
        <v>1187.0509999999999</v>
      </c>
      <c r="R181">
        <v>524.80309999999997</v>
      </c>
      <c r="S181">
        <v>1</v>
      </c>
      <c r="T181">
        <v>1305.1112000000001</v>
      </c>
      <c r="U181">
        <v>441.96114999999998</v>
      </c>
      <c r="V181">
        <v>0.95611480000000004</v>
      </c>
      <c r="W181">
        <v>1316.4594999999999</v>
      </c>
      <c r="X181">
        <v>586.28204000000005</v>
      </c>
      <c r="Y181">
        <v>0.93236859999999999</v>
      </c>
      <c r="Z181">
        <f t="shared" si="23"/>
        <v>1269.5405666666666</v>
      </c>
      <c r="AA181">
        <f t="shared" si="24"/>
        <v>517.68209666666667</v>
      </c>
      <c r="AB181">
        <f t="shared" si="25"/>
        <v>14.161466296505292</v>
      </c>
      <c r="AC181">
        <f t="shared" si="26"/>
        <v>2.2009346665123406</v>
      </c>
    </row>
    <row r="182" spans="1:29" x14ac:dyDescent="0.4">
      <c r="A182">
        <v>179</v>
      </c>
      <c r="B182">
        <f t="shared" si="18"/>
        <v>5.9666666666666668</v>
      </c>
      <c r="C182">
        <v>502.63037000000003</v>
      </c>
      <c r="D182">
        <v>521.30786000000001</v>
      </c>
      <c r="E182">
        <v>0.91294675999999997</v>
      </c>
      <c r="F182">
        <v>633.72924999999998</v>
      </c>
      <c r="G182">
        <v>460.48656999999997</v>
      </c>
      <c r="H182">
        <v>0.98565227</v>
      </c>
      <c r="I182">
        <v>619.77135999999996</v>
      </c>
      <c r="J182">
        <v>604.3904</v>
      </c>
      <c r="K182">
        <v>0.87908744999999999</v>
      </c>
      <c r="L182">
        <f t="shared" si="19"/>
        <v>585.3769933333333</v>
      </c>
      <c r="M182">
        <f t="shared" si="20"/>
        <v>528.7282766666666</v>
      </c>
      <c r="N182">
        <f t="shared" si="21"/>
        <v>-13.728247784221008</v>
      </c>
      <c r="O182">
        <f t="shared" si="22"/>
        <v>1.9835924128414177</v>
      </c>
      <c r="Q182">
        <v>1186.9756</v>
      </c>
      <c r="R182">
        <v>524.66234999999995</v>
      </c>
      <c r="S182">
        <v>1</v>
      </c>
      <c r="T182">
        <v>1304.9946</v>
      </c>
      <c r="U182">
        <v>441.97876000000002</v>
      </c>
      <c r="V182">
        <v>0.95121199999999995</v>
      </c>
      <c r="W182">
        <v>1316.3351</v>
      </c>
      <c r="X182">
        <v>586.29589999999996</v>
      </c>
      <c r="Y182">
        <v>0.93375699999999995</v>
      </c>
      <c r="Z182">
        <f t="shared" si="23"/>
        <v>1269.4350999999999</v>
      </c>
      <c r="AA182">
        <f t="shared" si="24"/>
        <v>517.64567</v>
      </c>
      <c r="AB182">
        <f t="shared" si="25"/>
        <v>14.157135404048448</v>
      </c>
      <c r="AC182">
        <f t="shared" si="26"/>
        <v>2.202458669938923</v>
      </c>
    </row>
    <row r="183" spans="1:29" x14ac:dyDescent="0.4">
      <c r="A183">
        <v>180</v>
      </c>
      <c r="B183">
        <f t="shared" si="18"/>
        <v>6</v>
      </c>
      <c r="C183">
        <v>502.72699999999998</v>
      </c>
      <c r="D183">
        <v>521.33325000000002</v>
      </c>
      <c r="E183">
        <v>0.91041046000000003</v>
      </c>
      <c r="F183">
        <v>633.89922999999999</v>
      </c>
      <c r="G183">
        <v>460.4588</v>
      </c>
      <c r="H183">
        <v>0.99500555000000002</v>
      </c>
      <c r="I183">
        <v>619.89599999999996</v>
      </c>
      <c r="J183">
        <v>604.37270000000001</v>
      </c>
      <c r="K183">
        <v>0.88198359999999998</v>
      </c>
      <c r="L183">
        <f t="shared" si="19"/>
        <v>585.50740999999994</v>
      </c>
      <c r="M183">
        <f t="shared" si="20"/>
        <v>528.72158333333334</v>
      </c>
      <c r="N183">
        <f t="shared" si="21"/>
        <v>-13.722984224787043</v>
      </c>
      <c r="O183">
        <f t="shared" si="22"/>
        <v>1.9838223416665453</v>
      </c>
      <c r="Q183">
        <v>1186.9206999999999</v>
      </c>
      <c r="R183">
        <v>524.6712</v>
      </c>
      <c r="S183">
        <v>1</v>
      </c>
      <c r="T183">
        <v>1304.9148</v>
      </c>
      <c r="U183">
        <v>441.93808000000001</v>
      </c>
      <c r="V183">
        <v>0.95117974000000005</v>
      </c>
      <c r="W183">
        <v>1316.2556999999999</v>
      </c>
      <c r="X183">
        <v>586.29094999999995</v>
      </c>
      <c r="Y183">
        <v>0.93451709999999999</v>
      </c>
      <c r="Z183">
        <f t="shared" si="23"/>
        <v>1269.3637333333334</v>
      </c>
      <c r="AA183">
        <f t="shared" si="24"/>
        <v>517.63341000000003</v>
      </c>
      <c r="AB183">
        <f t="shared" si="25"/>
        <v>14.154200791009824</v>
      </c>
      <c r="AC183">
        <f t="shared" si="26"/>
        <v>2.2029841742130296</v>
      </c>
    </row>
    <row r="184" spans="1:29" x14ac:dyDescent="0.4">
      <c r="A184">
        <v>181</v>
      </c>
      <c r="B184">
        <f t="shared" si="18"/>
        <v>6.0333333333333332</v>
      </c>
      <c r="C184">
        <v>502.88272000000001</v>
      </c>
      <c r="D184">
        <v>521.39099999999996</v>
      </c>
      <c r="E184">
        <v>0.90878296000000003</v>
      </c>
      <c r="F184">
        <v>634.07799999999997</v>
      </c>
      <c r="G184">
        <v>460.36180000000002</v>
      </c>
      <c r="H184">
        <v>0.99802475999999996</v>
      </c>
      <c r="I184">
        <v>620.04926</v>
      </c>
      <c r="J184">
        <v>604.34973000000002</v>
      </c>
      <c r="K184">
        <v>0.87956460000000003</v>
      </c>
      <c r="L184">
        <f t="shared" si="19"/>
        <v>585.66999333333331</v>
      </c>
      <c r="M184">
        <f t="shared" si="20"/>
        <v>528.70084333333341</v>
      </c>
      <c r="N184">
        <f t="shared" si="21"/>
        <v>-13.716418392119492</v>
      </c>
      <c r="O184">
        <f t="shared" si="22"/>
        <v>1.9846150664582098</v>
      </c>
      <c r="Q184">
        <v>1186.8251</v>
      </c>
      <c r="R184">
        <v>524.6078</v>
      </c>
      <c r="S184">
        <v>1</v>
      </c>
      <c r="T184">
        <v>1304.7452000000001</v>
      </c>
      <c r="U184">
        <v>441.96132999999998</v>
      </c>
      <c r="V184">
        <v>0.94936275000000003</v>
      </c>
      <c r="W184">
        <v>1316.0518</v>
      </c>
      <c r="X184">
        <v>586.25239999999997</v>
      </c>
      <c r="Y184">
        <v>0.93251174999999997</v>
      </c>
      <c r="Z184">
        <f t="shared" si="23"/>
        <v>1269.2073666666668</v>
      </c>
      <c r="AA184">
        <f t="shared" si="24"/>
        <v>517.60717666666665</v>
      </c>
      <c r="AB184">
        <f t="shared" si="25"/>
        <v>14.147770777276639</v>
      </c>
      <c r="AC184">
        <f t="shared" si="26"/>
        <v>2.2041099043378423</v>
      </c>
    </row>
    <row r="185" spans="1:29" x14ac:dyDescent="0.4">
      <c r="A185">
        <v>182</v>
      </c>
      <c r="B185">
        <f t="shared" si="18"/>
        <v>6.0666666666666664</v>
      </c>
      <c r="C185">
        <v>502.99329999999998</v>
      </c>
      <c r="D185">
        <v>521.36059999999998</v>
      </c>
      <c r="E185">
        <v>0.90415409999999996</v>
      </c>
      <c r="F185">
        <v>634.28800000000001</v>
      </c>
      <c r="G185">
        <v>460.30509999999998</v>
      </c>
      <c r="H185">
        <v>1</v>
      </c>
      <c r="I185">
        <v>620.3116</v>
      </c>
      <c r="J185">
        <v>604.30089999999996</v>
      </c>
      <c r="K185">
        <v>0.87659794000000002</v>
      </c>
      <c r="L185">
        <f t="shared" si="19"/>
        <v>585.86430000000007</v>
      </c>
      <c r="M185">
        <f t="shared" si="20"/>
        <v>528.65553333333332</v>
      </c>
      <c r="N185">
        <f t="shared" si="21"/>
        <v>-13.708564746984635</v>
      </c>
      <c r="O185">
        <f t="shared" si="22"/>
        <v>1.9864003721888173</v>
      </c>
      <c r="Q185">
        <v>1186.5608999999999</v>
      </c>
      <c r="R185">
        <v>524.60730000000001</v>
      </c>
      <c r="S185">
        <v>1</v>
      </c>
      <c r="T185">
        <v>1304.5926999999999</v>
      </c>
      <c r="U185">
        <v>441.93761999999998</v>
      </c>
      <c r="V185">
        <v>0.96054225999999998</v>
      </c>
      <c r="W185">
        <v>1315.9513999999999</v>
      </c>
      <c r="X185">
        <v>586.21783000000005</v>
      </c>
      <c r="Y185">
        <v>0.92717059999999996</v>
      </c>
      <c r="Z185">
        <f t="shared" si="23"/>
        <v>1269.0349999999999</v>
      </c>
      <c r="AA185">
        <f t="shared" si="24"/>
        <v>517.58758333333333</v>
      </c>
      <c r="AB185">
        <f t="shared" si="25"/>
        <v>14.140679835115399</v>
      </c>
      <c r="AC185">
        <f t="shared" si="26"/>
        <v>2.2049701817299772</v>
      </c>
    </row>
    <row r="186" spans="1:29" x14ac:dyDescent="0.4">
      <c r="A186">
        <v>183</v>
      </c>
      <c r="B186">
        <f t="shared" si="18"/>
        <v>6.1</v>
      </c>
      <c r="C186">
        <v>503.22732999999999</v>
      </c>
      <c r="D186">
        <v>521.36896000000002</v>
      </c>
      <c r="E186">
        <v>0.90899854999999996</v>
      </c>
      <c r="F186">
        <v>634.49426000000005</v>
      </c>
      <c r="G186">
        <v>460.3186</v>
      </c>
      <c r="H186">
        <v>1</v>
      </c>
      <c r="I186">
        <v>620.56115999999997</v>
      </c>
      <c r="J186">
        <v>604.32910000000004</v>
      </c>
      <c r="K186">
        <v>0.87712294000000002</v>
      </c>
      <c r="L186">
        <f t="shared" si="19"/>
        <v>586.09424999999999</v>
      </c>
      <c r="M186">
        <f t="shared" si="20"/>
        <v>528.67222000000004</v>
      </c>
      <c r="N186">
        <f t="shared" si="21"/>
        <v>-13.69929313524951</v>
      </c>
      <c r="O186">
        <f t="shared" si="22"/>
        <v>1.9856426791007382</v>
      </c>
      <c r="Q186">
        <v>1186.2881</v>
      </c>
      <c r="R186">
        <v>524.58234000000004</v>
      </c>
      <c r="S186">
        <v>1</v>
      </c>
      <c r="T186">
        <v>1304.5277000000001</v>
      </c>
      <c r="U186">
        <v>441.91626000000002</v>
      </c>
      <c r="V186">
        <v>0.95839673000000003</v>
      </c>
      <c r="W186">
        <v>1315.6914999999999</v>
      </c>
      <c r="X186">
        <v>586.15269999999998</v>
      </c>
      <c r="Y186">
        <v>0.92581844000000002</v>
      </c>
      <c r="Z186">
        <f t="shared" si="23"/>
        <v>1268.8357666666668</v>
      </c>
      <c r="AA186">
        <f t="shared" si="24"/>
        <v>517.55043333333333</v>
      </c>
      <c r="AB186">
        <f t="shared" si="25"/>
        <v>14.132488376538017</v>
      </c>
      <c r="AC186">
        <f t="shared" si="26"/>
        <v>2.2065565831270688</v>
      </c>
    </row>
    <row r="187" spans="1:29" x14ac:dyDescent="0.4">
      <c r="A187">
        <v>184</v>
      </c>
      <c r="B187">
        <f t="shared" si="18"/>
        <v>6.1333333333333337</v>
      </c>
      <c r="C187">
        <v>503.58926000000002</v>
      </c>
      <c r="D187">
        <v>521.24536000000001</v>
      </c>
      <c r="E187">
        <v>0.89935639999999994</v>
      </c>
      <c r="F187">
        <v>634.6979</v>
      </c>
      <c r="G187">
        <v>460.23876999999999</v>
      </c>
      <c r="H187">
        <v>1</v>
      </c>
      <c r="I187">
        <v>620.70090000000005</v>
      </c>
      <c r="J187">
        <v>604.26044000000002</v>
      </c>
      <c r="K187">
        <v>0.87454902999999995</v>
      </c>
      <c r="L187">
        <f t="shared" si="19"/>
        <v>586.32935333333342</v>
      </c>
      <c r="M187">
        <f t="shared" si="20"/>
        <v>528.58152333333339</v>
      </c>
      <c r="N187">
        <f t="shared" si="21"/>
        <v>-13.689778799950416</v>
      </c>
      <c r="O187">
        <f t="shared" si="22"/>
        <v>1.9892674333684124</v>
      </c>
      <c r="Q187">
        <v>1185.9655</v>
      </c>
      <c r="R187">
        <v>524.57180000000005</v>
      </c>
      <c r="S187">
        <v>1</v>
      </c>
      <c r="T187">
        <v>1304.3342</v>
      </c>
      <c r="U187">
        <v>441.91913</v>
      </c>
      <c r="V187">
        <v>0.95440320000000001</v>
      </c>
      <c r="W187">
        <v>1315.5079000000001</v>
      </c>
      <c r="X187">
        <v>586.13660000000004</v>
      </c>
      <c r="Y187">
        <v>0.93220824000000002</v>
      </c>
      <c r="Z187">
        <f t="shared" si="23"/>
        <v>1268.6025333333334</v>
      </c>
      <c r="AA187">
        <f t="shared" si="24"/>
        <v>517.54251000000011</v>
      </c>
      <c r="AB187">
        <f t="shared" si="25"/>
        <v>14.122887550216571</v>
      </c>
      <c r="AC187">
        <f t="shared" si="26"/>
        <v>2.2069617986678294</v>
      </c>
    </row>
    <row r="188" spans="1:29" x14ac:dyDescent="0.4">
      <c r="A188">
        <v>185</v>
      </c>
      <c r="B188">
        <f t="shared" si="18"/>
        <v>6.166666666666667</v>
      </c>
      <c r="C188">
        <v>503.73739999999998</v>
      </c>
      <c r="D188">
        <v>521.52049999999997</v>
      </c>
      <c r="E188">
        <v>0.89840573000000001</v>
      </c>
      <c r="F188">
        <v>634.99310000000003</v>
      </c>
      <c r="G188">
        <v>460.15404999999998</v>
      </c>
      <c r="H188">
        <v>0.99714583000000001</v>
      </c>
      <c r="I188">
        <v>620.87634000000003</v>
      </c>
      <c r="J188">
        <v>604.25639999999999</v>
      </c>
      <c r="K188">
        <v>0.87076724000000005</v>
      </c>
      <c r="L188">
        <f t="shared" si="19"/>
        <v>586.53561333333334</v>
      </c>
      <c r="M188">
        <f t="shared" si="20"/>
        <v>528.64364999999998</v>
      </c>
      <c r="N188">
        <f t="shared" si="21"/>
        <v>-13.681477520394415</v>
      </c>
      <c r="O188">
        <f t="shared" si="22"/>
        <v>1.9866624235576535</v>
      </c>
      <c r="Q188">
        <v>1185.8626999999999</v>
      </c>
      <c r="R188">
        <v>524.65840000000003</v>
      </c>
      <c r="S188">
        <v>1</v>
      </c>
      <c r="T188">
        <v>1304.2252000000001</v>
      </c>
      <c r="U188">
        <v>441.95434999999998</v>
      </c>
      <c r="V188">
        <v>0.94482520000000003</v>
      </c>
      <c r="W188">
        <v>1315.3995</v>
      </c>
      <c r="X188">
        <v>586.11255000000006</v>
      </c>
      <c r="Y188">
        <v>0.93064199999999997</v>
      </c>
      <c r="Z188">
        <f t="shared" si="23"/>
        <v>1268.4957999999999</v>
      </c>
      <c r="AA188">
        <f t="shared" si="24"/>
        <v>517.57510000000002</v>
      </c>
      <c r="AB188">
        <f t="shared" si="25"/>
        <v>14.118482264100177</v>
      </c>
      <c r="AC188">
        <f t="shared" si="26"/>
        <v>2.2056688126601678</v>
      </c>
    </row>
    <row r="189" spans="1:29" x14ac:dyDescent="0.4">
      <c r="A189">
        <v>186</v>
      </c>
      <c r="B189">
        <f t="shared" si="18"/>
        <v>6.2</v>
      </c>
      <c r="C189">
        <v>503.98433999999997</v>
      </c>
      <c r="D189">
        <v>521.30669999999998</v>
      </c>
      <c r="E189">
        <v>0.89533890000000005</v>
      </c>
      <c r="F189">
        <v>635.24810000000002</v>
      </c>
      <c r="G189">
        <v>460.08514000000002</v>
      </c>
      <c r="H189">
        <v>0.99214409999999997</v>
      </c>
      <c r="I189">
        <v>621.06830000000002</v>
      </c>
      <c r="J189">
        <v>604.23530000000005</v>
      </c>
      <c r="K189">
        <v>0.87010120000000002</v>
      </c>
      <c r="L189">
        <f t="shared" si="19"/>
        <v>586.76691333333338</v>
      </c>
      <c r="M189">
        <f t="shared" si="20"/>
        <v>528.54237999999998</v>
      </c>
      <c r="N189">
        <f t="shared" si="21"/>
        <v>-13.672113080564573</v>
      </c>
      <c r="O189">
        <f t="shared" si="22"/>
        <v>1.9907201173177469</v>
      </c>
      <c r="Q189">
        <v>1185.6110000000001</v>
      </c>
      <c r="R189">
        <v>524.55619999999999</v>
      </c>
      <c r="S189">
        <v>1</v>
      </c>
      <c r="T189">
        <v>1304.1575</v>
      </c>
      <c r="U189">
        <v>441.85446000000002</v>
      </c>
      <c r="V189">
        <v>0.93819819999999998</v>
      </c>
      <c r="W189">
        <v>1315.1741</v>
      </c>
      <c r="X189">
        <v>586.14306999999997</v>
      </c>
      <c r="Y189">
        <v>0.92963169999999995</v>
      </c>
      <c r="Z189">
        <f t="shared" si="23"/>
        <v>1268.3142</v>
      </c>
      <c r="AA189">
        <f t="shared" si="24"/>
        <v>517.51791000000003</v>
      </c>
      <c r="AB189">
        <f t="shared" si="25"/>
        <v>14.111023473229128</v>
      </c>
      <c r="AC189">
        <f t="shared" si="26"/>
        <v>2.2080671109495467</v>
      </c>
    </row>
    <row r="190" spans="1:29" x14ac:dyDescent="0.4">
      <c r="A190">
        <v>187</v>
      </c>
      <c r="B190">
        <f t="shared" si="18"/>
        <v>6.2333333333333334</v>
      </c>
      <c r="C190">
        <v>504.16723999999999</v>
      </c>
      <c r="D190">
        <v>521.24289999999996</v>
      </c>
      <c r="E190">
        <v>0.89787260000000002</v>
      </c>
      <c r="F190">
        <v>635.44640000000004</v>
      </c>
      <c r="G190">
        <v>460.04453000000001</v>
      </c>
      <c r="H190">
        <v>0.99900836000000004</v>
      </c>
      <c r="I190">
        <v>621.32195999999999</v>
      </c>
      <c r="J190">
        <v>604.28539999999998</v>
      </c>
      <c r="K190">
        <v>0.87225629999999998</v>
      </c>
      <c r="L190">
        <f t="shared" si="19"/>
        <v>586.9785333333333</v>
      </c>
      <c r="M190">
        <f t="shared" si="20"/>
        <v>528.52427666666665</v>
      </c>
      <c r="N190">
        <f t="shared" si="21"/>
        <v>-13.663569477587769</v>
      </c>
      <c r="O190">
        <f t="shared" si="22"/>
        <v>1.991388889035941</v>
      </c>
      <c r="Q190">
        <v>1185.5612000000001</v>
      </c>
      <c r="R190">
        <v>524.53599999999994</v>
      </c>
      <c r="S190">
        <v>1</v>
      </c>
      <c r="T190">
        <v>1304.0210999999999</v>
      </c>
      <c r="U190">
        <v>441.78586000000001</v>
      </c>
      <c r="V190">
        <v>0.94325139999999996</v>
      </c>
      <c r="W190">
        <v>1315.0178000000001</v>
      </c>
      <c r="X190">
        <v>586.16639999999995</v>
      </c>
      <c r="Y190">
        <v>0.92784250000000001</v>
      </c>
      <c r="Z190">
        <f t="shared" si="23"/>
        <v>1268.2000333333333</v>
      </c>
      <c r="AA190">
        <f t="shared" si="24"/>
        <v>517.49608666666666</v>
      </c>
      <c r="AB190">
        <f t="shared" si="25"/>
        <v>14.106329789900773</v>
      </c>
      <c r="AC190">
        <f t="shared" si="26"/>
        <v>2.2089980148751476</v>
      </c>
    </row>
    <row r="191" spans="1:29" x14ac:dyDescent="0.4">
      <c r="A191">
        <v>188</v>
      </c>
      <c r="B191">
        <f t="shared" si="18"/>
        <v>6.2666666666666666</v>
      </c>
      <c r="C191">
        <v>504.37580000000003</v>
      </c>
      <c r="D191">
        <v>521.14702999999997</v>
      </c>
      <c r="E191">
        <v>0.89162819999999998</v>
      </c>
      <c r="F191">
        <v>635.60249999999996</v>
      </c>
      <c r="G191">
        <v>460.0641</v>
      </c>
      <c r="H191">
        <v>0.98639153999999996</v>
      </c>
      <c r="I191">
        <v>621.52880000000005</v>
      </c>
      <c r="J191">
        <v>604.298</v>
      </c>
      <c r="K191">
        <v>0.87048024000000002</v>
      </c>
      <c r="L191">
        <f t="shared" si="19"/>
        <v>587.16903333333335</v>
      </c>
      <c r="M191">
        <f t="shared" si="20"/>
        <v>528.50304333333327</v>
      </c>
      <c r="N191">
        <f t="shared" si="21"/>
        <v>-13.655876894897764</v>
      </c>
      <c r="O191">
        <f t="shared" si="22"/>
        <v>1.992192468218007</v>
      </c>
      <c r="Q191">
        <v>1185.4465</v>
      </c>
      <c r="R191">
        <v>524.53954999999996</v>
      </c>
      <c r="S191">
        <v>0.99748440000000005</v>
      </c>
      <c r="T191">
        <v>1303.92</v>
      </c>
      <c r="U191">
        <v>441.92239999999998</v>
      </c>
      <c r="V191">
        <v>0.94597600000000004</v>
      </c>
      <c r="W191">
        <v>1314.867</v>
      </c>
      <c r="X191">
        <v>586.28719999999998</v>
      </c>
      <c r="Y191">
        <v>0.92229289999999997</v>
      </c>
      <c r="Z191">
        <f t="shared" si="23"/>
        <v>1268.0778333333335</v>
      </c>
      <c r="AA191">
        <f t="shared" si="24"/>
        <v>517.58304999999996</v>
      </c>
      <c r="AB191">
        <f t="shared" si="25"/>
        <v>14.10127011177487</v>
      </c>
      <c r="AC191">
        <f t="shared" si="26"/>
        <v>2.2054907978954565</v>
      </c>
    </row>
    <row r="192" spans="1:29" x14ac:dyDescent="0.4">
      <c r="A192">
        <v>189</v>
      </c>
      <c r="B192">
        <f t="shared" si="18"/>
        <v>6.3</v>
      </c>
      <c r="C192">
        <v>504.55092999999999</v>
      </c>
      <c r="D192">
        <v>521.09299999999996</v>
      </c>
      <c r="E192">
        <v>0.88697490000000001</v>
      </c>
      <c r="F192">
        <v>635.78765999999996</v>
      </c>
      <c r="G192">
        <v>460.01593000000003</v>
      </c>
      <c r="H192">
        <v>0.98385069999999997</v>
      </c>
      <c r="I192">
        <v>621.76639999999998</v>
      </c>
      <c r="J192">
        <v>604.29899999999998</v>
      </c>
      <c r="K192">
        <v>0.87403869999999995</v>
      </c>
      <c r="L192">
        <f t="shared" si="19"/>
        <v>587.3683299999999</v>
      </c>
      <c r="M192">
        <f t="shared" si="20"/>
        <v>528.46930999999995</v>
      </c>
      <c r="N192">
        <f t="shared" si="21"/>
        <v>-13.647825318425994</v>
      </c>
      <c r="O192">
        <f t="shared" si="22"/>
        <v>1.9935034616131999</v>
      </c>
      <c r="Q192">
        <v>1185.2629999999999</v>
      </c>
      <c r="R192">
        <v>524.54156</v>
      </c>
      <c r="S192">
        <v>0.98873109999999997</v>
      </c>
      <c r="T192">
        <v>1303.752</v>
      </c>
      <c r="U192">
        <v>441.85199999999998</v>
      </c>
      <c r="V192">
        <v>0.94518210000000003</v>
      </c>
      <c r="W192">
        <v>1314.7551000000001</v>
      </c>
      <c r="X192">
        <v>586.31200000000001</v>
      </c>
      <c r="Y192">
        <v>0.9205139</v>
      </c>
      <c r="Z192">
        <f t="shared" si="23"/>
        <v>1267.9233666666667</v>
      </c>
      <c r="AA192">
        <f t="shared" si="24"/>
        <v>517.56851999999992</v>
      </c>
      <c r="AB192">
        <f t="shared" si="25"/>
        <v>14.094914782128441</v>
      </c>
      <c r="AC192">
        <f t="shared" si="26"/>
        <v>2.2061380973106144</v>
      </c>
    </row>
    <row r="193" spans="1:29" x14ac:dyDescent="0.4">
      <c r="A193">
        <v>190</v>
      </c>
      <c r="B193">
        <f t="shared" si="18"/>
        <v>6.333333333333333</v>
      </c>
      <c r="C193">
        <v>504.69979999999998</v>
      </c>
      <c r="D193">
        <v>521.13513</v>
      </c>
      <c r="E193">
        <v>0.89324117000000003</v>
      </c>
      <c r="F193">
        <v>635.89790000000005</v>
      </c>
      <c r="G193">
        <v>459.98239999999998</v>
      </c>
      <c r="H193">
        <v>0.99065769999999997</v>
      </c>
      <c r="I193">
        <v>621.94500000000005</v>
      </c>
      <c r="J193">
        <v>604.26482999999996</v>
      </c>
      <c r="K193">
        <v>0.8733339</v>
      </c>
      <c r="L193">
        <f t="shared" si="19"/>
        <v>587.51423333333332</v>
      </c>
      <c r="M193">
        <f t="shared" si="20"/>
        <v>528.46078666666665</v>
      </c>
      <c r="N193">
        <f t="shared" si="21"/>
        <v>-13.64193603363735</v>
      </c>
      <c r="O193">
        <f t="shared" si="22"/>
        <v>1.9938029488546078</v>
      </c>
      <c r="Q193">
        <v>1185.1864</v>
      </c>
      <c r="R193">
        <v>524.50819999999999</v>
      </c>
      <c r="S193">
        <v>0.98449129999999996</v>
      </c>
      <c r="T193">
        <v>1303.2023999999999</v>
      </c>
      <c r="U193">
        <v>441.99722000000003</v>
      </c>
      <c r="V193">
        <v>0.95093150000000004</v>
      </c>
      <c r="W193">
        <v>1314.4513999999999</v>
      </c>
      <c r="X193">
        <v>586.30809999999997</v>
      </c>
      <c r="Y193">
        <v>0.91950160000000003</v>
      </c>
      <c r="Z193">
        <f t="shared" si="23"/>
        <v>1267.6134</v>
      </c>
      <c r="AA193">
        <f t="shared" si="24"/>
        <v>517.60450666666668</v>
      </c>
      <c r="AB193">
        <f t="shared" si="25"/>
        <v>14.08214059052712</v>
      </c>
      <c r="AC193">
        <f t="shared" si="26"/>
        <v>2.2047776917313846</v>
      </c>
    </row>
    <row r="194" spans="1:29" x14ac:dyDescent="0.4">
      <c r="A194">
        <v>191</v>
      </c>
      <c r="B194">
        <f t="shared" si="18"/>
        <v>6.3666666666666663</v>
      </c>
      <c r="C194">
        <v>504.77224999999999</v>
      </c>
      <c r="D194">
        <v>521.17205999999999</v>
      </c>
      <c r="E194">
        <v>0.89554535999999996</v>
      </c>
      <c r="F194">
        <v>636.05050000000006</v>
      </c>
      <c r="G194">
        <v>459.98016000000001</v>
      </c>
      <c r="H194">
        <v>0.99377959999999999</v>
      </c>
      <c r="I194">
        <v>622.61900000000003</v>
      </c>
      <c r="J194">
        <v>604.20159999999998</v>
      </c>
      <c r="K194">
        <v>0.86694970000000005</v>
      </c>
      <c r="L194">
        <f t="shared" si="19"/>
        <v>587.81391666666661</v>
      </c>
      <c r="M194">
        <f t="shared" si="20"/>
        <v>528.45127333333323</v>
      </c>
      <c r="N194">
        <f t="shared" si="21"/>
        <v>-13.629842033675569</v>
      </c>
      <c r="O194">
        <f t="shared" si="22"/>
        <v>1.994091739022956</v>
      </c>
      <c r="Q194">
        <v>1185.0168000000001</v>
      </c>
      <c r="R194">
        <v>524.42399999999998</v>
      </c>
      <c r="S194">
        <v>0.97885953999999997</v>
      </c>
      <c r="T194">
        <v>1303.1166000000001</v>
      </c>
      <c r="U194">
        <v>442.09444999999999</v>
      </c>
      <c r="V194">
        <v>0.95797734999999995</v>
      </c>
      <c r="W194">
        <v>1314.2578000000001</v>
      </c>
      <c r="X194">
        <v>586.37189999999998</v>
      </c>
      <c r="Y194">
        <v>0.92397770000000001</v>
      </c>
      <c r="Z194">
        <f t="shared" si="23"/>
        <v>1267.4637333333333</v>
      </c>
      <c r="AA194">
        <f t="shared" si="24"/>
        <v>517.63011666666671</v>
      </c>
      <c r="AB194">
        <f t="shared" si="25"/>
        <v>14.07596997688926</v>
      </c>
      <c r="AC194">
        <f t="shared" si="26"/>
        <v>2.2037846928697022</v>
      </c>
    </row>
    <row r="195" spans="1:29" x14ac:dyDescent="0.4">
      <c r="A195">
        <v>192</v>
      </c>
      <c r="B195">
        <f t="shared" si="18"/>
        <v>6.4</v>
      </c>
      <c r="C195">
        <v>505.00783999999999</v>
      </c>
      <c r="D195">
        <v>521.19240000000002</v>
      </c>
      <c r="E195">
        <v>0.89373029999999998</v>
      </c>
      <c r="F195">
        <v>636.18604000000005</v>
      </c>
      <c r="G195">
        <v>460.01772999999997</v>
      </c>
      <c r="H195">
        <v>0.99450609999999995</v>
      </c>
      <c r="I195">
        <v>622.83119999999997</v>
      </c>
      <c r="J195">
        <v>604.19380000000001</v>
      </c>
      <c r="K195">
        <v>0.87511903000000002</v>
      </c>
      <c r="L195">
        <f t="shared" si="19"/>
        <v>588.00835999999993</v>
      </c>
      <c r="M195">
        <f t="shared" si="20"/>
        <v>528.46797666666669</v>
      </c>
      <c r="N195">
        <f t="shared" si="21"/>
        <v>-13.62200243694156</v>
      </c>
      <c r="O195">
        <f t="shared" si="22"/>
        <v>1.9933451574041161</v>
      </c>
      <c r="Q195">
        <v>1184.8964000000001</v>
      </c>
      <c r="R195">
        <v>524.37805000000003</v>
      </c>
      <c r="S195">
        <v>0.9771782</v>
      </c>
      <c r="T195">
        <v>1302.8615</v>
      </c>
      <c r="U195">
        <v>442.12896999999998</v>
      </c>
      <c r="V195">
        <v>0.96250575999999999</v>
      </c>
      <c r="W195">
        <v>1314.0192</v>
      </c>
      <c r="X195">
        <v>586.46690000000001</v>
      </c>
      <c r="Y195">
        <v>0.924987</v>
      </c>
      <c r="Z195">
        <f t="shared" si="23"/>
        <v>1267.2590333333335</v>
      </c>
      <c r="AA195">
        <f t="shared" si="24"/>
        <v>517.6579733333333</v>
      </c>
      <c r="AB195">
        <f t="shared" si="25"/>
        <v>14.067532758668394</v>
      </c>
      <c r="AC195">
        <f t="shared" si="26"/>
        <v>2.2027192697977971</v>
      </c>
    </row>
    <row r="196" spans="1:29" x14ac:dyDescent="0.4">
      <c r="A196">
        <v>193</v>
      </c>
      <c r="B196">
        <f t="shared" ref="B196:B259" si="27">A196/30</f>
        <v>6.4333333333333336</v>
      </c>
      <c r="C196">
        <v>505.33316000000002</v>
      </c>
      <c r="D196">
        <v>521.28485000000001</v>
      </c>
      <c r="E196">
        <v>0.89964599999999995</v>
      </c>
      <c r="F196">
        <v>636.40020000000004</v>
      </c>
      <c r="G196">
        <v>459.93884000000003</v>
      </c>
      <c r="H196">
        <v>1</v>
      </c>
      <c r="I196">
        <v>623.19335999999998</v>
      </c>
      <c r="J196">
        <v>604.1925</v>
      </c>
      <c r="K196">
        <v>0.89283084999999995</v>
      </c>
      <c r="L196">
        <f t="shared" ref="L196:L259" si="28">(C196+F196+I196)/3</f>
        <v>588.30890666666676</v>
      </c>
      <c r="M196">
        <f t="shared" ref="M196:M259" si="29">(D196+G196+J196)/3</f>
        <v>528.47206333333327</v>
      </c>
      <c r="N196">
        <f t="shared" ref="N196:N259" si="30" xml:space="preserve"> -36.96+0.03963*L196-0.0003398*M196+6.089*10^(-7)*L196^2+1.529*10^(-8)*M196^2</f>
        <v>-13.609877825717506</v>
      </c>
      <c r="O196">
        <f t="shared" ref="O196:O259" si="31" xml:space="preserve"> 23.7-0.0003167*L196-0.0406*M196-1.335*10^(-8)*L196^2-2.149*10^(-7)*M196^2</f>
        <v>1.9930784076418893</v>
      </c>
      <c r="Q196">
        <v>1184.6479999999999</v>
      </c>
      <c r="R196">
        <v>524.36126999999999</v>
      </c>
      <c r="S196">
        <v>0.97040409999999999</v>
      </c>
      <c r="T196">
        <v>1302.6637000000001</v>
      </c>
      <c r="U196">
        <v>442.14550000000003</v>
      </c>
      <c r="V196">
        <v>0.96881276000000005</v>
      </c>
      <c r="W196">
        <v>1313.7734</v>
      </c>
      <c r="X196">
        <v>586.41363999999999</v>
      </c>
      <c r="Y196">
        <v>0.91591995999999998</v>
      </c>
      <c r="Z196">
        <f t="shared" ref="Z196:Z259" si="32">(Q196+T196+W196)/3</f>
        <v>1267.0283666666667</v>
      </c>
      <c r="AA196">
        <f t="shared" ref="AA196:AA259" si="33">(R196+U196+X196)/3</f>
        <v>517.64013666666665</v>
      </c>
      <c r="AB196">
        <f t="shared" ref="AB196:AB259" si="34" xml:space="preserve"> -36.96+0.03963*Z196-0.0003398*AA196+6.089*10^(-7)*Z196^2+1.529*10^(-8)*AA196^2</f>
        <v>14.058041269119251</v>
      </c>
      <c r="AC196">
        <f t="shared" ref="AC196:AC259" si="35" xml:space="preserve"> 23.7-0.0003167*Z196-0.0406*AA196-1.335*10^(-8)*Z196^2-2.149*10^(-7)*AA196^2</f>
        <v>2.20352826308326</v>
      </c>
    </row>
    <row r="197" spans="1:29" x14ac:dyDescent="0.4">
      <c r="A197">
        <v>194</v>
      </c>
      <c r="B197">
        <f t="shared" si="27"/>
        <v>6.4666666666666668</v>
      </c>
      <c r="C197">
        <v>505.70949999999999</v>
      </c>
      <c r="D197">
        <v>521.32275000000004</v>
      </c>
      <c r="E197">
        <v>0.90442944000000003</v>
      </c>
      <c r="F197">
        <v>636.66880000000003</v>
      </c>
      <c r="G197">
        <v>459.92649999999998</v>
      </c>
      <c r="H197">
        <v>0.99687654000000003</v>
      </c>
      <c r="I197">
        <v>623.46735000000001</v>
      </c>
      <c r="J197">
        <v>604.10429999999997</v>
      </c>
      <c r="K197">
        <v>0.90554639999999997</v>
      </c>
      <c r="L197">
        <f t="shared" si="28"/>
        <v>588.6152166666667</v>
      </c>
      <c r="M197">
        <f t="shared" si="29"/>
        <v>528.45118333333335</v>
      </c>
      <c r="N197">
        <f t="shared" si="30"/>
        <v>-13.597512492162531</v>
      </c>
      <c r="O197">
        <f t="shared" si="31"/>
        <v>1.9938290570744317</v>
      </c>
      <c r="Q197">
        <v>1184.3556000000001</v>
      </c>
      <c r="R197">
        <v>524.3877</v>
      </c>
      <c r="S197">
        <v>0.9600265</v>
      </c>
      <c r="T197">
        <v>1302.5209</v>
      </c>
      <c r="U197">
        <v>442.16424999999998</v>
      </c>
      <c r="V197">
        <v>0.96995039999999999</v>
      </c>
      <c r="W197">
        <v>1313.3398</v>
      </c>
      <c r="X197">
        <v>586.47280000000001</v>
      </c>
      <c r="Y197">
        <v>0.90003370000000005</v>
      </c>
      <c r="Z197">
        <f t="shared" si="32"/>
        <v>1266.7387666666666</v>
      </c>
      <c r="AA197">
        <f t="shared" si="33"/>
        <v>517.67491666666672</v>
      </c>
      <c r="AB197">
        <f t="shared" si="34"/>
        <v>14.046106355431657</v>
      </c>
      <c r="AC197">
        <f t="shared" si="35"/>
        <v>2.2022099691778472</v>
      </c>
    </row>
    <row r="198" spans="1:29" x14ac:dyDescent="0.4">
      <c r="A198">
        <v>195</v>
      </c>
      <c r="B198">
        <f t="shared" si="27"/>
        <v>6.5</v>
      </c>
      <c r="C198">
        <v>506.06903</v>
      </c>
      <c r="D198">
        <v>521.33545000000004</v>
      </c>
      <c r="E198">
        <v>0.90318507000000003</v>
      </c>
      <c r="F198">
        <v>636.95029999999997</v>
      </c>
      <c r="G198">
        <v>459.82697000000002</v>
      </c>
      <c r="H198">
        <v>0.99694119999999997</v>
      </c>
      <c r="I198">
        <v>623.68413999999996</v>
      </c>
      <c r="J198">
        <v>604.11400000000003</v>
      </c>
      <c r="K198">
        <v>0.92073894000000001</v>
      </c>
      <c r="L198">
        <f t="shared" si="28"/>
        <v>588.90115666666668</v>
      </c>
      <c r="M198">
        <f t="shared" si="29"/>
        <v>528.42547333333334</v>
      </c>
      <c r="N198">
        <f t="shared" si="30"/>
        <v>-13.58596735312852</v>
      </c>
      <c r="O198">
        <f t="shared" si="31"/>
        <v>1.9947836702713786</v>
      </c>
      <c r="Q198">
        <v>1183.6442999999999</v>
      </c>
      <c r="R198">
        <v>524.62879999999996</v>
      </c>
      <c r="S198">
        <v>0.96485100000000001</v>
      </c>
      <c r="T198">
        <v>1302.3</v>
      </c>
      <c r="U198">
        <v>442.11255</v>
      </c>
      <c r="V198">
        <v>0.97333102999999999</v>
      </c>
      <c r="W198">
        <v>1313.1493</v>
      </c>
      <c r="X198">
        <v>586.36632999999995</v>
      </c>
      <c r="Y198">
        <v>0.89200984999999999</v>
      </c>
      <c r="Z198">
        <f t="shared" si="32"/>
        <v>1266.3645333333334</v>
      </c>
      <c r="AA198">
        <f t="shared" si="33"/>
        <v>517.70256000000006</v>
      </c>
      <c r="AB198">
        <f t="shared" si="34"/>
        <v>14.030689312883403</v>
      </c>
      <c r="AC198">
        <f t="shared" si="35"/>
        <v>2.2012126742491791</v>
      </c>
    </row>
    <row r="199" spans="1:29" x14ac:dyDescent="0.4">
      <c r="A199">
        <v>196</v>
      </c>
      <c r="B199">
        <f t="shared" si="27"/>
        <v>6.5333333333333332</v>
      </c>
      <c r="C199">
        <v>506.22340000000003</v>
      </c>
      <c r="D199">
        <v>521.19146999999998</v>
      </c>
      <c r="E199">
        <v>0.90927119999999995</v>
      </c>
      <c r="F199">
        <v>637.23479999999995</v>
      </c>
      <c r="G199">
        <v>459.87088</v>
      </c>
      <c r="H199">
        <v>1</v>
      </c>
      <c r="I199">
        <v>623.93679999999995</v>
      </c>
      <c r="J199">
        <v>604.16390000000001</v>
      </c>
      <c r="K199">
        <v>0.91675799999999996</v>
      </c>
      <c r="L199">
        <f t="shared" si="28"/>
        <v>589.13166666666666</v>
      </c>
      <c r="M199">
        <f t="shared" si="29"/>
        <v>528.40874999999994</v>
      </c>
      <c r="N199">
        <f t="shared" si="30"/>
        <v>-13.576661483684179</v>
      </c>
      <c r="O199">
        <f t="shared" si="31"/>
        <v>1.9953898080149803</v>
      </c>
      <c r="Q199">
        <v>1183.4640999999999</v>
      </c>
      <c r="R199">
        <v>524.46349999999995</v>
      </c>
      <c r="S199">
        <v>0.97298764999999998</v>
      </c>
      <c r="T199">
        <v>1302.1755000000001</v>
      </c>
      <c r="U199">
        <v>442.12997000000001</v>
      </c>
      <c r="V199">
        <v>0.97023769999999998</v>
      </c>
      <c r="W199">
        <v>1312.9957999999999</v>
      </c>
      <c r="X199">
        <v>586.39513999999997</v>
      </c>
      <c r="Y199">
        <v>0.89329504999999998</v>
      </c>
      <c r="Z199">
        <f t="shared" si="32"/>
        <v>1266.2118</v>
      </c>
      <c r="AA199">
        <f t="shared" si="33"/>
        <v>517.66287</v>
      </c>
      <c r="AB199">
        <f t="shared" si="34"/>
        <v>14.024413821329704</v>
      </c>
      <c r="AC199">
        <f t="shared" si="35"/>
        <v>2.2028864538198896</v>
      </c>
    </row>
    <row r="200" spans="1:29" x14ac:dyDescent="0.4">
      <c r="A200">
        <v>197</v>
      </c>
      <c r="B200">
        <f t="shared" si="27"/>
        <v>6.5666666666666664</v>
      </c>
      <c r="C200">
        <v>506.35390000000001</v>
      </c>
      <c r="D200">
        <v>521.14306999999997</v>
      </c>
      <c r="E200">
        <v>0.91849166000000004</v>
      </c>
      <c r="F200">
        <v>637.4248</v>
      </c>
      <c r="G200">
        <v>459.79989999999998</v>
      </c>
      <c r="H200">
        <v>0.99751604000000005</v>
      </c>
      <c r="I200">
        <v>624.16949999999997</v>
      </c>
      <c r="J200">
        <v>604.11199999999997</v>
      </c>
      <c r="K200">
        <v>0.91259959999999996</v>
      </c>
      <c r="L200">
        <f t="shared" si="28"/>
        <v>589.31606666666664</v>
      </c>
      <c r="M200">
        <f t="shared" si="29"/>
        <v>528.3516566666666</v>
      </c>
      <c r="N200">
        <f t="shared" si="30"/>
        <v>-13.569202916397478</v>
      </c>
      <c r="O200">
        <f t="shared" si="31"/>
        <v>1.9976594626074371</v>
      </c>
      <c r="Q200">
        <v>1183.2815000000001</v>
      </c>
      <c r="R200">
        <v>524.4502</v>
      </c>
      <c r="S200">
        <v>0.98542070000000004</v>
      </c>
      <c r="T200">
        <v>1302.0962999999999</v>
      </c>
      <c r="U200">
        <v>442.09848</v>
      </c>
      <c r="V200">
        <v>0.96304553999999998</v>
      </c>
      <c r="W200">
        <v>1312.7366999999999</v>
      </c>
      <c r="X200">
        <v>586.47400000000005</v>
      </c>
      <c r="Y200">
        <v>0.89122789999999996</v>
      </c>
      <c r="Z200">
        <f t="shared" si="32"/>
        <v>1266.0381666666667</v>
      </c>
      <c r="AA200">
        <f t="shared" si="33"/>
        <v>517.67422666666664</v>
      </c>
      <c r="AB200">
        <f t="shared" si="34"/>
        <v>14.017261330133611</v>
      </c>
      <c r="AC200">
        <f t="shared" si="35"/>
        <v>2.2024837058084406</v>
      </c>
    </row>
    <row r="201" spans="1:29" x14ac:dyDescent="0.4">
      <c r="A201">
        <v>198</v>
      </c>
      <c r="B201">
        <f t="shared" si="27"/>
        <v>6.6</v>
      </c>
      <c r="C201">
        <v>506.46969999999999</v>
      </c>
      <c r="D201">
        <v>521.01729999999998</v>
      </c>
      <c r="E201">
        <v>0.91839795999999996</v>
      </c>
      <c r="F201">
        <v>637.61940000000004</v>
      </c>
      <c r="G201">
        <v>459.72582999999997</v>
      </c>
      <c r="H201">
        <v>0.99131619999999998</v>
      </c>
      <c r="I201">
        <v>624.30899999999997</v>
      </c>
      <c r="J201">
        <v>604.029</v>
      </c>
      <c r="K201">
        <v>0.90771246000000005</v>
      </c>
      <c r="L201">
        <f t="shared" si="28"/>
        <v>589.46603333333337</v>
      </c>
      <c r="M201">
        <f t="shared" si="29"/>
        <v>528.25737666666657</v>
      </c>
      <c r="N201">
        <f t="shared" si="30"/>
        <v>-13.56312158406117</v>
      </c>
      <c r="O201">
        <f t="shared" si="31"/>
        <v>2.0014587838922253</v>
      </c>
      <c r="Q201">
        <v>1183.0977</v>
      </c>
      <c r="R201">
        <v>524.36743000000001</v>
      </c>
      <c r="S201">
        <v>0.99458049999999998</v>
      </c>
      <c r="T201">
        <v>1302.0162</v>
      </c>
      <c r="U201">
        <v>442.10061999999999</v>
      </c>
      <c r="V201">
        <v>0.95699259999999997</v>
      </c>
      <c r="W201">
        <v>1312.6270999999999</v>
      </c>
      <c r="X201">
        <v>586.48059999999998</v>
      </c>
      <c r="Y201">
        <v>0.89636009999999999</v>
      </c>
      <c r="Z201">
        <f t="shared" si="32"/>
        <v>1265.9136666666666</v>
      </c>
      <c r="AA201">
        <f t="shared" si="33"/>
        <v>517.64954999999998</v>
      </c>
      <c r="AB201">
        <f t="shared" si="34"/>
        <v>14.012143447299639</v>
      </c>
      <c r="AC201">
        <f t="shared" si="35"/>
        <v>2.203534706257158</v>
      </c>
    </row>
    <row r="202" spans="1:29" x14ac:dyDescent="0.4">
      <c r="A202">
        <v>199</v>
      </c>
      <c r="B202">
        <f t="shared" si="27"/>
        <v>6.6333333333333337</v>
      </c>
      <c r="C202">
        <v>506.60129999999998</v>
      </c>
      <c r="D202">
        <v>521.03340000000003</v>
      </c>
      <c r="E202">
        <v>0.91485380000000005</v>
      </c>
      <c r="F202">
        <v>637.75885000000005</v>
      </c>
      <c r="G202">
        <v>459.73874000000001</v>
      </c>
      <c r="H202">
        <v>1</v>
      </c>
      <c r="I202">
        <v>624.42769999999996</v>
      </c>
      <c r="J202">
        <v>603.98940000000005</v>
      </c>
      <c r="K202">
        <v>0.90884929999999997</v>
      </c>
      <c r="L202">
        <f t="shared" si="28"/>
        <v>589.59595000000002</v>
      </c>
      <c r="M202">
        <f t="shared" si="29"/>
        <v>528.25384666666662</v>
      </c>
      <c r="N202">
        <f t="shared" si="30"/>
        <v>-13.55787857290915</v>
      </c>
      <c r="O202">
        <f t="shared" si="31"/>
        <v>2.0015597137997645</v>
      </c>
      <c r="Q202">
        <v>1182.9770000000001</v>
      </c>
      <c r="R202">
        <v>524.38793999999996</v>
      </c>
      <c r="S202">
        <v>1</v>
      </c>
      <c r="T202">
        <v>1301.7475999999999</v>
      </c>
      <c r="U202">
        <v>442.17473999999999</v>
      </c>
      <c r="V202">
        <v>0.95883680000000004</v>
      </c>
      <c r="W202">
        <v>1312.3427999999999</v>
      </c>
      <c r="X202">
        <v>586.51490000000001</v>
      </c>
      <c r="Y202">
        <v>0.87782185999999995</v>
      </c>
      <c r="Z202">
        <f t="shared" si="32"/>
        <v>1265.6891333333333</v>
      </c>
      <c r="AA202">
        <f t="shared" si="33"/>
        <v>517.69252666666671</v>
      </c>
      <c r="AB202">
        <f t="shared" si="34"/>
        <v>14.002885151616058</v>
      </c>
      <c r="AC202">
        <f t="shared" si="35"/>
        <v>2.2018589897332008</v>
      </c>
    </row>
    <row r="203" spans="1:29" x14ac:dyDescent="0.4">
      <c r="A203">
        <v>200</v>
      </c>
      <c r="B203">
        <f t="shared" si="27"/>
        <v>6.666666666666667</v>
      </c>
      <c r="C203">
        <v>506.75853999999998</v>
      </c>
      <c r="D203">
        <v>521.06169999999997</v>
      </c>
      <c r="E203">
        <v>0.90705480000000005</v>
      </c>
      <c r="F203">
        <v>637.94115999999997</v>
      </c>
      <c r="G203">
        <v>459.70803999999998</v>
      </c>
      <c r="H203">
        <v>1</v>
      </c>
      <c r="I203">
        <v>624.59984999999995</v>
      </c>
      <c r="J203">
        <v>603.91790000000003</v>
      </c>
      <c r="K203">
        <v>0.92154040000000004</v>
      </c>
      <c r="L203">
        <f t="shared" si="28"/>
        <v>589.76651666666658</v>
      </c>
      <c r="M203">
        <f t="shared" si="29"/>
        <v>528.2292133333334</v>
      </c>
      <c r="N203">
        <f t="shared" si="30"/>
        <v>-13.550988557141972</v>
      </c>
      <c r="O203">
        <f t="shared" si="31"/>
        <v>2.0025087158926644</v>
      </c>
      <c r="Q203">
        <v>1182.7999</v>
      </c>
      <c r="R203">
        <v>524.28420000000006</v>
      </c>
      <c r="S203">
        <v>1</v>
      </c>
      <c r="T203">
        <v>1301.5123000000001</v>
      </c>
      <c r="U203">
        <v>442.0976</v>
      </c>
      <c r="V203">
        <v>0.95720539999999998</v>
      </c>
      <c r="W203">
        <v>1312.0797</v>
      </c>
      <c r="X203">
        <v>586.46889999999996</v>
      </c>
      <c r="Y203">
        <v>0.87294740000000004</v>
      </c>
      <c r="Z203">
        <f t="shared" si="32"/>
        <v>1265.4639666666669</v>
      </c>
      <c r="AA203">
        <f t="shared" si="33"/>
        <v>517.61689999999999</v>
      </c>
      <c r="AB203">
        <f t="shared" si="34"/>
        <v>13.993639266223825</v>
      </c>
      <c r="AC203">
        <f t="shared" si="35"/>
        <v>2.2050251772916392</v>
      </c>
    </row>
    <row r="204" spans="1:29" x14ac:dyDescent="0.4">
      <c r="A204">
        <v>201</v>
      </c>
      <c r="B204">
        <f t="shared" si="27"/>
        <v>6.7</v>
      </c>
      <c r="C204">
        <v>507.01146999999997</v>
      </c>
      <c r="D204">
        <v>521.08410000000003</v>
      </c>
      <c r="E204">
        <v>0.90577996000000005</v>
      </c>
      <c r="F204">
        <v>638.14409999999998</v>
      </c>
      <c r="G204">
        <v>459.61464999999998</v>
      </c>
      <c r="H204">
        <v>0.99488615999999996</v>
      </c>
      <c r="I204">
        <v>624.81979999999999</v>
      </c>
      <c r="J204">
        <v>603.85735999999997</v>
      </c>
      <c r="K204">
        <v>0.93541260000000004</v>
      </c>
      <c r="L204">
        <f t="shared" si="28"/>
        <v>589.99178999999992</v>
      </c>
      <c r="M204">
        <f t="shared" si="29"/>
        <v>528.18537000000003</v>
      </c>
      <c r="N204">
        <f t="shared" si="30"/>
        <v>-13.54188495897248</v>
      </c>
      <c r="O204">
        <f t="shared" si="31"/>
        <v>2.0042238166241013</v>
      </c>
      <c r="Q204">
        <v>1182.6205</v>
      </c>
      <c r="R204">
        <v>524.04309999999998</v>
      </c>
      <c r="S204">
        <v>0.98938369999999998</v>
      </c>
      <c r="T204">
        <v>1301.4146000000001</v>
      </c>
      <c r="U204">
        <v>442.00304999999997</v>
      </c>
      <c r="V204">
        <v>0.95737976000000002</v>
      </c>
      <c r="W204">
        <v>1311.9191000000001</v>
      </c>
      <c r="X204">
        <v>586.46569999999997</v>
      </c>
      <c r="Y204">
        <v>0.86258595999999998</v>
      </c>
      <c r="Z204">
        <f t="shared" si="32"/>
        <v>1265.3180666666667</v>
      </c>
      <c r="AA204">
        <f t="shared" si="33"/>
        <v>517.50394999999992</v>
      </c>
      <c r="AB204">
        <f t="shared" si="34"/>
        <v>13.987669011069439</v>
      </c>
      <c r="AC204">
        <f t="shared" si="35"/>
        <v>2.2096872086321215</v>
      </c>
    </row>
    <row r="205" spans="1:29" x14ac:dyDescent="0.4">
      <c r="A205">
        <v>202</v>
      </c>
      <c r="B205">
        <f t="shared" si="27"/>
        <v>6.7333333333333334</v>
      </c>
      <c r="C205">
        <v>507.24392999999998</v>
      </c>
      <c r="D205">
        <v>520.95996000000002</v>
      </c>
      <c r="E205">
        <v>0.90394850000000004</v>
      </c>
      <c r="F205">
        <v>638.31920000000002</v>
      </c>
      <c r="G205">
        <v>459.58035000000001</v>
      </c>
      <c r="H205">
        <v>0.99784969999999995</v>
      </c>
      <c r="I205">
        <v>625.09607000000005</v>
      </c>
      <c r="J205">
        <v>603.77890000000002</v>
      </c>
      <c r="K205">
        <v>0.94853080000000001</v>
      </c>
      <c r="L205">
        <f t="shared" si="28"/>
        <v>590.21973333333335</v>
      </c>
      <c r="M205">
        <f t="shared" si="29"/>
        <v>528.10640333333333</v>
      </c>
      <c r="N205">
        <f t="shared" si="30"/>
        <v>-13.532662200066977</v>
      </c>
      <c r="O205">
        <f t="shared" si="31"/>
        <v>2.0073720074065888</v>
      </c>
      <c r="Q205">
        <v>1182.4291000000001</v>
      </c>
      <c r="R205">
        <v>523.85659999999996</v>
      </c>
      <c r="S205">
        <v>0.99541389999999996</v>
      </c>
      <c r="T205">
        <v>1301.2702999999999</v>
      </c>
      <c r="U205">
        <v>441.98540000000003</v>
      </c>
      <c r="V205">
        <v>0.94892719999999997</v>
      </c>
      <c r="W205">
        <v>1311.6738</v>
      </c>
      <c r="X205">
        <v>586.51940000000002</v>
      </c>
      <c r="Y205">
        <v>0.85641730000000005</v>
      </c>
      <c r="Z205">
        <f t="shared" si="32"/>
        <v>1265.1243999999999</v>
      </c>
      <c r="AA205">
        <f t="shared" si="33"/>
        <v>517.4538</v>
      </c>
      <c r="AB205">
        <f t="shared" si="34"/>
        <v>13.979711849470947</v>
      </c>
      <c r="AC205">
        <f t="shared" si="35"/>
        <v>2.2118023291808142</v>
      </c>
    </row>
    <row r="206" spans="1:29" x14ac:dyDescent="0.4">
      <c r="A206">
        <v>203</v>
      </c>
      <c r="B206">
        <f t="shared" si="27"/>
        <v>6.7666666666666666</v>
      </c>
      <c r="C206">
        <v>507.45499999999998</v>
      </c>
      <c r="D206">
        <v>520.76085999999998</v>
      </c>
      <c r="E206">
        <v>0.90652739999999998</v>
      </c>
      <c r="F206">
        <v>638.51013</v>
      </c>
      <c r="G206">
        <v>459.56157999999999</v>
      </c>
      <c r="H206">
        <v>0.99777864999999999</v>
      </c>
      <c r="I206">
        <v>625.19449999999995</v>
      </c>
      <c r="J206">
        <v>603.73850000000004</v>
      </c>
      <c r="K206">
        <v>0.95609290000000002</v>
      </c>
      <c r="L206">
        <f t="shared" si="28"/>
        <v>590.38654333333341</v>
      </c>
      <c r="M206">
        <f t="shared" si="29"/>
        <v>528.02031333333332</v>
      </c>
      <c r="N206">
        <f t="shared" si="30"/>
        <v>-13.525903741683065</v>
      </c>
      <c r="O206">
        <f t="shared" si="31"/>
        <v>2.0108313426983853</v>
      </c>
      <c r="Q206">
        <v>1182.1957</v>
      </c>
      <c r="R206">
        <v>523.73680000000002</v>
      </c>
      <c r="S206">
        <v>1</v>
      </c>
      <c r="T206">
        <v>1301.0681</v>
      </c>
      <c r="U206">
        <v>442.05556999999999</v>
      </c>
      <c r="V206">
        <v>0.94792220000000005</v>
      </c>
      <c r="W206">
        <v>1311.3924999999999</v>
      </c>
      <c r="X206">
        <v>586.57732999999996</v>
      </c>
      <c r="Y206">
        <v>0.86717529999999998</v>
      </c>
      <c r="Z206">
        <f t="shared" si="32"/>
        <v>1264.8854333333331</v>
      </c>
      <c r="AA206">
        <f t="shared" si="33"/>
        <v>517.45656666666662</v>
      </c>
      <c r="AB206">
        <f t="shared" si="34"/>
        <v>13.969872570493484</v>
      </c>
      <c r="AC206">
        <f t="shared" si="35"/>
        <v>2.211773139194646</v>
      </c>
    </row>
    <row r="207" spans="1:29" x14ac:dyDescent="0.4">
      <c r="A207">
        <v>204</v>
      </c>
      <c r="B207">
        <f t="shared" si="27"/>
        <v>6.8</v>
      </c>
      <c r="C207">
        <v>507.74279999999999</v>
      </c>
      <c r="D207">
        <v>520.79309999999998</v>
      </c>
      <c r="E207">
        <v>0.90908359999999999</v>
      </c>
      <c r="F207">
        <v>638.70320000000004</v>
      </c>
      <c r="G207">
        <v>459.55176</v>
      </c>
      <c r="H207">
        <v>0.98005973999999996</v>
      </c>
      <c r="I207">
        <v>625.34625000000005</v>
      </c>
      <c r="J207">
        <v>603.73724000000004</v>
      </c>
      <c r="K207">
        <v>0.95923924000000005</v>
      </c>
      <c r="L207">
        <f t="shared" si="28"/>
        <v>590.59741666666662</v>
      </c>
      <c r="M207">
        <f t="shared" si="29"/>
        <v>528.02736666666669</v>
      </c>
      <c r="N207">
        <f t="shared" si="30"/>
        <v>-13.517397475062811</v>
      </c>
      <c r="O207">
        <f t="shared" si="31"/>
        <v>2.0104732684065199</v>
      </c>
      <c r="Q207">
        <v>1182.0808999999999</v>
      </c>
      <c r="R207">
        <v>523.68939999999998</v>
      </c>
      <c r="S207">
        <v>0.99711439999999996</v>
      </c>
      <c r="T207">
        <v>1300.8572999999999</v>
      </c>
      <c r="U207">
        <v>442.01889999999997</v>
      </c>
      <c r="V207">
        <v>0.95053679999999996</v>
      </c>
      <c r="W207">
        <v>1311.0450000000001</v>
      </c>
      <c r="X207">
        <v>586.58745999999996</v>
      </c>
      <c r="Y207">
        <v>0.87218136000000002</v>
      </c>
      <c r="Z207">
        <f t="shared" si="32"/>
        <v>1264.6610666666666</v>
      </c>
      <c r="AA207">
        <f t="shared" si="33"/>
        <v>517.43191999999999</v>
      </c>
      <c r="AB207">
        <f t="shared" si="34"/>
        <v>13.960643325727158</v>
      </c>
      <c r="AC207">
        <f t="shared" si="35"/>
        <v>2.2128579088805589</v>
      </c>
    </row>
    <row r="208" spans="1:29" x14ac:dyDescent="0.4">
      <c r="A208">
        <v>205</v>
      </c>
      <c r="B208">
        <f t="shared" si="27"/>
        <v>6.833333333333333</v>
      </c>
      <c r="C208">
        <v>507.93297999999999</v>
      </c>
      <c r="D208">
        <v>520.78723000000002</v>
      </c>
      <c r="E208">
        <v>0.90542560000000005</v>
      </c>
      <c r="F208">
        <v>638.96310000000005</v>
      </c>
      <c r="G208">
        <v>459.43619999999999</v>
      </c>
      <c r="H208">
        <v>0.96351045000000002</v>
      </c>
      <c r="I208">
        <v>625.54399999999998</v>
      </c>
      <c r="J208">
        <v>603.65314000000001</v>
      </c>
      <c r="K208">
        <v>0.97276090000000004</v>
      </c>
      <c r="L208">
        <f t="shared" si="28"/>
        <v>590.81335999999999</v>
      </c>
      <c r="M208">
        <f t="shared" si="29"/>
        <v>527.95885666666663</v>
      </c>
      <c r="N208">
        <f t="shared" si="30"/>
        <v>-13.508662126012338</v>
      </c>
      <c r="O208">
        <f t="shared" si="31"/>
        <v>2.0131985264033898</v>
      </c>
      <c r="Q208">
        <v>1181.9170999999999</v>
      </c>
      <c r="R208">
        <v>523.67364999999995</v>
      </c>
      <c r="S208">
        <v>1</v>
      </c>
      <c r="T208">
        <v>1300.7349999999999</v>
      </c>
      <c r="U208">
        <v>442.02132999999998</v>
      </c>
      <c r="V208">
        <v>0.94950705999999996</v>
      </c>
      <c r="W208">
        <v>1310.6887999999999</v>
      </c>
      <c r="X208">
        <v>586.50336000000004</v>
      </c>
      <c r="Y208">
        <v>0.87925403999999996</v>
      </c>
      <c r="Z208">
        <f t="shared" si="32"/>
        <v>1264.4469666666666</v>
      </c>
      <c r="AA208">
        <f t="shared" si="33"/>
        <v>517.39944666666668</v>
      </c>
      <c r="AB208">
        <f t="shared" si="34"/>
        <v>13.951839354946163</v>
      </c>
      <c r="AC208">
        <f t="shared" si="35"/>
        <v>2.2142585820596872</v>
      </c>
    </row>
    <row r="209" spans="1:29" x14ac:dyDescent="0.4">
      <c r="A209">
        <v>206</v>
      </c>
      <c r="B209">
        <f t="shared" si="27"/>
        <v>6.8666666666666663</v>
      </c>
      <c r="C209">
        <v>508.27933000000002</v>
      </c>
      <c r="D209">
        <v>520.58690000000001</v>
      </c>
      <c r="E209">
        <v>0.90284746999999999</v>
      </c>
      <c r="F209">
        <v>639.18050000000005</v>
      </c>
      <c r="G209">
        <v>459.37247000000002</v>
      </c>
      <c r="H209">
        <v>0.95320236999999997</v>
      </c>
      <c r="I209">
        <v>625.75660000000005</v>
      </c>
      <c r="J209">
        <v>603.56273999999996</v>
      </c>
      <c r="K209">
        <v>0.97745789999999999</v>
      </c>
      <c r="L209">
        <f t="shared" si="28"/>
        <v>591.07214333333332</v>
      </c>
      <c r="M209">
        <f t="shared" si="29"/>
        <v>527.84070333333329</v>
      </c>
      <c r="N209">
        <f t="shared" si="30"/>
        <v>-13.498182067932333</v>
      </c>
      <c r="O209">
        <f t="shared" si="31"/>
        <v>2.0179363198936553</v>
      </c>
      <c r="Q209">
        <v>1181.6985999999999</v>
      </c>
      <c r="R209">
        <v>523.66363999999999</v>
      </c>
      <c r="S209">
        <v>1</v>
      </c>
      <c r="T209">
        <v>1300.3524</v>
      </c>
      <c r="U209">
        <v>441.88817999999998</v>
      </c>
      <c r="V209">
        <v>0.94631240000000005</v>
      </c>
      <c r="W209">
        <v>1310.4548</v>
      </c>
      <c r="X209">
        <v>586.56190000000004</v>
      </c>
      <c r="Y209">
        <v>0.87973040000000002</v>
      </c>
      <c r="Z209">
        <f t="shared" si="32"/>
        <v>1264.1686</v>
      </c>
      <c r="AA209">
        <f t="shared" si="33"/>
        <v>517.37123999999994</v>
      </c>
      <c r="AB209">
        <f t="shared" si="34"/>
        <v>13.940388228371361</v>
      </c>
      <c r="AC209">
        <f t="shared" si="35"/>
        <v>2.2155076006573169</v>
      </c>
    </row>
    <row r="210" spans="1:29" x14ac:dyDescent="0.4">
      <c r="A210">
        <v>207</v>
      </c>
      <c r="B210">
        <f t="shared" si="27"/>
        <v>6.9</v>
      </c>
      <c r="C210">
        <v>508.43599999999998</v>
      </c>
      <c r="D210">
        <v>520.63869999999997</v>
      </c>
      <c r="E210">
        <v>0.90729110000000002</v>
      </c>
      <c r="F210">
        <v>639.42755</v>
      </c>
      <c r="G210">
        <v>459.40181999999999</v>
      </c>
      <c r="H210">
        <v>0.94855100000000003</v>
      </c>
      <c r="I210">
        <v>626.01850000000002</v>
      </c>
      <c r="J210">
        <v>603.53375000000005</v>
      </c>
      <c r="K210">
        <v>0.99210710000000002</v>
      </c>
      <c r="L210">
        <f t="shared" si="28"/>
        <v>591.29401666666672</v>
      </c>
      <c r="M210">
        <f t="shared" si="29"/>
        <v>527.85809000000006</v>
      </c>
      <c r="N210">
        <f t="shared" si="30"/>
        <v>-13.489235118973625</v>
      </c>
      <c r="O210">
        <f t="shared" si="31"/>
        <v>2.0171527072557711</v>
      </c>
      <c r="Q210">
        <v>1181.5088000000001</v>
      </c>
      <c r="R210">
        <v>523.64229999999998</v>
      </c>
      <c r="S210">
        <v>0.99772229999999995</v>
      </c>
      <c r="T210">
        <v>1300.2479000000001</v>
      </c>
      <c r="U210">
        <v>441.93103000000002</v>
      </c>
      <c r="V210">
        <v>0.94281210000000004</v>
      </c>
      <c r="W210">
        <v>1310.1515999999999</v>
      </c>
      <c r="X210">
        <v>586.52200000000005</v>
      </c>
      <c r="Y210">
        <v>0.87857640000000004</v>
      </c>
      <c r="Z210">
        <f t="shared" si="32"/>
        <v>1263.9694333333334</v>
      </c>
      <c r="AA210">
        <f t="shared" si="33"/>
        <v>517.36511000000007</v>
      </c>
      <c r="AB210">
        <f t="shared" si="34"/>
        <v>13.932190645531589</v>
      </c>
      <c r="AC210">
        <f t="shared" si="35"/>
        <v>2.2158276398401422</v>
      </c>
    </row>
    <row r="211" spans="1:29" x14ac:dyDescent="0.4">
      <c r="A211">
        <v>208</v>
      </c>
      <c r="B211">
        <f t="shared" si="27"/>
        <v>6.9333333333333336</v>
      </c>
      <c r="C211">
        <v>508.51137999999997</v>
      </c>
      <c r="D211">
        <v>520.68709999999999</v>
      </c>
      <c r="E211">
        <v>0.91006310000000001</v>
      </c>
      <c r="F211">
        <v>639.6259</v>
      </c>
      <c r="G211">
        <v>459.31360000000001</v>
      </c>
      <c r="H211">
        <v>0.94260239999999995</v>
      </c>
      <c r="I211">
        <v>626.2355</v>
      </c>
      <c r="J211">
        <v>603.52290000000005</v>
      </c>
      <c r="K211">
        <v>1</v>
      </c>
      <c r="L211">
        <f t="shared" si="28"/>
        <v>591.45759333333331</v>
      </c>
      <c r="M211">
        <f t="shared" si="29"/>
        <v>527.84119999999996</v>
      </c>
      <c r="N211">
        <f t="shared" si="30"/>
        <v>-13.482629304856411</v>
      </c>
      <c r="O211">
        <f t="shared" si="31"/>
        <v>2.0177878855239251</v>
      </c>
      <c r="Q211">
        <v>1181.5408</v>
      </c>
      <c r="R211">
        <v>523.50806</v>
      </c>
      <c r="S211">
        <v>0.99918425</v>
      </c>
      <c r="T211">
        <v>1300.1448</v>
      </c>
      <c r="U211">
        <v>441.94819999999999</v>
      </c>
      <c r="V211">
        <v>0.94531489999999996</v>
      </c>
      <c r="W211">
        <v>1309.9519</v>
      </c>
      <c r="X211">
        <v>586.49945000000002</v>
      </c>
      <c r="Y211">
        <v>0.87722529999999999</v>
      </c>
      <c r="Z211">
        <f t="shared" si="32"/>
        <v>1263.8791666666666</v>
      </c>
      <c r="AA211">
        <f t="shared" si="33"/>
        <v>517.31857000000002</v>
      </c>
      <c r="AB211">
        <f t="shared" si="34"/>
        <v>13.928489516459859</v>
      </c>
      <c r="AC211">
        <f t="shared" si="35"/>
        <v>2.217759145835664</v>
      </c>
    </row>
    <row r="212" spans="1:29" x14ac:dyDescent="0.4">
      <c r="A212">
        <v>209</v>
      </c>
      <c r="B212">
        <f t="shared" si="27"/>
        <v>6.9666666666666668</v>
      </c>
      <c r="C212">
        <v>508.66302000000002</v>
      </c>
      <c r="D212">
        <v>520.69000000000005</v>
      </c>
      <c r="E212">
        <v>0.90724813999999998</v>
      </c>
      <c r="F212">
        <v>639.89570000000003</v>
      </c>
      <c r="G212">
        <v>459.37866000000002</v>
      </c>
      <c r="H212">
        <v>0.93442389999999997</v>
      </c>
      <c r="I212">
        <v>626.39855999999997</v>
      </c>
      <c r="J212">
        <v>603.47230000000002</v>
      </c>
      <c r="K212">
        <v>1</v>
      </c>
      <c r="L212">
        <f t="shared" si="28"/>
        <v>591.65242666666666</v>
      </c>
      <c r="M212">
        <f t="shared" si="29"/>
        <v>527.84698666666679</v>
      </c>
      <c r="N212">
        <f t="shared" si="30"/>
        <v>-13.474769575666594</v>
      </c>
      <c r="O212">
        <f t="shared" si="31"/>
        <v>2.0174868530358743</v>
      </c>
      <c r="Q212">
        <v>1181.3248000000001</v>
      </c>
      <c r="R212">
        <v>523.52826000000005</v>
      </c>
      <c r="S212">
        <v>1</v>
      </c>
      <c r="T212">
        <v>1300.0304000000001</v>
      </c>
      <c r="U212">
        <v>441.92599999999999</v>
      </c>
      <c r="V212">
        <v>0.94521820000000001</v>
      </c>
      <c r="W212">
        <v>1309.7886000000001</v>
      </c>
      <c r="X212">
        <v>586.41690000000006</v>
      </c>
      <c r="Y212">
        <v>0.87015056999999996</v>
      </c>
      <c r="Z212">
        <f t="shared" si="32"/>
        <v>1263.7146</v>
      </c>
      <c r="AA212">
        <f t="shared" si="33"/>
        <v>517.29038666666668</v>
      </c>
      <c r="AB212">
        <f t="shared" si="34"/>
        <v>13.921723593687682</v>
      </c>
      <c r="AC212">
        <f t="shared" si="35"/>
        <v>2.2189673266782521</v>
      </c>
    </row>
    <row r="213" spans="1:29" x14ac:dyDescent="0.4">
      <c r="A213">
        <v>210</v>
      </c>
      <c r="B213">
        <f t="shared" si="27"/>
        <v>7</v>
      </c>
      <c r="C213">
        <v>508.95501999999999</v>
      </c>
      <c r="D213">
        <v>520.66020000000003</v>
      </c>
      <c r="E213">
        <v>0.89736340000000003</v>
      </c>
      <c r="F213">
        <v>640.04816000000005</v>
      </c>
      <c r="G213">
        <v>459.45600000000002</v>
      </c>
      <c r="H213">
        <v>0.94687410000000005</v>
      </c>
      <c r="I213">
        <v>626.64380000000006</v>
      </c>
      <c r="J213">
        <v>603.51869999999997</v>
      </c>
      <c r="K213">
        <v>1</v>
      </c>
      <c r="L213">
        <f t="shared" si="28"/>
        <v>591.8823266666667</v>
      </c>
      <c r="M213">
        <f t="shared" si="29"/>
        <v>527.87829999999997</v>
      </c>
      <c r="N213">
        <f t="shared" si="30"/>
        <v>-13.465503095050019</v>
      </c>
      <c r="O213">
        <f t="shared" si="31"/>
        <v>2.0161319856852051</v>
      </c>
      <c r="Q213">
        <v>1181.1058</v>
      </c>
      <c r="R213">
        <v>523.51139999999998</v>
      </c>
      <c r="S213">
        <v>1</v>
      </c>
      <c r="T213">
        <v>1299.9102</v>
      </c>
      <c r="U213">
        <v>441.86896000000002</v>
      </c>
      <c r="V213">
        <v>0.93997200000000003</v>
      </c>
      <c r="W213">
        <v>1309.5971999999999</v>
      </c>
      <c r="X213">
        <v>586.38149999999996</v>
      </c>
      <c r="Y213">
        <v>0.86219334999999997</v>
      </c>
      <c r="Z213">
        <f t="shared" si="32"/>
        <v>1263.5377333333333</v>
      </c>
      <c r="AA213">
        <f t="shared" si="33"/>
        <v>517.25395333333336</v>
      </c>
      <c r="AB213">
        <f t="shared" si="34"/>
        <v>13.914454001226009</v>
      </c>
      <c r="AC213">
        <f t="shared" si="35"/>
        <v>2.2205166009463579</v>
      </c>
    </row>
    <row r="214" spans="1:29" x14ac:dyDescent="0.4">
      <c r="A214">
        <v>211</v>
      </c>
      <c r="B214">
        <f t="shared" si="27"/>
        <v>7.0333333333333332</v>
      </c>
      <c r="C214">
        <v>509.15377999999998</v>
      </c>
      <c r="D214">
        <v>520.72889999999995</v>
      </c>
      <c r="E214">
        <v>0.89709859999999997</v>
      </c>
      <c r="F214">
        <v>640.19410000000005</v>
      </c>
      <c r="G214">
        <v>459.4742</v>
      </c>
      <c r="H214">
        <v>0.94929980000000003</v>
      </c>
      <c r="I214">
        <v>626.87559999999996</v>
      </c>
      <c r="J214">
        <v>603.52422999999999</v>
      </c>
      <c r="K214">
        <v>1</v>
      </c>
      <c r="L214">
        <f t="shared" si="28"/>
        <v>592.07449333333341</v>
      </c>
      <c r="M214">
        <f t="shared" si="29"/>
        <v>527.90910999999994</v>
      </c>
      <c r="N214">
        <f t="shared" si="30"/>
        <v>-13.457758966799551</v>
      </c>
      <c r="O214">
        <f t="shared" si="31"/>
        <v>2.0148102127081593</v>
      </c>
      <c r="Q214">
        <v>1180.9319</v>
      </c>
      <c r="R214">
        <v>523.52300000000002</v>
      </c>
      <c r="S214">
        <v>1</v>
      </c>
      <c r="T214">
        <v>1299.7094999999999</v>
      </c>
      <c r="U214">
        <v>441.87990000000002</v>
      </c>
      <c r="V214">
        <v>0.94664800000000004</v>
      </c>
      <c r="W214">
        <v>1309.3407999999999</v>
      </c>
      <c r="X214">
        <v>586.48940000000005</v>
      </c>
      <c r="Y214">
        <v>0.87016110000000002</v>
      </c>
      <c r="Z214">
        <f t="shared" si="32"/>
        <v>1263.3273999999999</v>
      </c>
      <c r="AA214">
        <f t="shared" si="33"/>
        <v>517.29743333333329</v>
      </c>
      <c r="AB214">
        <f t="shared" si="34"/>
        <v>13.90578078391415</v>
      </c>
      <c r="AC214">
        <f t="shared" si="35"/>
        <v>2.2188153541289375</v>
      </c>
    </row>
    <row r="215" spans="1:29" x14ac:dyDescent="0.4">
      <c r="A215">
        <v>212</v>
      </c>
      <c r="B215">
        <f t="shared" si="27"/>
        <v>7.0666666666666664</v>
      </c>
      <c r="C215">
        <v>509.42694</v>
      </c>
      <c r="D215">
        <v>520.76842999999997</v>
      </c>
      <c r="E215">
        <v>0.89336040000000005</v>
      </c>
      <c r="F215">
        <v>640.37225000000001</v>
      </c>
      <c r="G215">
        <v>459.42052999999999</v>
      </c>
      <c r="H215">
        <v>0.95112390000000002</v>
      </c>
      <c r="I215">
        <v>627.18384000000003</v>
      </c>
      <c r="J215">
        <v>603.54200000000003</v>
      </c>
      <c r="K215">
        <v>1</v>
      </c>
      <c r="L215">
        <f t="shared" si="28"/>
        <v>592.32767666666666</v>
      </c>
      <c r="M215">
        <f t="shared" si="29"/>
        <v>527.91031999999996</v>
      </c>
      <c r="N215">
        <f t="shared" si="30"/>
        <v>-13.447543111539382</v>
      </c>
      <c r="O215">
        <f t="shared" si="31"/>
        <v>2.0146766257264472</v>
      </c>
      <c r="Q215">
        <v>1180.7931000000001</v>
      </c>
      <c r="R215">
        <v>523.52829999999994</v>
      </c>
      <c r="S215">
        <v>1</v>
      </c>
      <c r="T215">
        <v>1299.5164</v>
      </c>
      <c r="U215">
        <v>441.85235999999998</v>
      </c>
      <c r="V215">
        <v>0.94057550000000001</v>
      </c>
      <c r="W215">
        <v>1309.2029</v>
      </c>
      <c r="X215">
        <v>586.59960000000001</v>
      </c>
      <c r="Y215">
        <v>0.87395829999999997</v>
      </c>
      <c r="Z215">
        <f t="shared" si="32"/>
        <v>1263.1708000000001</v>
      </c>
      <c r="AA215">
        <f t="shared" si="33"/>
        <v>517.32675333333327</v>
      </c>
      <c r="AB215">
        <f t="shared" si="34"/>
        <v>13.899324315750608</v>
      </c>
      <c r="AC215">
        <f t="shared" si="35"/>
        <v>2.2176733202409067</v>
      </c>
    </row>
    <row r="216" spans="1:29" x14ac:dyDescent="0.4">
      <c r="A216">
        <v>213</v>
      </c>
      <c r="B216">
        <f t="shared" si="27"/>
        <v>7.1</v>
      </c>
      <c r="C216">
        <v>509.71393</v>
      </c>
      <c r="D216">
        <v>520.86180000000002</v>
      </c>
      <c r="E216">
        <v>0.88809020000000005</v>
      </c>
      <c r="F216">
        <v>640.48676</v>
      </c>
      <c r="G216">
        <v>459.40323000000001</v>
      </c>
      <c r="H216">
        <v>0.94981515000000005</v>
      </c>
      <c r="I216">
        <v>627.42520000000002</v>
      </c>
      <c r="J216">
        <v>603.67705999999998</v>
      </c>
      <c r="K216">
        <v>1</v>
      </c>
      <c r="L216">
        <f t="shared" si="28"/>
        <v>592.54196333333346</v>
      </c>
      <c r="M216">
        <f t="shared" si="29"/>
        <v>527.98069666666663</v>
      </c>
      <c r="N216">
        <f t="shared" si="30"/>
        <v>-13.438919107944363</v>
      </c>
      <c r="O216">
        <f t="shared" si="31"/>
        <v>2.0117321096455094</v>
      </c>
      <c r="Q216">
        <v>1180.5043000000001</v>
      </c>
      <c r="R216">
        <v>523.62869999999998</v>
      </c>
      <c r="S216">
        <v>1</v>
      </c>
      <c r="T216">
        <v>1299.3815</v>
      </c>
      <c r="U216">
        <v>441.8784</v>
      </c>
      <c r="V216">
        <v>0.94380019999999998</v>
      </c>
      <c r="W216">
        <v>1309.0691999999999</v>
      </c>
      <c r="X216">
        <v>586.75350000000003</v>
      </c>
      <c r="Y216">
        <v>0.88285049999999998</v>
      </c>
      <c r="Z216">
        <f t="shared" si="32"/>
        <v>1262.9849999999999</v>
      </c>
      <c r="AA216">
        <f t="shared" si="33"/>
        <v>517.42020000000002</v>
      </c>
      <c r="AB216">
        <f t="shared" si="34"/>
        <v>13.891644993868896</v>
      </c>
      <c r="AC216">
        <f t="shared" si="35"/>
        <v>2.2139237149207043</v>
      </c>
    </row>
    <row r="217" spans="1:29" x14ac:dyDescent="0.4">
      <c r="A217">
        <v>214</v>
      </c>
      <c r="B217">
        <f t="shared" si="27"/>
        <v>7.1333333333333337</v>
      </c>
      <c r="C217">
        <v>510.07330000000002</v>
      </c>
      <c r="D217">
        <v>521.00229999999999</v>
      </c>
      <c r="E217">
        <v>0.88230496999999997</v>
      </c>
      <c r="F217">
        <v>640.74896000000001</v>
      </c>
      <c r="G217">
        <v>459.39479999999998</v>
      </c>
      <c r="H217">
        <v>0.95581559999999999</v>
      </c>
      <c r="I217">
        <v>627.71100000000001</v>
      </c>
      <c r="J217">
        <v>603.61194</v>
      </c>
      <c r="K217">
        <v>1</v>
      </c>
      <c r="L217">
        <f t="shared" si="28"/>
        <v>592.84442000000001</v>
      </c>
      <c r="M217">
        <f t="shared" si="29"/>
        <v>528.00301333333334</v>
      </c>
      <c r="N217">
        <f t="shared" si="30"/>
        <v>-13.426721665415151</v>
      </c>
      <c r="O217">
        <f t="shared" si="31"/>
        <v>2.0107204142622837</v>
      </c>
      <c r="Q217">
        <v>1180.3384000000001</v>
      </c>
      <c r="R217">
        <v>523.67909999999995</v>
      </c>
      <c r="S217">
        <v>1</v>
      </c>
      <c r="T217">
        <v>1299.1268</v>
      </c>
      <c r="U217">
        <v>441.88630000000001</v>
      </c>
      <c r="V217">
        <v>0.92795700000000003</v>
      </c>
      <c r="W217">
        <v>1308.9095</v>
      </c>
      <c r="X217">
        <v>586.62823000000003</v>
      </c>
      <c r="Y217">
        <v>0.87957989999999997</v>
      </c>
      <c r="Z217">
        <f t="shared" si="32"/>
        <v>1262.7915666666668</v>
      </c>
      <c r="AA217">
        <f t="shared" si="33"/>
        <v>517.39787666666666</v>
      </c>
      <c r="AB217">
        <f t="shared" si="34"/>
        <v>13.883688973233754</v>
      </c>
      <c r="AC217">
        <f t="shared" si="35"/>
        <v>2.2149027893084825</v>
      </c>
    </row>
    <row r="218" spans="1:29" x14ac:dyDescent="0.4">
      <c r="A218">
        <v>215</v>
      </c>
      <c r="B218">
        <f t="shared" si="27"/>
        <v>7.166666666666667</v>
      </c>
      <c r="C218">
        <v>510.52658000000002</v>
      </c>
      <c r="D218">
        <v>520.87630000000001</v>
      </c>
      <c r="E218">
        <v>0.8687452</v>
      </c>
      <c r="F218">
        <v>641.11609999999996</v>
      </c>
      <c r="G218">
        <v>459.3349</v>
      </c>
      <c r="H218">
        <v>0.96220976000000003</v>
      </c>
      <c r="I218">
        <v>628.04663000000005</v>
      </c>
      <c r="J218">
        <v>603.58069999999998</v>
      </c>
      <c r="K218">
        <v>1</v>
      </c>
      <c r="L218">
        <f t="shared" si="28"/>
        <v>593.22977000000003</v>
      </c>
      <c r="M218">
        <f t="shared" si="29"/>
        <v>527.93063333333328</v>
      </c>
      <c r="N218">
        <f t="shared" si="30"/>
        <v>-13.411148518791265</v>
      </c>
      <c r="O218">
        <f t="shared" si="31"/>
        <v>2.0135473247303168</v>
      </c>
      <c r="Q218">
        <v>1180.1796999999999</v>
      </c>
      <c r="R218">
        <v>523.62819999999999</v>
      </c>
      <c r="S218">
        <v>1</v>
      </c>
      <c r="T218">
        <v>1298.9193</v>
      </c>
      <c r="U218">
        <v>442.0412</v>
      </c>
      <c r="V218">
        <v>0.92482494999999998</v>
      </c>
      <c r="W218">
        <v>1308.8353</v>
      </c>
      <c r="X218">
        <v>586.64710000000002</v>
      </c>
      <c r="Y218">
        <v>0.88678749999999995</v>
      </c>
      <c r="Z218">
        <f t="shared" si="32"/>
        <v>1262.6447666666666</v>
      </c>
      <c r="AA218">
        <f t="shared" si="33"/>
        <v>517.43883333333326</v>
      </c>
      <c r="AB218">
        <f t="shared" si="34"/>
        <v>13.877632280236224</v>
      </c>
      <c r="AC218">
        <f t="shared" si="35"/>
        <v>2.21328228129541</v>
      </c>
    </row>
    <row r="219" spans="1:29" x14ac:dyDescent="0.4">
      <c r="A219">
        <v>216</v>
      </c>
      <c r="B219">
        <f t="shared" si="27"/>
        <v>7.2</v>
      </c>
      <c r="C219">
        <v>510.80205999999998</v>
      </c>
      <c r="D219">
        <v>521.0204</v>
      </c>
      <c r="E219">
        <v>0.86059165000000004</v>
      </c>
      <c r="F219">
        <v>641.4932</v>
      </c>
      <c r="G219">
        <v>459.29820000000001</v>
      </c>
      <c r="H219">
        <v>0.96603000000000006</v>
      </c>
      <c r="I219">
        <v>628.34076000000005</v>
      </c>
      <c r="J219">
        <v>603.52380000000005</v>
      </c>
      <c r="K219">
        <v>1</v>
      </c>
      <c r="L219">
        <f t="shared" si="28"/>
        <v>593.54534000000001</v>
      </c>
      <c r="M219">
        <f t="shared" si="29"/>
        <v>527.94746666666663</v>
      </c>
      <c r="N219">
        <f t="shared" si="30"/>
        <v>-13.398419888376859</v>
      </c>
      <c r="O219">
        <f t="shared" si="31"/>
        <v>2.0127551310397607</v>
      </c>
      <c r="Q219">
        <v>1179.8453</v>
      </c>
      <c r="R219">
        <v>523.46379999999999</v>
      </c>
      <c r="S219">
        <v>1</v>
      </c>
      <c r="T219">
        <v>1298.8173999999999</v>
      </c>
      <c r="U219">
        <v>442.08075000000002</v>
      </c>
      <c r="V219">
        <v>0.92317099999999996</v>
      </c>
      <c r="W219">
        <v>1308.5210999999999</v>
      </c>
      <c r="X219">
        <v>586.48900000000003</v>
      </c>
      <c r="Y219">
        <v>0.88313997</v>
      </c>
      <c r="Z219">
        <f t="shared" si="32"/>
        <v>1262.3945999999999</v>
      </c>
      <c r="AA219">
        <f t="shared" si="33"/>
        <v>517.34451666666666</v>
      </c>
      <c r="AB219">
        <f t="shared" si="34"/>
        <v>13.867364101409589</v>
      </c>
      <c r="AC219">
        <f t="shared" si="35"/>
        <v>2.2172201723457818</v>
      </c>
    </row>
    <row r="220" spans="1:29" x14ac:dyDescent="0.4">
      <c r="A220">
        <v>217</v>
      </c>
      <c r="B220">
        <f t="shared" si="27"/>
        <v>7.2333333333333334</v>
      </c>
      <c r="C220">
        <v>510.61075</v>
      </c>
      <c r="D220">
        <v>520.93273999999997</v>
      </c>
      <c r="E220">
        <v>0.86131599999999997</v>
      </c>
      <c r="F220">
        <v>641.83299999999997</v>
      </c>
      <c r="G220">
        <v>459.16577000000001</v>
      </c>
      <c r="H220">
        <v>0.98633647000000002</v>
      </c>
      <c r="I220">
        <v>628.58000000000004</v>
      </c>
      <c r="J220">
        <v>603.45249999999999</v>
      </c>
      <c r="K220">
        <v>1</v>
      </c>
      <c r="L220">
        <f t="shared" si="28"/>
        <v>593.67458333333332</v>
      </c>
      <c r="M220">
        <f t="shared" si="29"/>
        <v>527.85033666666675</v>
      </c>
      <c r="N220">
        <f t="shared" si="30"/>
        <v>-13.393173108512373</v>
      </c>
      <c r="O220">
        <f t="shared" si="31"/>
        <v>2.0166776671663849</v>
      </c>
      <c r="Q220">
        <v>1179.8053</v>
      </c>
      <c r="R220">
        <v>523.45619999999997</v>
      </c>
      <c r="S220">
        <v>1</v>
      </c>
      <c r="T220">
        <v>1298.7157999999999</v>
      </c>
      <c r="U220">
        <v>442.05074999999999</v>
      </c>
      <c r="V220">
        <v>0.91776579999999996</v>
      </c>
      <c r="W220">
        <v>1308.3298</v>
      </c>
      <c r="X220">
        <v>586.49390000000005</v>
      </c>
      <c r="Y220">
        <v>0.87892276000000003</v>
      </c>
      <c r="Z220">
        <f t="shared" si="32"/>
        <v>1262.2836333333332</v>
      </c>
      <c r="AA220">
        <f t="shared" si="33"/>
        <v>517.33361666666667</v>
      </c>
      <c r="AB220">
        <f t="shared" si="34"/>
        <v>13.862799437331688</v>
      </c>
      <c r="AC220">
        <f t="shared" si="35"/>
        <v>2.2177040192004767</v>
      </c>
    </row>
    <row r="221" spans="1:29" x14ac:dyDescent="0.4">
      <c r="A221">
        <v>218</v>
      </c>
      <c r="B221">
        <f t="shared" si="27"/>
        <v>7.2666666666666666</v>
      </c>
      <c r="C221">
        <v>511.17791999999997</v>
      </c>
      <c r="D221">
        <v>520.94330000000002</v>
      </c>
      <c r="E221">
        <v>0.87408965999999999</v>
      </c>
      <c r="F221">
        <v>642.05864999999994</v>
      </c>
      <c r="G221">
        <v>459.1182</v>
      </c>
      <c r="H221">
        <v>0.98223906999999999</v>
      </c>
      <c r="I221">
        <v>628.87829999999997</v>
      </c>
      <c r="J221">
        <v>603.38837000000001</v>
      </c>
      <c r="K221">
        <v>1</v>
      </c>
      <c r="L221">
        <f t="shared" si="28"/>
        <v>594.03828999999996</v>
      </c>
      <c r="M221">
        <f t="shared" si="29"/>
        <v>527.81662333333327</v>
      </c>
      <c r="N221">
        <f t="shared" si="30"/>
        <v>-13.378485469625634</v>
      </c>
      <c r="O221">
        <f t="shared" si="31"/>
        <v>2.0179331239797365</v>
      </c>
      <c r="Q221">
        <v>1179.6497999999999</v>
      </c>
      <c r="R221">
        <v>523.42719999999997</v>
      </c>
      <c r="S221">
        <v>1</v>
      </c>
      <c r="T221">
        <v>1298.5528999999999</v>
      </c>
      <c r="U221">
        <v>442.05338</v>
      </c>
      <c r="V221">
        <v>0.91059480000000004</v>
      </c>
      <c r="W221">
        <v>1308.0615</v>
      </c>
      <c r="X221">
        <v>586.47329999999999</v>
      </c>
      <c r="Y221">
        <v>0.87685573000000006</v>
      </c>
      <c r="Z221">
        <f t="shared" si="32"/>
        <v>1262.0880666666665</v>
      </c>
      <c r="AA221">
        <f t="shared" si="33"/>
        <v>517.31795999999997</v>
      </c>
      <c r="AB221">
        <f t="shared" si="34"/>
        <v>13.854753599227712</v>
      </c>
      <c r="AC221">
        <f t="shared" si="35"/>
        <v>2.2184116877049513</v>
      </c>
    </row>
    <row r="222" spans="1:29" x14ac:dyDescent="0.4">
      <c r="A222">
        <v>219</v>
      </c>
      <c r="B222">
        <f t="shared" si="27"/>
        <v>7.3</v>
      </c>
      <c r="C222">
        <v>511.44576999999998</v>
      </c>
      <c r="D222">
        <v>520.9452</v>
      </c>
      <c r="E222">
        <v>0.88396585000000005</v>
      </c>
      <c r="F222">
        <v>642.25134000000003</v>
      </c>
      <c r="G222">
        <v>459.04514</v>
      </c>
      <c r="H222">
        <v>0.98233959999999998</v>
      </c>
      <c r="I222">
        <v>629.13959999999997</v>
      </c>
      <c r="J222">
        <v>603.31219999999996</v>
      </c>
      <c r="K222">
        <v>1</v>
      </c>
      <c r="L222">
        <f t="shared" si="28"/>
        <v>594.27890333333335</v>
      </c>
      <c r="M222">
        <f t="shared" si="29"/>
        <v>527.76751333333334</v>
      </c>
      <c r="N222">
        <f t="shared" si="30"/>
        <v>-13.368759968568488</v>
      </c>
      <c r="O222">
        <f t="shared" si="31"/>
        <v>2.0198581109983111</v>
      </c>
      <c r="Q222">
        <v>1179.2769000000001</v>
      </c>
      <c r="R222">
        <v>523.30070000000001</v>
      </c>
      <c r="S222">
        <v>1</v>
      </c>
      <c r="T222">
        <v>1298.4102</v>
      </c>
      <c r="U222">
        <v>441.94995</v>
      </c>
      <c r="V222">
        <v>0.90074010000000004</v>
      </c>
      <c r="W222">
        <v>1307.8805</v>
      </c>
      <c r="X222">
        <v>586.40875000000005</v>
      </c>
      <c r="Y222">
        <v>0.87925019999999998</v>
      </c>
      <c r="Z222">
        <f t="shared" si="32"/>
        <v>1261.8558666666668</v>
      </c>
      <c r="AA222">
        <f t="shared" si="33"/>
        <v>517.21979999999996</v>
      </c>
      <c r="AB222">
        <f t="shared" si="34"/>
        <v>13.845226463491914</v>
      </c>
      <c r="AC222">
        <f t="shared" si="35"/>
        <v>2.2225001684867149</v>
      </c>
    </row>
    <row r="223" spans="1:29" x14ac:dyDescent="0.4">
      <c r="A223">
        <v>220</v>
      </c>
      <c r="B223">
        <f t="shared" si="27"/>
        <v>7.333333333333333</v>
      </c>
      <c r="C223">
        <v>511.61223999999999</v>
      </c>
      <c r="D223">
        <v>520.78700000000003</v>
      </c>
      <c r="E223">
        <v>0.88696010000000003</v>
      </c>
      <c r="F223">
        <v>642.32410000000004</v>
      </c>
      <c r="G223">
        <v>459.02118000000002</v>
      </c>
      <c r="H223">
        <v>0.9936313</v>
      </c>
      <c r="I223">
        <v>629.36333999999999</v>
      </c>
      <c r="J223">
        <v>603.21579999999994</v>
      </c>
      <c r="K223">
        <v>1</v>
      </c>
      <c r="L223">
        <f t="shared" si="28"/>
        <v>594.43322666666666</v>
      </c>
      <c r="M223">
        <f t="shared" si="29"/>
        <v>527.67466000000002</v>
      </c>
      <c r="N223">
        <f t="shared" si="30"/>
        <v>-13.362502381465537</v>
      </c>
      <c r="O223">
        <f t="shared" si="31"/>
        <v>2.0235976936121447</v>
      </c>
      <c r="Q223">
        <v>1179.0961</v>
      </c>
      <c r="R223">
        <v>523.22140000000002</v>
      </c>
      <c r="S223">
        <v>0.99552459999999998</v>
      </c>
      <c r="T223">
        <v>1298.1857</v>
      </c>
      <c r="U223">
        <v>441.89992999999998</v>
      </c>
      <c r="V223">
        <v>0.89998864999999995</v>
      </c>
      <c r="W223">
        <v>1307.5554</v>
      </c>
      <c r="X223">
        <v>586.49816999999996</v>
      </c>
      <c r="Y223">
        <v>0.87754750000000004</v>
      </c>
      <c r="Z223">
        <f t="shared" si="32"/>
        <v>1261.6124</v>
      </c>
      <c r="AA223">
        <f t="shared" si="33"/>
        <v>517.20649999999989</v>
      </c>
      <c r="AB223">
        <f t="shared" si="34"/>
        <v>13.835208092244063</v>
      </c>
      <c r="AC223">
        <f t="shared" si="35"/>
        <v>2.2231284129247064</v>
      </c>
    </row>
    <row r="224" spans="1:29" x14ac:dyDescent="0.4">
      <c r="A224">
        <v>221</v>
      </c>
      <c r="B224">
        <f t="shared" si="27"/>
        <v>7.3666666666666663</v>
      </c>
      <c r="C224">
        <v>511.71926999999999</v>
      </c>
      <c r="D224">
        <v>520.83180000000004</v>
      </c>
      <c r="E224">
        <v>0.89866239999999997</v>
      </c>
      <c r="F224">
        <v>642.52135999999996</v>
      </c>
      <c r="G224">
        <v>459.00713999999999</v>
      </c>
      <c r="H224">
        <v>0.99180955000000004</v>
      </c>
      <c r="I224">
        <v>629.67169999999999</v>
      </c>
      <c r="J224">
        <v>603.14959999999996</v>
      </c>
      <c r="K224">
        <v>0.99490540000000005</v>
      </c>
      <c r="L224">
        <f t="shared" si="28"/>
        <v>594.63744333333341</v>
      </c>
      <c r="M224">
        <f t="shared" si="29"/>
        <v>527.66284666666672</v>
      </c>
      <c r="N224">
        <f t="shared" si="30"/>
        <v>-13.354257593417293</v>
      </c>
      <c r="O224">
        <f t="shared" si="31"/>
        <v>2.0240120769425451</v>
      </c>
      <c r="Q224">
        <v>1178.9666999999999</v>
      </c>
      <c r="R224">
        <v>523.08374000000003</v>
      </c>
      <c r="S224">
        <v>0.97835550000000004</v>
      </c>
      <c r="T224">
        <v>1297.9485999999999</v>
      </c>
      <c r="U224">
        <v>441.88168000000002</v>
      </c>
      <c r="V224">
        <v>0.89665760000000005</v>
      </c>
      <c r="W224">
        <v>1307.1969999999999</v>
      </c>
      <c r="X224">
        <v>586.6277</v>
      </c>
      <c r="Y224">
        <v>0.87805675999999999</v>
      </c>
      <c r="Z224">
        <f t="shared" si="32"/>
        <v>1261.3707666666667</v>
      </c>
      <c r="AA224">
        <f t="shared" si="33"/>
        <v>517.1977066666667</v>
      </c>
      <c r="AB224">
        <f t="shared" si="34"/>
        <v>13.8252638042757</v>
      </c>
      <c r="AC224">
        <f t="shared" si="35"/>
        <v>2.2235720408869399</v>
      </c>
    </row>
    <row r="225" spans="1:29" x14ac:dyDescent="0.4">
      <c r="A225">
        <v>222</v>
      </c>
      <c r="B225">
        <f t="shared" si="27"/>
        <v>7.4</v>
      </c>
      <c r="C225">
        <v>512.01049999999998</v>
      </c>
      <c r="D225">
        <v>520.62334999999996</v>
      </c>
      <c r="E225">
        <v>0.8990532</v>
      </c>
      <c r="F225">
        <v>642.69650000000001</v>
      </c>
      <c r="G225">
        <v>458.93576000000002</v>
      </c>
      <c r="H225">
        <v>0.99521464000000004</v>
      </c>
      <c r="I225">
        <v>629.85033999999996</v>
      </c>
      <c r="J225">
        <v>603.16516000000001</v>
      </c>
      <c r="K225">
        <v>0.98724900000000004</v>
      </c>
      <c r="L225">
        <f t="shared" si="28"/>
        <v>594.85244666666665</v>
      </c>
      <c r="M225">
        <f t="shared" si="29"/>
        <v>527.57475666666664</v>
      </c>
      <c r="N225">
        <f t="shared" si="30"/>
        <v>-13.345552776931724</v>
      </c>
      <c r="O225">
        <f t="shared" si="31"/>
        <v>2.0275370014193035</v>
      </c>
      <c r="Q225">
        <v>1178.7401</v>
      </c>
      <c r="R225">
        <v>522.96747000000005</v>
      </c>
      <c r="S225">
        <v>0.96741694</v>
      </c>
      <c r="T225">
        <v>1297.7568000000001</v>
      </c>
      <c r="U225">
        <v>441.84546</v>
      </c>
      <c r="V225">
        <v>0.88832420000000001</v>
      </c>
      <c r="W225">
        <v>1306.9724000000001</v>
      </c>
      <c r="X225">
        <v>586.70012999999994</v>
      </c>
      <c r="Y225">
        <v>0.88675599999999999</v>
      </c>
      <c r="Z225">
        <f t="shared" si="32"/>
        <v>1261.1564333333333</v>
      </c>
      <c r="AA225">
        <f t="shared" si="33"/>
        <v>517.17102</v>
      </c>
      <c r="AB225">
        <f t="shared" si="34"/>
        <v>13.816449211455398</v>
      </c>
      <c r="AC225">
        <f t="shared" si="35"/>
        <v>2.2247365488215762</v>
      </c>
    </row>
    <row r="226" spans="1:29" x14ac:dyDescent="0.4">
      <c r="A226">
        <v>223</v>
      </c>
      <c r="B226">
        <f t="shared" si="27"/>
        <v>7.4333333333333336</v>
      </c>
      <c r="C226">
        <v>512.25469999999996</v>
      </c>
      <c r="D226">
        <v>520.66110000000003</v>
      </c>
      <c r="E226">
        <v>0.90398920000000005</v>
      </c>
      <c r="F226">
        <v>642.95636000000002</v>
      </c>
      <c r="G226">
        <v>458.92259999999999</v>
      </c>
      <c r="H226">
        <v>0.99953526000000004</v>
      </c>
      <c r="I226">
        <v>630.11303999999996</v>
      </c>
      <c r="J226">
        <v>603.21624999999995</v>
      </c>
      <c r="K226">
        <v>0.97214889999999998</v>
      </c>
      <c r="L226">
        <f t="shared" si="28"/>
        <v>595.10803333333331</v>
      </c>
      <c r="M226">
        <f t="shared" si="29"/>
        <v>527.5999833333334</v>
      </c>
      <c r="N226">
        <f t="shared" si="30"/>
        <v>-13.335246852707543</v>
      </c>
      <c r="O226">
        <f t="shared" si="31"/>
        <v>2.0264220738880123</v>
      </c>
      <c r="Q226">
        <v>1178.4784</v>
      </c>
      <c r="R226">
        <v>522.86365000000001</v>
      </c>
      <c r="S226">
        <v>0.97255930000000002</v>
      </c>
      <c r="T226">
        <v>1297.5700999999999</v>
      </c>
      <c r="U226">
        <v>441.79406999999998</v>
      </c>
      <c r="V226">
        <v>0.88834524000000004</v>
      </c>
      <c r="W226">
        <v>1306.7556999999999</v>
      </c>
      <c r="X226">
        <v>586.6857</v>
      </c>
      <c r="Y226">
        <v>0.88197499999999995</v>
      </c>
      <c r="Z226">
        <f t="shared" si="32"/>
        <v>1260.9347333333333</v>
      </c>
      <c r="AA226">
        <f t="shared" si="33"/>
        <v>517.11447333333331</v>
      </c>
      <c r="AB226">
        <f t="shared" si="34"/>
        <v>13.807341095790267</v>
      </c>
      <c r="AC226">
        <f t="shared" si="35"/>
        <v>2.2271225890106816</v>
      </c>
    </row>
    <row r="227" spans="1:29" x14ac:dyDescent="0.4">
      <c r="A227">
        <v>224</v>
      </c>
      <c r="B227">
        <f t="shared" si="27"/>
        <v>7.4666666666666668</v>
      </c>
      <c r="C227">
        <v>512.38616999999999</v>
      </c>
      <c r="D227">
        <v>520.66656</v>
      </c>
      <c r="E227">
        <v>0.91057880000000002</v>
      </c>
      <c r="F227">
        <v>643.32119999999998</v>
      </c>
      <c r="G227">
        <v>458.97012000000001</v>
      </c>
      <c r="H227">
        <v>1</v>
      </c>
      <c r="I227">
        <v>630.42139999999995</v>
      </c>
      <c r="J227">
        <v>603.20029999999997</v>
      </c>
      <c r="K227">
        <v>0.95160670000000003</v>
      </c>
      <c r="L227">
        <f t="shared" si="28"/>
        <v>595.37625666666668</v>
      </c>
      <c r="M227">
        <f t="shared" si="29"/>
        <v>527.61232666666672</v>
      </c>
      <c r="N227">
        <f t="shared" si="30"/>
        <v>-13.324426725814302</v>
      </c>
      <c r="O227">
        <f t="shared" si="31"/>
        <v>2.0258289263233604</v>
      </c>
      <c r="Q227">
        <v>1178.0972999999999</v>
      </c>
      <c r="R227">
        <v>522.88729999999998</v>
      </c>
      <c r="S227">
        <v>0.97450320000000001</v>
      </c>
      <c r="T227">
        <v>1297.3882000000001</v>
      </c>
      <c r="U227">
        <v>441.77789999999999</v>
      </c>
      <c r="V227">
        <v>0.8898393</v>
      </c>
      <c r="W227">
        <v>1306.492</v>
      </c>
      <c r="X227">
        <v>586.77760000000001</v>
      </c>
      <c r="Y227">
        <v>0.86509610000000003</v>
      </c>
      <c r="Z227">
        <f t="shared" si="32"/>
        <v>1260.6591666666666</v>
      </c>
      <c r="AA227">
        <f t="shared" si="33"/>
        <v>517.1475999999999</v>
      </c>
      <c r="AB227">
        <f t="shared" si="34"/>
        <v>13.795986551555908</v>
      </c>
      <c r="AC227">
        <f t="shared" si="35"/>
        <v>2.2258668319551682</v>
      </c>
    </row>
    <row r="228" spans="1:29" x14ac:dyDescent="0.4">
      <c r="A228">
        <v>225</v>
      </c>
      <c r="B228">
        <f t="shared" si="27"/>
        <v>7.5</v>
      </c>
      <c r="C228">
        <v>512.65610000000004</v>
      </c>
      <c r="D228">
        <v>520.58672999999999</v>
      </c>
      <c r="E228">
        <v>0.92118889999999998</v>
      </c>
      <c r="F228">
        <v>643.5865</v>
      </c>
      <c r="G228">
        <v>458.97604000000001</v>
      </c>
      <c r="H228">
        <v>1</v>
      </c>
      <c r="I228">
        <v>630.58789999999999</v>
      </c>
      <c r="J228">
        <v>603.21370000000002</v>
      </c>
      <c r="K228">
        <v>0.95162959999999996</v>
      </c>
      <c r="L228">
        <f t="shared" si="28"/>
        <v>595.61016666666671</v>
      </c>
      <c r="M228">
        <f t="shared" si="29"/>
        <v>527.59215666666671</v>
      </c>
      <c r="N228">
        <f t="shared" si="30"/>
        <v>-13.314980714597711</v>
      </c>
      <c r="O228">
        <f t="shared" si="31"/>
        <v>2.0265746037534957</v>
      </c>
      <c r="Q228">
        <v>1177.8960999999999</v>
      </c>
      <c r="R228">
        <v>522.88530000000003</v>
      </c>
      <c r="S228">
        <v>0.98030379999999995</v>
      </c>
      <c r="T228">
        <v>1297.1783</v>
      </c>
      <c r="U228">
        <v>441.71823000000001</v>
      </c>
      <c r="V228">
        <v>0.88052509999999995</v>
      </c>
      <c r="W228">
        <v>1306.2537</v>
      </c>
      <c r="X228">
        <v>586.72504000000004</v>
      </c>
      <c r="Y228">
        <v>0.86201422999999999</v>
      </c>
      <c r="Z228">
        <f t="shared" si="32"/>
        <v>1260.4426999999998</v>
      </c>
      <c r="AA228">
        <f t="shared" si="33"/>
        <v>517.10952333333341</v>
      </c>
      <c r="AB228">
        <f t="shared" si="34"/>
        <v>13.787088016123125</v>
      </c>
      <c r="AC228">
        <f t="shared" si="35"/>
        <v>2.2274970481615624</v>
      </c>
    </row>
    <row r="229" spans="1:29" x14ac:dyDescent="0.4">
      <c r="A229">
        <v>226</v>
      </c>
      <c r="B229">
        <f t="shared" si="27"/>
        <v>7.5333333333333332</v>
      </c>
      <c r="C229">
        <v>512.82270000000005</v>
      </c>
      <c r="D229">
        <v>520.51520000000005</v>
      </c>
      <c r="E229">
        <v>0.92511270000000001</v>
      </c>
      <c r="F229">
        <v>643.69659999999999</v>
      </c>
      <c r="G229">
        <v>458.78762999999998</v>
      </c>
      <c r="H229">
        <v>0.99585813000000001</v>
      </c>
      <c r="I229">
        <v>630.76310000000001</v>
      </c>
      <c r="J229">
        <v>603.21245999999996</v>
      </c>
      <c r="K229">
        <v>0.95350849999999998</v>
      </c>
      <c r="L229">
        <f t="shared" si="28"/>
        <v>595.76080000000002</v>
      </c>
      <c r="M229">
        <f t="shared" si="29"/>
        <v>527.50509666666665</v>
      </c>
      <c r="N229">
        <f t="shared" si="30"/>
        <v>-13.308873663796112</v>
      </c>
      <c r="O229">
        <f t="shared" si="31"/>
        <v>2.0300788784026338</v>
      </c>
      <c r="Q229">
        <v>1177.8253</v>
      </c>
      <c r="R229">
        <v>522.81809999999996</v>
      </c>
      <c r="S229">
        <v>0.97681046000000005</v>
      </c>
      <c r="T229">
        <v>1296.9629</v>
      </c>
      <c r="U229">
        <v>441.79486000000003</v>
      </c>
      <c r="V229">
        <v>0.87718207000000004</v>
      </c>
      <c r="W229">
        <v>1305.9955</v>
      </c>
      <c r="X229">
        <v>586.64070000000004</v>
      </c>
      <c r="Y229">
        <v>0.85169620000000001</v>
      </c>
      <c r="Z229">
        <f t="shared" si="32"/>
        <v>1260.2612333333334</v>
      </c>
      <c r="AA229">
        <f t="shared" si="33"/>
        <v>517.08455333333325</v>
      </c>
      <c r="AB229">
        <f t="shared" si="34"/>
        <v>13.779626056767281</v>
      </c>
      <c r="AC229">
        <f t="shared" si="35"/>
        <v>2.2285799568020646</v>
      </c>
    </row>
    <row r="230" spans="1:29" x14ac:dyDescent="0.4">
      <c r="A230">
        <v>227</v>
      </c>
      <c r="B230">
        <f t="shared" si="27"/>
        <v>7.5666666666666664</v>
      </c>
      <c r="C230">
        <v>513.04070000000002</v>
      </c>
      <c r="D230">
        <v>520.35095000000001</v>
      </c>
      <c r="E230">
        <v>0.91959639999999998</v>
      </c>
      <c r="F230">
        <v>643.87980000000005</v>
      </c>
      <c r="G230">
        <v>458.77659999999997</v>
      </c>
      <c r="H230">
        <v>0.99465170000000003</v>
      </c>
      <c r="I230">
        <v>631.05426</v>
      </c>
      <c r="J230">
        <v>603.12243999999998</v>
      </c>
      <c r="K230">
        <v>0.9518567</v>
      </c>
      <c r="L230">
        <f t="shared" si="28"/>
        <v>595.99158666666665</v>
      </c>
      <c r="M230">
        <f t="shared" si="29"/>
        <v>527.4166633333333</v>
      </c>
      <c r="N230">
        <f t="shared" si="30"/>
        <v>-13.299531492759852</v>
      </c>
      <c r="O230">
        <f t="shared" si="31"/>
        <v>2.033612557881364</v>
      </c>
      <c r="Q230">
        <v>1177.6880000000001</v>
      </c>
      <c r="R230">
        <v>522.82659999999998</v>
      </c>
      <c r="S230">
        <v>0.95780575000000001</v>
      </c>
      <c r="T230">
        <v>1296.8472999999999</v>
      </c>
      <c r="U230">
        <v>441.791</v>
      </c>
      <c r="V230">
        <v>0.86354350000000002</v>
      </c>
      <c r="W230">
        <v>1305.5786000000001</v>
      </c>
      <c r="X230">
        <v>586.49130000000002</v>
      </c>
      <c r="Y230">
        <v>0.84483339999999996</v>
      </c>
      <c r="Z230">
        <f t="shared" si="32"/>
        <v>1260.0379666666668</v>
      </c>
      <c r="AA230">
        <f t="shared" si="33"/>
        <v>517.0363000000001</v>
      </c>
      <c r="AB230">
        <f t="shared" si="34"/>
        <v>13.770451004982174</v>
      </c>
      <c r="AC230">
        <f t="shared" si="35"/>
        <v>2.2306279861800675</v>
      </c>
    </row>
    <row r="231" spans="1:29" x14ac:dyDescent="0.4">
      <c r="A231">
        <v>228</v>
      </c>
      <c r="B231">
        <f t="shared" si="27"/>
        <v>7.6</v>
      </c>
      <c r="C231">
        <v>513.25279999999998</v>
      </c>
      <c r="D231">
        <v>520.13653999999997</v>
      </c>
      <c r="E231">
        <v>0.91829103000000001</v>
      </c>
      <c r="F231">
        <v>644.21609999999998</v>
      </c>
      <c r="G231">
        <v>458.68810000000002</v>
      </c>
      <c r="H231">
        <v>0.98919636</v>
      </c>
      <c r="I231">
        <v>631.32476999999994</v>
      </c>
      <c r="J231">
        <v>603.08280000000002</v>
      </c>
      <c r="K231">
        <v>0.94454174999999996</v>
      </c>
      <c r="L231">
        <f t="shared" si="28"/>
        <v>596.26455666666664</v>
      </c>
      <c r="M231">
        <f t="shared" si="29"/>
        <v>527.30247999999995</v>
      </c>
      <c r="N231">
        <f t="shared" si="30"/>
        <v>-13.288478566956403</v>
      </c>
      <c r="O231">
        <f t="shared" si="31"/>
        <v>2.0381834875526499</v>
      </c>
      <c r="Q231">
        <v>1177.5111999999999</v>
      </c>
      <c r="R231">
        <v>522.71857</v>
      </c>
      <c r="S231">
        <v>0.94583755999999997</v>
      </c>
      <c r="T231">
        <v>1296.5281</v>
      </c>
      <c r="U231">
        <v>441.90390000000002</v>
      </c>
      <c r="V231">
        <v>0.86643386</v>
      </c>
      <c r="W231">
        <v>1305.4059</v>
      </c>
      <c r="X231">
        <v>586.48846000000003</v>
      </c>
      <c r="Y231">
        <v>0.84291550000000004</v>
      </c>
      <c r="Z231">
        <f t="shared" si="32"/>
        <v>1259.8150666666668</v>
      </c>
      <c r="AA231">
        <f t="shared" si="33"/>
        <v>517.03697666666665</v>
      </c>
      <c r="AB231">
        <f t="shared" si="34"/>
        <v>13.761275254695281</v>
      </c>
      <c r="AC231">
        <f t="shared" si="35"/>
        <v>2.2306784539374185</v>
      </c>
    </row>
    <row r="232" spans="1:29" x14ac:dyDescent="0.4">
      <c r="A232">
        <v>229</v>
      </c>
      <c r="B232">
        <f t="shared" si="27"/>
        <v>7.6333333333333337</v>
      </c>
      <c r="C232">
        <v>513.44939999999997</v>
      </c>
      <c r="D232">
        <v>520.18550000000005</v>
      </c>
      <c r="E232">
        <v>0.92151530000000004</v>
      </c>
      <c r="F232">
        <v>644.43219999999997</v>
      </c>
      <c r="G232">
        <v>458.6986</v>
      </c>
      <c r="H232">
        <v>0.97706760000000004</v>
      </c>
      <c r="I232">
        <v>631.46950000000004</v>
      </c>
      <c r="J232">
        <v>603.04769999999996</v>
      </c>
      <c r="K232">
        <v>0.93398499999999995</v>
      </c>
      <c r="L232">
        <f t="shared" si="28"/>
        <v>596.45036666666658</v>
      </c>
      <c r="M232">
        <f t="shared" si="29"/>
        <v>527.31059999999991</v>
      </c>
      <c r="N232">
        <f t="shared" si="30"/>
        <v>-13.280982601477785</v>
      </c>
      <c r="O232">
        <f t="shared" si="31"/>
        <v>2.037790170633381</v>
      </c>
      <c r="Q232">
        <v>1177.3896</v>
      </c>
      <c r="R232">
        <v>522.54190000000006</v>
      </c>
      <c r="S232">
        <v>0.93895214999999999</v>
      </c>
      <c r="T232">
        <v>1296.3054</v>
      </c>
      <c r="U232">
        <v>441.91332999999997</v>
      </c>
      <c r="V232">
        <v>0.86951959999999995</v>
      </c>
      <c r="W232">
        <v>1305.0060000000001</v>
      </c>
      <c r="X232">
        <v>586.52544999999998</v>
      </c>
      <c r="Y232">
        <v>0.83878945999999999</v>
      </c>
      <c r="Z232">
        <f t="shared" si="32"/>
        <v>1259.567</v>
      </c>
      <c r="AA232">
        <f t="shared" si="33"/>
        <v>516.99356</v>
      </c>
      <c r="AB232">
        <f t="shared" si="34"/>
        <v>13.751077892145183</v>
      </c>
      <c r="AC232">
        <f t="shared" si="35"/>
        <v>2.2325377244846116</v>
      </c>
    </row>
    <row r="233" spans="1:29" x14ac:dyDescent="0.4">
      <c r="A233">
        <v>230</v>
      </c>
      <c r="B233">
        <f t="shared" si="27"/>
        <v>7.666666666666667</v>
      </c>
      <c r="C233">
        <v>513.61663999999996</v>
      </c>
      <c r="D233">
        <v>519.98350000000005</v>
      </c>
      <c r="E233">
        <v>0.92303849999999998</v>
      </c>
      <c r="F233">
        <v>644.68399999999997</v>
      </c>
      <c r="G233">
        <v>458.64807000000002</v>
      </c>
      <c r="H233">
        <v>0.96822759999999997</v>
      </c>
      <c r="I233">
        <v>631.64559999999994</v>
      </c>
      <c r="J233">
        <v>602.99084000000005</v>
      </c>
      <c r="K233">
        <v>0.92637694000000004</v>
      </c>
      <c r="L233">
        <f t="shared" si="28"/>
        <v>596.64874666666663</v>
      </c>
      <c r="M233">
        <f t="shared" si="29"/>
        <v>527.20746999999994</v>
      </c>
      <c r="N233">
        <f t="shared" si="30"/>
        <v>-13.272943302613143</v>
      </c>
      <c r="O233">
        <f t="shared" si="31"/>
        <v>2.0419346328170964</v>
      </c>
      <c r="Q233">
        <v>1177.1489999999999</v>
      </c>
      <c r="R233">
        <v>522.44590000000005</v>
      </c>
      <c r="S233">
        <v>0.91668559999999999</v>
      </c>
      <c r="T233">
        <v>1296.1249</v>
      </c>
      <c r="U233">
        <v>441.88213999999999</v>
      </c>
      <c r="V233">
        <v>0.87362110000000004</v>
      </c>
      <c r="W233">
        <v>1304.5576000000001</v>
      </c>
      <c r="X233">
        <v>586.44695999999999</v>
      </c>
      <c r="Y233">
        <v>0.83049189999999995</v>
      </c>
      <c r="Z233">
        <f t="shared" si="32"/>
        <v>1259.2771666666667</v>
      </c>
      <c r="AA233">
        <f t="shared" si="33"/>
        <v>516.92500000000007</v>
      </c>
      <c r="AB233">
        <f t="shared" si="34"/>
        <v>13.739169485593466</v>
      </c>
      <c r="AC233">
        <f t="shared" si="35"/>
        <v>2.2354380300866379</v>
      </c>
    </row>
    <row r="234" spans="1:29" x14ac:dyDescent="0.4">
      <c r="A234">
        <v>231</v>
      </c>
      <c r="B234">
        <f t="shared" si="27"/>
        <v>7.7</v>
      </c>
      <c r="C234">
        <v>513.75149999999996</v>
      </c>
      <c r="D234">
        <v>520.00580000000002</v>
      </c>
      <c r="E234">
        <v>0.91637979999999997</v>
      </c>
      <c r="F234">
        <v>644.92456000000004</v>
      </c>
      <c r="G234">
        <v>458.60507000000001</v>
      </c>
      <c r="H234">
        <v>0.97395869999999996</v>
      </c>
      <c r="I234">
        <v>631.81020000000001</v>
      </c>
      <c r="J234">
        <v>602.88919999999996</v>
      </c>
      <c r="K234">
        <v>0.91345184999999995</v>
      </c>
      <c r="L234">
        <f t="shared" si="28"/>
        <v>596.82875333333334</v>
      </c>
      <c r="M234">
        <f t="shared" si="29"/>
        <v>527.16669000000002</v>
      </c>
      <c r="N234">
        <f t="shared" si="30"/>
        <v>-13.265665626433373</v>
      </c>
      <c r="O234">
        <f t="shared" si="31"/>
        <v>2.0435396648096935</v>
      </c>
      <c r="Q234">
        <v>1177.0601999999999</v>
      </c>
      <c r="R234">
        <v>522.40392999999995</v>
      </c>
      <c r="S234">
        <v>0.92184573000000003</v>
      </c>
      <c r="T234">
        <v>1295.9462000000001</v>
      </c>
      <c r="U234">
        <v>441.84088000000003</v>
      </c>
      <c r="V234">
        <v>0.8686836</v>
      </c>
      <c r="W234">
        <v>1304.623</v>
      </c>
      <c r="X234">
        <v>586.37189999999998</v>
      </c>
      <c r="Y234">
        <v>0.83153929999999998</v>
      </c>
      <c r="Z234">
        <f t="shared" si="32"/>
        <v>1259.2098000000001</v>
      </c>
      <c r="AA234">
        <f t="shared" si="33"/>
        <v>516.87223666666659</v>
      </c>
      <c r="AB234">
        <f t="shared" si="34"/>
        <v>13.736413532321169</v>
      </c>
      <c r="AC234">
        <f t="shared" si="35"/>
        <v>2.2376155434937743</v>
      </c>
    </row>
    <row r="235" spans="1:29" x14ac:dyDescent="0.4">
      <c r="A235">
        <v>232</v>
      </c>
      <c r="B235">
        <f t="shared" si="27"/>
        <v>7.7333333333333334</v>
      </c>
      <c r="C235">
        <v>514.04912999999999</v>
      </c>
      <c r="D235">
        <v>519.95154000000002</v>
      </c>
      <c r="E235">
        <v>0.92011540000000003</v>
      </c>
      <c r="F235">
        <v>645.1825</v>
      </c>
      <c r="G235">
        <v>458.55376999999999</v>
      </c>
      <c r="H235">
        <v>0.98232514000000004</v>
      </c>
      <c r="I235">
        <v>631.93309999999997</v>
      </c>
      <c r="J235">
        <v>602.87189999999998</v>
      </c>
      <c r="K235">
        <v>0.91422813999999997</v>
      </c>
      <c r="L235">
        <f t="shared" si="28"/>
        <v>597.05490999999995</v>
      </c>
      <c r="M235">
        <f t="shared" si="29"/>
        <v>527.12573666666674</v>
      </c>
      <c r="N235">
        <f t="shared" si="30"/>
        <v>-13.25652537607173</v>
      </c>
      <c r="O235">
        <f t="shared" si="31"/>
        <v>2.0451364204552753</v>
      </c>
      <c r="Q235">
        <v>1176.9525000000001</v>
      </c>
      <c r="R235">
        <v>522.41300000000001</v>
      </c>
      <c r="S235">
        <v>0.91503970000000001</v>
      </c>
      <c r="T235">
        <v>1295.8516</v>
      </c>
      <c r="U235">
        <v>441.65158000000002</v>
      </c>
      <c r="V235">
        <v>0.86692809999999998</v>
      </c>
      <c r="W235">
        <v>1304.5044</v>
      </c>
      <c r="X235">
        <v>586.29070000000002</v>
      </c>
      <c r="Y235">
        <v>0.83444874999999996</v>
      </c>
      <c r="Z235">
        <f t="shared" si="32"/>
        <v>1259.1028333333334</v>
      </c>
      <c r="AA235">
        <f t="shared" si="33"/>
        <v>516.78509333333329</v>
      </c>
      <c r="AB235">
        <f t="shared" si="34"/>
        <v>13.732038654611687</v>
      </c>
      <c r="AC235">
        <f t="shared" si="35"/>
        <v>2.2412103927400668</v>
      </c>
    </row>
    <row r="236" spans="1:29" x14ac:dyDescent="0.4">
      <c r="A236">
        <v>233</v>
      </c>
      <c r="B236">
        <f t="shared" si="27"/>
        <v>7.7666666666666666</v>
      </c>
      <c r="C236">
        <v>514.32635000000005</v>
      </c>
      <c r="D236">
        <v>520.04110000000003</v>
      </c>
      <c r="E236">
        <v>0.92638313999999999</v>
      </c>
      <c r="F236">
        <v>645.52874999999995</v>
      </c>
      <c r="G236">
        <v>458.57436999999999</v>
      </c>
      <c r="H236">
        <v>0.98442929999999995</v>
      </c>
      <c r="I236">
        <v>632.20196999999996</v>
      </c>
      <c r="J236">
        <v>602.89570000000003</v>
      </c>
      <c r="K236">
        <v>0.89866440000000003</v>
      </c>
      <c r="L236">
        <f t="shared" si="28"/>
        <v>597.35235666666665</v>
      </c>
      <c r="M236">
        <f t="shared" si="29"/>
        <v>527.17039</v>
      </c>
      <c r="N236">
        <f t="shared" si="30"/>
        <v>-13.244535692653313</v>
      </c>
      <c r="O236">
        <f t="shared" si="31"/>
        <v>2.043214433848231</v>
      </c>
      <c r="Q236">
        <v>1176.6923999999999</v>
      </c>
      <c r="R236">
        <v>522.35590000000002</v>
      </c>
      <c r="S236">
        <v>0.90572494000000003</v>
      </c>
      <c r="T236">
        <v>1295.6660999999999</v>
      </c>
      <c r="U236">
        <v>441.84197999999998</v>
      </c>
      <c r="V236">
        <v>0.87368480000000004</v>
      </c>
      <c r="W236">
        <v>1304.3622</v>
      </c>
      <c r="X236">
        <v>586.34979999999996</v>
      </c>
      <c r="Y236">
        <v>0.83947020000000006</v>
      </c>
      <c r="Z236">
        <f t="shared" si="32"/>
        <v>1258.9069</v>
      </c>
      <c r="AA236">
        <f t="shared" si="33"/>
        <v>516.8492266666666</v>
      </c>
      <c r="AB236">
        <f t="shared" si="34"/>
        <v>13.723952629539038</v>
      </c>
      <c r="AC236">
        <f t="shared" si="35"/>
        <v>2.2386609720665898</v>
      </c>
    </row>
    <row r="237" spans="1:29" x14ac:dyDescent="0.4">
      <c r="A237">
        <v>234</v>
      </c>
      <c r="B237">
        <f t="shared" si="27"/>
        <v>7.8</v>
      </c>
      <c r="C237">
        <v>514.65309999999999</v>
      </c>
      <c r="D237">
        <v>519.96813999999995</v>
      </c>
      <c r="E237">
        <v>0.92697954000000005</v>
      </c>
      <c r="F237">
        <v>645.86749999999995</v>
      </c>
      <c r="G237">
        <v>458.51767000000001</v>
      </c>
      <c r="H237">
        <v>0.97764426000000004</v>
      </c>
      <c r="I237">
        <v>632.45734000000004</v>
      </c>
      <c r="J237">
        <v>602.90589999999997</v>
      </c>
      <c r="K237">
        <v>0.89403379999999999</v>
      </c>
      <c r="L237">
        <f t="shared" si="28"/>
        <v>597.65931333333322</v>
      </c>
      <c r="M237">
        <f t="shared" si="29"/>
        <v>527.13056999999992</v>
      </c>
      <c r="N237">
        <f t="shared" si="30"/>
        <v>-13.232134756277322</v>
      </c>
      <c r="O237">
        <f t="shared" si="31"/>
        <v>2.0447380376562228</v>
      </c>
      <c r="Q237">
        <v>1176.3440000000001</v>
      </c>
      <c r="R237">
        <v>522.3098</v>
      </c>
      <c r="S237">
        <v>0.90261745000000004</v>
      </c>
      <c r="T237">
        <v>1295.4822999999999</v>
      </c>
      <c r="U237">
        <v>441.87322999999998</v>
      </c>
      <c r="V237">
        <v>0.87349980000000005</v>
      </c>
      <c r="W237">
        <v>1304.1220000000001</v>
      </c>
      <c r="X237">
        <v>586.29767000000004</v>
      </c>
      <c r="Y237">
        <v>0.84460829999999998</v>
      </c>
      <c r="Z237">
        <f t="shared" si="32"/>
        <v>1258.6494333333333</v>
      </c>
      <c r="AA237">
        <f t="shared" si="33"/>
        <v>516.82690000000002</v>
      </c>
      <c r="AB237">
        <f t="shared" si="34"/>
        <v>13.713361778304233</v>
      </c>
      <c r="AC237">
        <f t="shared" si="35"/>
        <v>2.2396625872996081</v>
      </c>
    </row>
    <row r="238" spans="1:29" x14ac:dyDescent="0.4">
      <c r="A238">
        <v>235</v>
      </c>
      <c r="B238">
        <f t="shared" si="27"/>
        <v>7.833333333333333</v>
      </c>
      <c r="C238">
        <v>515.01250000000005</v>
      </c>
      <c r="D238">
        <v>520.07056</v>
      </c>
      <c r="E238">
        <v>0.93102419999999997</v>
      </c>
      <c r="F238">
        <v>646.05029999999999</v>
      </c>
      <c r="G238">
        <v>458.54759999999999</v>
      </c>
      <c r="H238">
        <v>0.96665055</v>
      </c>
      <c r="I238">
        <v>632.72119999999995</v>
      </c>
      <c r="J238">
        <v>602.89469999999994</v>
      </c>
      <c r="K238">
        <v>0.88191664000000003</v>
      </c>
      <c r="L238">
        <f t="shared" si="28"/>
        <v>597.928</v>
      </c>
      <c r="M238">
        <f t="shared" si="29"/>
        <v>527.17095333333327</v>
      </c>
      <c r="N238">
        <f t="shared" si="30"/>
        <v>-13.221304172900288</v>
      </c>
      <c r="O238">
        <f t="shared" si="31"/>
        <v>2.0429999430958188</v>
      </c>
      <c r="Q238">
        <v>1176.1679999999999</v>
      </c>
      <c r="R238">
        <v>522.25543000000005</v>
      </c>
      <c r="S238">
        <v>0.89567569999999996</v>
      </c>
      <c r="T238">
        <v>1295.3766000000001</v>
      </c>
      <c r="U238">
        <v>441.92052999999999</v>
      </c>
      <c r="V238">
        <v>0.87266790000000005</v>
      </c>
      <c r="W238">
        <v>1303.8952999999999</v>
      </c>
      <c r="X238">
        <v>586.40390000000002</v>
      </c>
      <c r="Y238">
        <v>0.85059494000000002</v>
      </c>
      <c r="Z238">
        <f t="shared" si="32"/>
        <v>1258.4799666666668</v>
      </c>
      <c r="AA238">
        <f t="shared" si="33"/>
        <v>516.85995333333335</v>
      </c>
      <c r="AB238">
        <f t="shared" si="34"/>
        <v>13.706375367005691</v>
      </c>
      <c r="AC238">
        <f t="shared" si="35"/>
        <v>2.2383726443183347</v>
      </c>
    </row>
    <row r="239" spans="1:29" x14ac:dyDescent="0.4">
      <c r="A239">
        <v>236</v>
      </c>
      <c r="B239">
        <f t="shared" si="27"/>
        <v>7.8666666666666663</v>
      </c>
      <c r="C239">
        <v>515.24080000000004</v>
      </c>
      <c r="D239">
        <v>520.13120000000004</v>
      </c>
      <c r="E239">
        <v>0.92354493999999998</v>
      </c>
      <c r="F239">
        <v>646.28894000000003</v>
      </c>
      <c r="G239">
        <v>458.43689999999998</v>
      </c>
      <c r="H239">
        <v>0.95209589999999999</v>
      </c>
      <c r="I239">
        <v>632.99774000000002</v>
      </c>
      <c r="J239">
        <v>602.63490000000002</v>
      </c>
      <c r="K239">
        <v>0.88198339999999997</v>
      </c>
      <c r="L239">
        <f t="shared" si="28"/>
        <v>598.17582666666669</v>
      </c>
      <c r="M239">
        <f t="shared" si="29"/>
        <v>527.0676666666667</v>
      </c>
      <c r="N239">
        <f t="shared" si="30"/>
        <v>-13.211268876150807</v>
      </c>
      <c r="O239">
        <f t="shared" si="31"/>
        <v>2.0471343379659817</v>
      </c>
      <c r="Q239">
        <v>1175.9437</v>
      </c>
      <c r="R239">
        <v>522.07354999999995</v>
      </c>
      <c r="S239">
        <v>0.90780930000000004</v>
      </c>
      <c r="T239">
        <v>1295.1926000000001</v>
      </c>
      <c r="U239">
        <v>442.06274000000002</v>
      </c>
      <c r="V239">
        <v>0.88237715000000005</v>
      </c>
      <c r="W239">
        <v>1303.6953000000001</v>
      </c>
      <c r="X239">
        <v>586.54534999999998</v>
      </c>
      <c r="Y239">
        <v>0.85128367000000005</v>
      </c>
      <c r="Z239">
        <f t="shared" si="32"/>
        <v>1258.2772000000002</v>
      </c>
      <c r="AA239">
        <f t="shared" si="33"/>
        <v>516.89387999999997</v>
      </c>
      <c r="AB239">
        <f t="shared" si="34"/>
        <v>13.698018001496909</v>
      </c>
      <c r="AC239">
        <f t="shared" si="35"/>
        <v>2.2370587136185747</v>
      </c>
    </row>
    <row r="240" spans="1:29" x14ac:dyDescent="0.4">
      <c r="A240">
        <v>237</v>
      </c>
      <c r="B240">
        <f t="shared" si="27"/>
        <v>7.9</v>
      </c>
      <c r="C240">
        <v>515.24570000000006</v>
      </c>
      <c r="D240">
        <v>520.16489999999999</v>
      </c>
      <c r="E240">
        <v>0.92709909999999995</v>
      </c>
      <c r="F240">
        <v>646.49694999999997</v>
      </c>
      <c r="G240">
        <v>458.43759999999997</v>
      </c>
      <c r="H240">
        <v>0.95540360000000002</v>
      </c>
      <c r="I240">
        <v>633.22076000000004</v>
      </c>
      <c r="J240">
        <v>602.61369999999999</v>
      </c>
      <c r="K240">
        <v>0.8911557</v>
      </c>
      <c r="L240">
        <f t="shared" si="28"/>
        <v>598.3211366666668</v>
      </c>
      <c r="M240">
        <f t="shared" si="29"/>
        <v>527.07206666666661</v>
      </c>
      <c r="N240">
        <f t="shared" si="30"/>
        <v>-13.205405799887787</v>
      </c>
      <c r="O240">
        <f t="shared" si="31"/>
        <v>2.0469063604659214</v>
      </c>
      <c r="Q240">
        <v>1175.6030000000001</v>
      </c>
      <c r="R240">
        <v>522.01953000000003</v>
      </c>
      <c r="S240">
        <v>0.92490839999999996</v>
      </c>
      <c r="T240">
        <v>1294.9154000000001</v>
      </c>
      <c r="U240">
        <v>442.08184999999997</v>
      </c>
      <c r="V240">
        <v>0.89165799999999995</v>
      </c>
      <c r="W240">
        <v>1303.4359999999999</v>
      </c>
      <c r="X240">
        <v>586.55164000000002</v>
      </c>
      <c r="Y240">
        <v>0.86336650000000004</v>
      </c>
      <c r="Z240">
        <f t="shared" si="32"/>
        <v>1257.9848</v>
      </c>
      <c r="AA240">
        <f t="shared" si="33"/>
        <v>516.88434000000007</v>
      </c>
      <c r="AB240">
        <f t="shared" si="34"/>
        <v>13.685985279170326</v>
      </c>
      <c r="AC240">
        <f t="shared" si="35"/>
        <v>2.2375505824242219</v>
      </c>
    </row>
    <row r="241" spans="1:29" x14ac:dyDescent="0.4">
      <c r="A241">
        <v>238</v>
      </c>
      <c r="B241">
        <f t="shared" si="27"/>
        <v>7.9333333333333336</v>
      </c>
      <c r="C241">
        <v>515.69039999999995</v>
      </c>
      <c r="D241">
        <v>520.16125</v>
      </c>
      <c r="E241">
        <v>0.92195459999999996</v>
      </c>
      <c r="F241">
        <v>646.74005</v>
      </c>
      <c r="G241">
        <v>458.41</v>
      </c>
      <c r="H241">
        <v>0.94317430000000002</v>
      </c>
      <c r="I241">
        <v>633.45825000000002</v>
      </c>
      <c r="J241">
        <v>602.58780000000002</v>
      </c>
      <c r="K241">
        <v>0.89511465999999995</v>
      </c>
      <c r="L241">
        <f t="shared" si="28"/>
        <v>598.62956666666662</v>
      </c>
      <c r="M241">
        <f t="shared" si="29"/>
        <v>527.05301666666662</v>
      </c>
      <c r="N241">
        <f t="shared" si="30"/>
        <v>-13.192951761872294</v>
      </c>
      <c r="O241">
        <f t="shared" si="31"/>
        <v>2.0475814976166244</v>
      </c>
      <c r="Q241">
        <v>1175.2891</v>
      </c>
      <c r="R241">
        <v>521.95690000000002</v>
      </c>
      <c r="S241">
        <v>0.9328457</v>
      </c>
      <c r="T241">
        <v>1294.7754</v>
      </c>
      <c r="U241">
        <v>442.07556</v>
      </c>
      <c r="V241">
        <v>0.90261210000000003</v>
      </c>
      <c r="W241">
        <v>1303.2212</v>
      </c>
      <c r="X241">
        <v>586.5752</v>
      </c>
      <c r="Y241">
        <v>0.87907360000000001</v>
      </c>
      <c r="Z241">
        <f t="shared" si="32"/>
        <v>1257.7619</v>
      </c>
      <c r="AA241">
        <f t="shared" si="33"/>
        <v>516.86922000000004</v>
      </c>
      <c r="AB241">
        <f t="shared" si="34"/>
        <v>13.676815204231097</v>
      </c>
      <c r="AC241">
        <f t="shared" si="35"/>
        <v>2.2382458919624524</v>
      </c>
    </row>
    <row r="242" spans="1:29" x14ac:dyDescent="0.4">
      <c r="A242">
        <v>239</v>
      </c>
      <c r="B242">
        <f t="shared" si="27"/>
        <v>7.9666666666666668</v>
      </c>
      <c r="C242">
        <v>515.91943000000003</v>
      </c>
      <c r="D242">
        <v>520.07209999999998</v>
      </c>
      <c r="E242">
        <v>0.91009985999999998</v>
      </c>
      <c r="F242">
        <v>647.08374000000003</v>
      </c>
      <c r="G242">
        <v>458.40505999999999</v>
      </c>
      <c r="H242">
        <v>0.93497450000000004</v>
      </c>
      <c r="I242">
        <v>633.67444</v>
      </c>
      <c r="J242">
        <v>602.62369999999999</v>
      </c>
      <c r="K242">
        <v>0.88960457000000004</v>
      </c>
      <c r="L242">
        <f t="shared" si="28"/>
        <v>598.89253666666662</v>
      </c>
      <c r="M242">
        <f t="shared" si="29"/>
        <v>527.03362000000004</v>
      </c>
      <c r="N242">
        <f t="shared" si="30"/>
        <v>-13.182332232247983</v>
      </c>
      <c r="O242">
        <f t="shared" si="31"/>
        <v>2.0482859093992682</v>
      </c>
      <c r="Q242">
        <v>1175.2203</v>
      </c>
      <c r="R242">
        <v>521.91930000000002</v>
      </c>
      <c r="S242">
        <v>0.93550149999999999</v>
      </c>
      <c r="T242">
        <v>1294.6002000000001</v>
      </c>
      <c r="U242">
        <v>442.14834999999999</v>
      </c>
      <c r="V242">
        <v>0.92013043000000005</v>
      </c>
      <c r="W242">
        <v>1302.9857</v>
      </c>
      <c r="X242">
        <v>586.62572999999998</v>
      </c>
      <c r="Y242">
        <v>0.87671010000000005</v>
      </c>
      <c r="Z242">
        <f t="shared" si="32"/>
        <v>1257.6020666666666</v>
      </c>
      <c r="AA242">
        <f t="shared" si="33"/>
        <v>516.89779333333331</v>
      </c>
      <c r="AB242">
        <f t="shared" si="34"/>
        <v>13.670226950099472</v>
      </c>
      <c r="AC242">
        <f t="shared" si="35"/>
        <v>2.2371354533139178</v>
      </c>
    </row>
    <row r="243" spans="1:29" x14ac:dyDescent="0.4">
      <c r="A243">
        <v>240</v>
      </c>
      <c r="B243">
        <f t="shared" si="27"/>
        <v>8</v>
      </c>
      <c r="C243">
        <v>516.21984999999995</v>
      </c>
      <c r="D243">
        <v>519.99689999999998</v>
      </c>
      <c r="E243">
        <v>0.90824309999999997</v>
      </c>
      <c r="F243">
        <v>647.40560000000005</v>
      </c>
      <c r="G243">
        <v>458.41257000000002</v>
      </c>
      <c r="H243">
        <v>0.93026114000000004</v>
      </c>
      <c r="I243">
        <v>633.95123000000001</v>
      </c>
      <c r="J243">
        <v>602.62139999999999</v>
      </c>
      <c r="K243">
        <v>0.88531979999999999</v>
      </c>
      <c r="L243">
        <f t="shared" si="28"/>
        <v>599.19222666666667</v>
      </c>
      <c r="M243">
        <f t="shared" si="29"/>
        <v>527.01029000000005</v>
      </c>
      <c r="N243">
        <f t="shared" si="30"/>
        <v>-13.170229338013556</v>
      </c>
      <c r="O243">
        <f t="shared" si="31"/>
        <v>2.049138686777535</v>
      </c>
      <c r="Q243">
        <v>1175.0614</v>
      </c>
      <c r="R243">
        <v>521.85406</v>
      </c>
      <c r="S243">
        <v>0.93227340000000003</v>
      </c>
      <c r="T243">
        <v>1294.4059</v>
      </c>
      <c r="U243">
        <v>442.05874999999997</v>
      </c>
      <c r="V243">
        <v>0.90620670000000003</v>
      </c>
      <c r="W243">
        <v>1302.7327</v>
      </c>
      <c r="X243">
        <v>586.69560000000001</v>
      </c>
      <c r="Y243">
        <v>0.87834144000000003</v>
      </c>
      <c r="Z243">
        <f t="shared" si="32"/>
        <v>1257.4000000000001</v>
      </c>
      <c r="AA243">
        <f t="shared" si="33"/>
        <v>516.86946999999998</v>
      </c>
      <c r="AB243">
        <f t="shared" si="34"/>
        <v>13.661918782867485</v>
      </c>
      <c r="AC243">
        <f t="shared" si="35"/>
        <v>2.2383624518200151</v>
      </c>
    </row>
    <row r="244" spans="1:29" x14ac:dyDescent="0.4">
      <c r="A244">
        <v>241</v>
      </c>
      <c r="B244">
        <f t="shared" si="27"/>
        <v>8.0333333333333332</v>
      </c>
      <c r="C244">
        <v>516.49580000000003</v>
      </c>
      <c r="D244">
        <v>520.03020000000004</v>
      </c>
      <c r="E244">
        <v>0.90998369999999995</v>
      </c>
      <c r="F244">
        <v>647.59709999999995</v>
      </c>
      <c r="G244">
        <v>458.39154000000002</v>
      </c>
      <c r="H244">
        <v>0.92918020000000001</v>
      </c>
      <c r="I244">
        <v>634.29645000000005</v>
      </c>
      <c r="J244">
        <v>602.64070000000004</v>
      </c>
      <c r="K244">
        <v>0.89025664000000004</v>
      </c>
      <c r="L244">
        <f t="shared" si="28"/>
        <v>599.46311666666668</v>
      </c>
      <c r="M244">
        <f t="shared" si="29"/>
        <v>527.02081333333342</v>
      </c>
      <c r="N244">
        <f t="shared" si="30"/>
        <v>-13.159299661435842</v>
      </c>
      <c r="O244">
        <f t="shared" si="31"/>
        <v>2.0486189301324416</v>
      </c>
      <c r="Q244">
        <v>1174.9067</v>
      </c>
      <c r="R244">
        <v>521.83860000000004</v>
      </c>
      <c r="S244">
        <v>0.93371150000000003</v>
      </c>
      <c r="T244">
        <v>1294.2754</v>
      </c>
      <c r="U244">
        <v>442.15314000000001</v>
      </c>
      <c r="V244">
        <v>0.91015610000000002</v>
      </c>
      <c r="W244">
        <v>1302.5210999999999</v>
      </c>
      <c r="X244">
        <v>586.68240000000003</v>
      </c>
      <c r="Y244">
        <v>0.88697415999999996</v>
      </c>
      <c r="Z244">
        <f t="shared" si="32"/>
        <v>1257.2344000000001</v>
      </c>
      <c r="AA244">
        <f t="shared" si="33"/>
        <v>516.89138000000003</v>
      </c>
      <c r="AB244">
        <f t="shared" si="34"/>
        <v>13.655095395920657</v>
      </c>
      <c r="AC244">
        <f t="shared" si="35"/>
        <v>2.237526043172581</v>
      </c>
    </row>
    <row r="245" spans="1:29" x14ac:dyDescent="0.4">
      <c r="A245">
        <v>242</v>
      </c>
      <c r="B245">
        <f t="shared" si="27"/>
        <v>8.0666666666666664</v>
      </c>
      <c r="C245">
        <v>516.7758</v>
      </c>
      <c r="D245">
        <v>520.0779</v>
      </c>
      <c r="E245">
        <v>0.91005740000000002</v>
      </c>
      <c r="F245">
        <v>647.86440000000005</v>
      </c>
      <c r="G245">
        <v>458.34784000000002</v>
      </c>
      <c r="H245">
        <v>0.91744082999999998</v>
      </c>
      <c r="I245">
        <v>634.62005999999997</v>
      </c>
      <c r="J245">
        <v>602.69713999999999</v>
      </c>
      <c r="K245">
        <v>0.89276403000000004</v>
      </c>
      <c r="L245">
        <f t="shared" si="28"/>
        <v>599.75342000000001</v>
      </c>
      <c r="M245">
        <f t="shared" si="29"/>
        <v>527.04095999999993</v>
      </c>
      <c r="N245">
        <f t="shared" si="30"/>
        <v>-13.147589481127161</v>
      </c>
      <c r="O245">
        <f t="shared" si="31"/>
        <v>2.047699825196942</v>
      </c>
      <c r="Q245">
        <v>1174.6713</v>
      </c>
      <c r="R245">
        <v>521.82830000000001</v>
      </c>
      <c r="S245">
        <v>0.94244559999999999</v>
      </c>
      <c r="T245">
        <v>1294.098</v>
      </c>
      <c r="U245">
        <v>442.10284000000001</v>
      </c>
      <c r="V245">
        <v>0.91178610000000004</v>
      </c>
      <c r="W245">
        <v>1302.2877000000001</v>
      </c>
      <c r="X245">
        <v>586.64639999999997</v>
      </c>
      <c r="Y245">
        <v>0.89514539999999998</v>
      </c>
      <c r="Z245">
        <f t="shared" si="32"/>
        <v>1257.019</v>
      </c>
      <c r="AA245">
        <f t="shared" si="33"/>
        <v>516.85918000000004</v>
      </c>
      <c r="AB245">
        <f t="shared" si="34"/>
        <v>13.64623976444193</v>
      </c>
      <c r="AC245">
        <f t="shared" si="35"/>
        <v>2.2389159636409657</v>
      </c>
    </row>
    <row r="246" spans="1:29" x14ac:dyDescent="0.4">
      <c r="A246">
        <v>243</v>
      </c>
      <c r="B246">
        <f t="shared" si="27"/>
        <v>8.1</v>
      </c>
      <c r="C246">
        <v>517.10019999999997</v>
      </c>
      <c r="D246">
        <v>520.14264000000003</v>
      </c>
      <c r="E246">
        <v>0.90822610000000004</v>
      </c>
      <c r="F246">
        <v>648.09169999999995</v>
      </c>
      <c r="G246">
        <v>458.30450000000002</v>
      </c>
      <c r="H246">
        <v>0.8977292</v>
      </c>
      <c r="I246">
        <v>634.88379999999995</v>
      </c>
      <c r="J246">
        <v>602.60913000000005</v>
      </c>
      <c r="K246">
        <v>0.88647419999999999</v>
      </c>
      <c r="L246">
        <f t="shared" si="28"/>
        <v>600.02523333333329</v>
      </c>
      <c r="M246">
        <f t="shared" si="29"/>
        <v>527.01875666666672</v>
      </c>
      <c r="N246">
        <f t="shared" si="30"/>
        <v>-13.136611759944197</v>
      </c>
      <c r="O246">
        <f t="shared" si="31"/>
        <v>2.0485158730432809</v>
      </c>
      <c r="Q246">
        <v>1174.5377000000001</v>
      </c>
      <c r="R246">
        <v>521.80420000000004</v>
      </c>
      <c r="S246">
        <v>0.94088596000000002</v>
      </c>
      <c r="T246">
        <v>1293.9625000000001</v>
      </c>
      <c r="U246">
        <v>442.00842</v>
      </c>
      <c r="V246">
        <v>0.9021342</v>
      </c>
      <c r="W246">
        <v>1302.0839000000001</v>
      </c>
      <c r="X246">
        <v>586.62300000000005</v>
      </c>
      <c r="Y246">
        <v>0.90149639999999998</v>
      </c>
      <c r="Z246">
        <f t="shared" si="32"/>
        <v>1256.8613666666668</v>
      </c>
      <c r="AA246">
        <f t="shared" si="33"/>
        <v>516.81187333333344</v>
      </c>
      <c r="AB246">
        <f t="shared" si="34"/>
        <v>13.639766792953401</v>
      </c>
      <c r="AC246">
        <f t="shared" si="35"/>
        <v>2.2409023355161293</v>
      </c>
    </row>
    <row r="247" spans="1:29" x14ac:dyDescent="0.4">
      <c r="A247">
        <v>244</v>
      </c>
      <c r="B247">
        <f t="shared" si="27"/>
        <v>8.1333333333333329</v>
      </c>
      <c r="C247">
        <v>517.44000000000005</v>
      </c>
      <c r="D247">
        <v>520.08434999999997</v>
      </c>
      <c r="E247">
        <v>0.90920999999999996</v>
      </c>
      <c r="F247">
        <v>648.31975999999997</v>
      </c>
      <c r="G247">
        <v>458.30344000000002</v>
      </c>
      <c r="H247">
        <v>0.87195480000000003</v>
      </c>
      <c r="I247">
        <v>635.13616999999999</v>
      </c>
      <c r="J247">
        <v>602.62494000000004</v>
      </c>
      <c r="K247">
        <v>0.88066860000000002</v>
      </c>
      <c r="L247">
        <f t="shared" si="28"/>
        <v>600.2986433333333</v>
      </c>
      <c r="M247">
        <f t="shared" si="29"/>
        <v>527.00424333333331</v>
      </c>
      <c r="N247">
        <f t="shared" si="30"/>
        <v>-13.125571994773003</v>
      </c>
      <c r="O247">
        <f t="shared" si="31"/>
        <v>2.0490174316277541</v>
      </c>
      <c r="Q247">
        <v>1174.423</v>
      </c>
      <c r="R247">
        <v>521.68870000000004</v>
      </c>
      <c r="S247">
        <v>0.9430385</v>
      </c>
      <c r="T247">
        <v>1293.8087</v>
      </c>
      <c r="U247">
        <v>442.07834000000003</v>
      </c>
      <c r="V247">
        <v>0.92427959999999998</v>
      </c>
      <c r="W247">
        <v>1301.8244999999999</v>
      </c>
      <c r="X247">
        <v>586.57654000000002</v>
      </c>
      <c r="Y247">
        <v>0.91164493999999996</v>
      </c>
      <c r="Z247">
        <f t="shared" si="32"/>
        <v>1256.6854000000001</v>
      </c>
      <c r="AA247">
        <f t="shared" si="33"/>
        <v>516.78119333333336</v>
      </c>
      <c r="AB247">
        <f t="shared" si="34"/>
        <v>13.632533857420198</v>
      </c>
      <c r="AC247">
        <f t="shared" si="35"/>
        <v>2.2422163914859401</v>
      </c>
    </row>
    <row r="248" spans="1:29" x14ac:dyDescent="0.4">
      <c r="A248">
        <v>245</v>
      </c>
      <c r="B248">
        <f t="shared" si="27"/>
        <v>8.1666666666666661</v>
      </c>
      <c r="C248">
        <v>517.76586999999995</v>
      </c>
      <c r="D248">
        <v>519.93359999999996</v>
      </c>
      <c r="E248">
        <v>0.91003809999999996</v>
      </c>
      <c r="F248">
        <v>648.43413999999996</v>
      </c>
      <c r="G248">
        <v>458.67187999999999</v>
      </c>
      <c r="H248">
        <v>0.85987820000000004</v>
      </c>
      <c r="I248">
        <v>635.36126999999999</v>
      </c>
      <c r="J248">
        <v>602.59230000000002</v>
      </c>
      <c r="K248">
        <v>0.86518649999999997</v>
      </c>
      <c r="L248">
        <f t="shared" si="28"/>
        <v>600.52042666666659</v>
      </c>
      <c r="M248">
        <f t="shared" si="29"/>
        <v>527.06592666666666</v>
      </c>
      <c r="N248">
        <f t="shared" si="30"/>
        <v>-13.116640523879477</v>
      </c>
      <c r="O248">
        <f t="shared" si="31"/>
        <v>2.0464253216297439</v>
      </c>
      <c r="Q248">
        <v>1174.2621999999999</v>
      </c>
      <c r="R248">
        <v>521.72609999999997</v>
      </c>
      <c r="S248">
        <v>0.94536567000000005</v>
      </c>
      <c r="T248">
        <v>1293.5820000000001</v>
      </c>
      <c r="U248">
        <v>441.92477000000002</v>
      </c>
      <c r="V248">
        <v>0.93266309999999997</v>
      </c>
      <c r="W248">
        <v>1301.5785000000001</v>
      </c>
      <c r="X248">
        <v>586.62120000000004</v>
      </c>
      <c r="Y248">
        <v>0.91596169999999999</v>
      </c>
      <c r="Z248">
        <f t="shared" si="32"/>
        <v>1256.4742333333334</v>
      </c>
      <c r="AA248">
        <f t="shared" si="33"/>
        <v>516.75735666666662</v>
      </c>
      <c r="AB248">
        <f t="shared" si="34"/>
        <v>13.623849904917472</v>
      </c>
      <c r="AC248">
        <f t="shared" si="35"/>
        <v>2.2432634157223181</v>
      </c>
    </row>
    <row r="249" spans="1:29" x14ac:dyDescent="0.4">
      <c r="A249">
        <v>246</v>
      </c>
      <c r="B249">
        <f t="shared" si="27"/>
        <v>8.1999999999999993</v>
      </c>
      <c r="C249">
        <v>517.92223999999999</v>
      </c>
      <c r="D249">
        <v>519.83860000000004</v>
      </c>
      <c r="E249">
        <v>0.91256570000000004</v>
      </c>
      <c r="F249">
        <v>648.91409999999996</v>
      </c>
      <c r="G249">
        <v>458.59604000000002</v>
      </c>
      <c r="H249">
        <v>0.89471935999999996</v>
      </c>
      <c r="I249">
        <v>635.61487</v>
      </c>
      <c r="J249">
        <v>602.63762999999994</v>
      </c>
      <c r="K249">
        <v>0.85980414999999999</v>
      </c>
      <c r="L249">
        <f t="shared" si="28"/>
        <v>600.81706999999994</v>
      </c>
      <c r="M249">
        <f t="shared" si="29"/>
        <v>527.02409</v>
      </c>
      <c r="N249">
        <f t="shared" si="30"/>
        <v>-13.104654013825581</v>
      </c>
      <c r="O249">
        <f t="shared" si="31"/>
        <v>2.0480346628365704</v>
      </c>
      <c r="Q249">
        <v>1174.1549</v>
      </c>
      <c r="R249">
        <v>521.74963000000002</v>
      </c>
      <c r="S249">
        <v>0.94492595999999995</v>
      </c>
      <c r="T249">
        <v>1293.3539000000001</v>
      </c>
      <c r="U249">
        <v>441.81511999999998</v>
      </c>
      <c r="V249">
        <v>0.91451203999999997</v>
      </c>
      <c r="W249">
        <v>1301.4639999999999</v>
      </c>
      <c r="X249">
        <v>586.58150000000001</v>
      </c>
      <c r="Y249">
        <v>0.91224355000000001</v>
      </c>
      <c r="Z249">
        <f t="shared" si="32"/>
        <v>1256.3242666666667</v>
      </c>
      <c r="AA249">
        <f t="shared" si="33"/>
        <v>516.71541666666667</v>
      </c>
      <c r="AB249">
        <f t="shared" si="34"/>
        <v>13.617690858952473</v>
      </c>
      <c r="AC249">
        <f t="shared" si="35"/>
        <v>2.2450280195194088</v>
      </c>
    </row>
    <row r="250" spans="1:29" x14ac:dyDescent="0.4">
      <c r="A250">
        <v>247</v>
      </c>
      <c r="B250">
        <f t="shared" si="27"/>
        <v>8.2333333333333325</v>
      </c>
      <c r="C250">
        <v>518.36239999999998</v>
      </c>
      <c r="D250">
        <v>519.89949999999999</v>
      </c>
      <c r="E250">
        <v>0.90907590000000005</v>
      </c>
      <c r="F250">
        <v>649.11800000000005</v>
      </c>
      <c r="G250">
        <v>458.66913</v>
      </c>
      <c r="H250">
        <v>0.91299045000000001</v>
      </c>
      <c r="I250">
        <v>636.0258</v>
      </c>
      <c r="J250">
        <v>602.60609999999997</v>
      </c>
      <c r="K250">
        <v>0.85244229999999999</v>
      </c>
      <c r="L250">
        <f t="shared" si="28"/>
        <v>601.16873333333331</v>
      </c>
      <c r="M250">
        <f t="shared" si="29"/>
        <v>527.05824333333328</v>
      </c>
      <c r="N250">
        <f t="shared" si="30"/>
        <v>-13.090471272201635</v>
      </c>
      <c r="O250">
        <f t="shared" si="31"/>
        <v>2.0465232862648151</v>
      </c>
      <c r="Q250">
        <v>1173.9531999999999</v>
      </c>
      <c r="R250">
        <v>521.67100000000005</v>
      </c>
      <c r="S250">
        <v>0.93920046000000001</v>
      </c>
      <c r="T250">
        <v>1293.2475999999999</v>
      </c>
      <c r="U250">
        <v>441.91753999999997</v>
      </c>
      <c r="V250">
        <v>0.93303829999999999</v>
      </c>
      <c r="W250">
        <v>1301.4644000000001</v>
      </c>
      <c r="X250">
        <v>586.63760000000002</v>
      </c>
      <c r="Y250">
        <v>0.91150589999999998</v>
      </c>
      <c r="Z250">
        <f t="shared" si="32"/>
        <v>1256.2217333333331</v>
      </c>
      <c r="AA250">
        <f t="shared" si="33"/>
        <v>516.74204666666662</v>
      </c>
      <c r="AB250">
        <f t="shared" si="34"/>
        <v>13.613461970228727</v>
      </c>
      <c r="AC250">
        <f t="shared" si="35"/>
        <v>2.2439768387923564</v>
      </c>
    </row>
    <row r="251" spans="1:29" x14ac:dyDescent="0.4">
      <c r="A251">
        <v>248</v>
      </c>
      <c r="B251">
        <f t="shared" si="27"/>
        <v>8.2666666666666675</v>
      </c>
      <c r="C251">
        <v>518.61365000000001</v>
      </c>
      <c r="D251">
        <v>519.97002999999995</v>
      </c>
      <c r="E251">
        <v>0.90663992999999998</v>
      </c>
      <c r="F251">
        <v>649.39980000000003</v>
      </c>
      <c r="G251">
        <v>458.62490000000003</v>
      </c>
      <c r="H251">
        <v>0.89668952999999996</v>
      </c>
      <c r="I251">
        <v>636.32934999999998</v>
      </c>
      <c r="J251">
        <v>602.57410000000004</v>
      </c>
      <c r="K251">
        <v>0.84741074000000005</v>
      </c>
      <c r="L251">
        <f t="shared" si="28"/>
        <v>601.44759999999997</v>
      </c>
      <c r="M251">
        <f t="shared" si="29"/>
        <v>527.0563433333333</v>
      </c>
      <c r="N251">
        <f t="shared" si="30"/>
        <v>-13.079214964650312</v>
      </c>
      <c r="O251">
        <f t="shared" si="31"/>
        <v>2.0465080624127365</v>
      </c>
      <c r="Q251">
        <v>1173.6952000000001</v>
      </c>
      <c r="R251">
        <v>521.57494999999994</v>
      </c>
      <c r="S251">
        <v>0.94592359999999998</v>
      </c>
      <c r="T251">
        <v>1293.1824999999999</v>
      </c>
      <c r="U251">
        <v>441.89544999999998</v>
      </c>
      <c r="V251">
        <v>0.94119520000000001</v>
      </c>
      <c r="W251">
        <v>1301.2885000000001</v>
      </c>
      <c r="X251">
        <v>586.63710000000003</v>
      </c>
      <c r="Y251">
        <v>0.90761185</v>
      </c>
      <c r="Z251">
        <f t="shared" si="32"/>
        <v>1256.0554</v>
      </c>
      <c r="AA251">
        <f t="shared" si="33"/>
        <v>516.70249999999999</v>
      </c>
      <c r="AB251">
        <f t="shared" si="34"/>
        <v>13.606628548945435</v>
      </c>
      <c r="AC251">
        <f t="shared" si="35"/>
        <v>2.2456494726724578</v>
      </c>
    </row>
    <row r="252" spans="1:29" x14ac:dyDescent="0.4">
      <c r="A252">
        <v>249</v>
      </c>
      <c r="B252">
        <f t="shared" si="27"/>
        <v>8.3000000000000007</v>
      </c>
      <c r="C252">
        <v>518.98080000000004</v>
      </c>
      <c r="D252">
        <v>519.96320000000003</v>
      </c>
      <c r="E252">
        <v>0.89799059999999997</v>
      </c>
      <c r="F252">
        <v>649.66520000000003</v>
      </c>
      <c r="G252">
        <v>458.54906999999997</v>
      </c>
      <c r="H252">
        <v>0.90703089999999997</v>
      </c>
      <c r="I252">
        <v>636.65264999999999</v>
      </c>
      <c r="J252">
        <v>602.54169999999999</v>
      </c>
      <c r="K252">
        <v>0.85329149999999998</v>
      </c>
      <c r="L252">
        <f t="shared" si="28"/>
        <v>601.76621666666676</v>
      </c>
      <c r="M252">
        <f t="shared" si="29"/>
        <v>527.01798999999994</v>
      </c>
      <c r="N252">
        <f t="shared" si="30"/>
        <v>-13.066342341495798</v>
      </c>
      <c r="O252">
        <f t="shared" si="31"/>
        <v>2.0479678717577579</v>
      </c>
      <c r="Q252">
        <v>1173.4376999999999</v>
      </c>
      <c r="R252">
        <v>521.50744999999995</v>
      </c>
      <c r="S252">
        <v>0.95067376000000003</v>
      </c>
      <c r="T252">
        <v>1293.1030000000001</v>
      </c>
      <c r="U252">
        <v>441.99292000000003</v>
      </c>
      <c r="V252">
        <v>0.94504670000000002</v>
      </c>
      <c r="W252">
        <v>1301.1581000000001</v>
      </c>
      <c r="X252">
        <v>586.63440000000003</v>
      </c>
      <c r="Y252">
        <v>0.91279220000000005</v>
      </c>
      <c r="Z252">
        <f t="shared" si="32"/>
        <v>1255.8996</v>
      </c>
      <c r="AA252">
        <f t="shared" si="33"/>
        <v>516.71159</v>
      </c>
      <c r="AB252">
        <f t="shared" si="34"/>
        <v>13.600212949113192</v>
      </c>
      <c r="AC252">
        <f t="shared" si="35"/>
        <v>2.245332966509566</v>
      </c>
    </row>
    <row r="253" spans="1:29" x14ac:dyDescent="0.4">
      <c r="A253">
        <v>250</v>
      </c>
      <c r="B253">
        <f t="shared" si="27"/>
        <v>8.3333333333333339</v>
      </c>
      <c r="C253">
        <v>519.18255999999997</v>
      </c>
      <c r="D253">
        <v>519.85389999999995</v>
      </c>
      <c r="E253">
        <v>0.89643340000000005</v>
      </c>
      <c r="F253">
        <v>649.89620000000002</v>
      </c>
      <c r="G253">
        <v>458.35534999999999</v>
      </c>
      <c r="H253">
        <v>0.92335040000000002</v>
      </c>
      <c r="I253">
        <v>636.85940000000005</v>
      </c>
      <c r="J253">
        <v>602.53959999999995</v>
      </c>
      <c r="K253">
        <v>0.86332540000000002</v>
      </c>
      <c r="L253">
        <f t="shared" si="28"/>
        <v>601.97938666666664</v>
      </c>
      <c r="M253">
        <f t="shared" si="29"/>
        <v>526.91628333333335</v>
      </c>
      <c r="N253">
        <f t="shared" si="30"/>
        <v>-13.057705248206352</v>
      </c>
      <c r="O253">
        <f t="shared" si="31"/>
        <v>2.0520492614339854</v>
      </c>
      <c r="Q253">
        <v>1173.2791999999999</v>
      </c>
      <c r="R253">
        <v>521.49896000000001</v>
      </c>
      <c r="S253">
        <v>0.94922519999999999</v>
      </c>
      <c r="T253">
        <v>1292.9078</v>
      </c>
      <c r="U253">
        <v>442.06713999999999</v>
      </c>
      <c r="V253">
        <v>0.9414614</v>
      </c>
      <c r="W253">
        <v>1300.9227000000001</v>
      </c>
      <c r="X253">
        <v>586.65423999999996</v>
      </c>
      <c r="Y253">
        <v>0.91711425999999996</v>
      </c>
      <c r="Z253">
        <f t="shared" si="32"/>
        <v>1255.7032333333334</v>
      </c>
      <c r="AA253">
        <f t="shared" si="33"/>
        <v>516.74011333333328</v>
      </c>
      <c r="AB253">
        <f t="shared" si="34"/>
        <v>13.592121390113308</v>
      </c>
      <c r="AC253">
        <f t="shared" si="35"/>
        <v>2.2442373579417891</v>
      </c>
    </row>
    <row r="254" spans="1:29" x14ac:dyDescent="0.4">
      <c r="A254">
        <v>251</v>
      </c>
      <c r="B254">
        <f t="shared" si="27"/>
        <v>8.3666666666666671</v>
      </c>
      <c r="C254">
        <v>519.2423</v>
      </c>
      <c r="D254">
        <v>519.82740000000001</v>
      </c>
      <c r="E254">
        <v>0.88508200000000004</v>
      </c>
      <c r="F254">
        <v>650.16660000000002</v>
      </c>
      <c r="G254">
        <v>458.24196999999998</v>
      </c>
      <c r="H254">
        <v>0.91660750000000002</v>
      </c>
      <c r="I254">
        <v>637.08910000000003</v>
      </c>
      <c r="J254">
        <v>602.51679999999999</v>
      </c>
      <c r="K254">
        <v>0.86973820000000002</v>
      </c>
      <c r="L254">
        <f t="shared" si="28"/>
        <v>602.16600000000005</v>
      </c>
      <c r="M254">
        <f t="shared" si="29"/>
        <v>526.86205666666672</v>
      </c>
      <c r="N254">
        <f t="shared" si="30"/>
        <v>-13.050155383633799</v>
      </c>
      <c r="O254">
        <f t="shared" si="31"/>
        <v>2.0542010437914038</v>
      </c>
      <c r="Q254">
        <v>1173.0123000000001</v>
      </c>
      <c r="R254">
        <v>521.4203</v>
      </c>
      <c r="S254">
        <v>0.94701880000000005</v>
      </c>
      <c r="T254">
        <v>1292.7344000000001</v>
      </c>
      <c r="U254">
        <v>442.06637999999998</v>
      </c>
      <c r="V254">
        <v>0.93881970000000003</v>
      </c>
      <c r="W254">
        <v>1300.7421999999999</v>
      </c>
      <c r="X254">
        <v>586.62994000000003</v>
      </c>
      <c r="Y254">
        <v>0.92428350000000004</v>
      </c>
      <c r="Z254">
        <f t="shared" si="32"/>
        <v>1255.4963</v>
      </c>
      <c r="AA254">
        <f t="shared" si="33"/>
        <v>516.70554000000004</v>
      </c>
      <c r="AB254">
        <f t="shared" si="34"/>
        <v>13.583615408398478</v>
      </c>
      <c r="AC254">
        <f t="shared" si="35"/>
        <v>2.2457211867053295</v>
      </c>
    </row>
    <row r="255" spans="1:29" x14ac:dyDescent="0.4">
      <c r="A255">
        <v>252</v>
      </c>
      <c r="B255">
        <f t="shared" si="27"/>
        <v>8.4</v>
      </c>
      <c r="C255">
        <v>519.42675999999994</v>
      </c>
      <c r="D255">
        <v>519.86707000000001</v>
      </c>
      <c r="E255">
        <v>0.88016039999999995</v>
      </c>
      <c r="F255">
        <v>650.37714000000005</v>
      </c>
      <c r="G255">
        <v>458.07593000000003</v>
      </c>
      <c r="H255">
        <v>0.91470443999999995</v>
      </c>
      <c r="I255">
        <v>637.30820000000006</v>
      </c>
      <c r="J255">
        <v>602.46893</v>
      </c>
      <c r="K255">
        <v>0.86452399999999996</v>
      </c>
      <c r="L255">
        <f t="shared" si="28"/>
        <v>602.37069999999994</v>
      </c>
      <c r="M255">
        <f t="shared" si="29"/>
        <v>526.8039766666667</v>
      </c>
      <c r="N255">
        <f t="shared" si="30"/>
        <v>-13.041874187092169</v>
      </c>
      <c r="O255">
        <f t="shared" si="31"/>
        <v>2.0565041228285597</v>
      </c>
      <c r="Q255">
        <v>1172.8413</v>
      </c>
      <c r="R255">
        <v>521.47577000000001</v>
      </c>
      <c r="S255">
        <v>0.95336770000000004</v>
      </c>
      <c r="T255">
        <v>1292.4773</v>
      </c>
      <c r="U255">
        <v>442.12698</v>
      </c>
      <c r="V255">
        <v>0.93588877000000004</v>
      </c>
      <c r="W255">
        <v>1300.5360000000001</v>
      </c>
      <c r="X255">
        <v>586.75930000000005</v>
      </c>
      <c r="Y255">
        <v>0.92940619999999996</v>
      </c>
      <c r="Z255">
        <f t="shared" si="32"/>
        <v>1255.2848666666666</v>
      </c>
      <c r="AA255">
        <f t="shared" si="33"/>
        <v>516.78735000000006</v>
      </c>
      <c r="AB255">
        <f t="shared" si="34"/>
        <v>13.574886556752787</v>
      </c>
      <c r="AC255">
        <f t="shared" si="35"/>
        <v>2.2424555788543294</v>
      </c>
    </row>
    <row r="256" spans="1:29" x14ac:dyDescent="0.4">
      <c r="A256">
        <v>253</v>
      </c>
      <c r="B256">
        <f t="shared" si="27"/>
        <v>8.4333333333333336</v>
      </c>
      <c r="C256">
        <v>519.72955000000002</v>
      </c>
      <c r="D256">
        <v>519.87080000000003</v>
      </c>
      <c r="E256">
        <v>0.87596940000000001</v>
      </c>
      <c r="F256">
        <v>650.60626000000002</v>
      </c>
      <c r="G256">
        <v>457.94265999999999</v>
      </c>
      <c r="H256">
        <v>0.92292695999999996</v>
      </c>
      <c r="I256">
        <v>637.55913999999996</v>
      </c>
      <c r="J256">
        <v>602.38885000000005</v>
      </c>
      <c r="K256">
        <v>0.86632662999999999</v>
      </c>
      <c r="L256">
        <f t="shared" si="28"/>
        <v>602.63164999999992</v>
      </c>
      <c r="M256">
        <f t="shared" si="29"/>
        <v>526.73410333333334</v>
      </c>
      <c r="N256">
        <f t="shared" si="30"/>
        <v>-13.031318655413216</v>
      </c>
      <c r="O256">
        <f t="shared" si="31"/>
        <v>2.0592699591466253</v>
      </c>
      <c r="Q256">
        <v>1172.6049</v>
      </c>
      <c r="R256">
        <v>521.39620000000002</v>
      </c>
      <c r="S256">
        <v>0.96382259999999997</v>
      </c>
      <c r="T256">
        <v>1292.2475999999999</v>
      </c>
      <c r="U256">
        <v>442.17880000000002</v>
      </c>
      <c r="V256">
        <v>0.94461390000000001</v>
      </c>
      <c r="W256">
        <v>1300.1863000000001</v>
      </c>
      <c r="X256">
        <v>586.55395999999996</v>
      </c>
      <c r="Y256">
        <v>0.93126339999999996</v>
      </c>
      <c r="Z256">
        <f t="shared" si="32"/>
        <v>1255.0129333333334</v>
      </c>
      <c r="AA256">
        <f t="shared" si="33"/>
        <v>516.70965333333334</v>
      </c>
      <c r="AB256">
        <f t="shared" si="34"/>
        <v>13.563719356675735</v>
      </c>
      <c r="AC256">
        <f t="shared" si="35"/>
        <v>2.2457225542804622</v>
      </c>
    </row>
    <row r="257" spans="1:29" x14ac:dyDescent="0.4">
      <c r="A257">
        <v>254</v>
      </c>
      <c r="B257">
        <f t="shared" si="27"/>
        <v>8.4666666666666668</v>
      </c>
      <c r="C257">
        <v>519.92163000000005</v>
      </c>
      <c r="D257">
        <v>519.98015999999996</v>
      </c>
      <c r="E257">
        <v>0.88596540000000001</v>
      </c>
      <c r="F257">
        <v>650.87109999999996</v>
      </c>
      <c r="G257">
        <v>457.90613000000002</v>
      </c>
      <c r="H257">
        <v>0.92506359999999999</v>
      </c>
      <c r="I257">
        <v>637.76480000000004</v>
      </c>
      <c r="J257">
        <v>602.18224999999995</v>
      </c>
      <c r="K257">
        <v>0.85324966999999996</v>
      </c>
      <c r="L257">
        <f t="shared" si="28"/>
        <v>602.85251000000005</v>
      </c>
      <c r="M257">
        <f t="shared" si="29"/>
        <v>526.68951333333325</v>
      </c>
      <c r="N257">
        <f t="shared" si="30"/>
        <v>-13.022389424631816</v>
      </c>
      <c r="O257">
        <f t="shared" si="31"/>
        <v>2.0610169067544706</v>
      </c>
      <c r="Q257">
        <v>1172.306</v>
      </c>
      <c r="R257">
        <v>521.31870000000004</v>
      </c>
      <c r="S257">
        <v>0.98254067</v>
      </c>
      <c r="T257">
        <v>1292.0138999999999</v>
      </c>
      <c r="U257">
        <v>442.10793999999999</v>
      </c>
      <c r="V257">
        <v>0.94252795</v>
      </c>
      <c r="W257">
        <v>1299.9915000000001</v>
      </c>
      <c r="X257">
        <v>586.32029999999997</v>
      </c>
      <c r="Y257">
        <v>0.93703747000000004</v>
      </c>
      <c r="Z257">
        <f t="shared" si="32"/>
        <v>1254.7704666666666</v>
      </c>
      <c r="AA257">
        <f t="shared" si="33"/>
        <v>516.58231333333333</v>
      </c>
      <c r="AB257">
        <f t="shared" si="34"/>
        <v>13.553781121674229</v>
      </c>
      <c r="AC257">
        <f t="shared" si="35"/>
        <v>2.2510057478798289</v>
      </c>
    </row>
    <row r="258" spans="1:29" x14ac:dyDescent="0.4">
      <c r="A258">
        <v>255</v>
      </c>
      <c r="B258">
        <f t="shared" si="27"/>
        <v>8.5</v>
      </c>
      <c r="C258">
        <v>520.18005000000005</v>
      </c>
      <c r="D258">
        <v>519.76385000000005</v>
      </c>
      <c r="E258">
        <v>0.89594494999999996</v>
      </c>
      <c r="F258">
        <v>651.23609999999996</v>
      </c>
      <c r="G258">
        <v>457.7251</v>
      </c>
      <c r="H258">
        <v>0.93826209999999999</v>
      </c>
      <c r="I258">
        <v>638.0308</v>
      </c>
      <c r="J258">
        <v>602.00369999999998</v>
      </c>
      <c r="K258">
        <v>0.84229129999999997</v>
      </c>
      <c r="L258">
        <f t="shared" si="28"/>
        <v>603.14898333333338</v>
      </c>
      <c r="M258">
        <f t="shared" si="29"/>
        <v>526.49755000000005</v>
      </c>
      <c r="N258">
        <f t="shared" si="30"/>
        <v>-13.010360337980439</v>
      </c>
      <c r="O258">
        <f t="shared" si="31"/>
        <v>2.068755398768928</v>
      </c>
      <c r="Q258">
        <v>1172.0862</v>
      </c>
      <c r="R258">
        <v>521.17065000000002</v>
      </c>
      <c r="S258">
        <v>0.98699320000000001</v>
      </c>
      <c r="T258">
        <v>1291.7542000000001</v>
      </c>
      <c r="U258">
        <v>442.0154</v>
      </c>
      <c r="V258">
        <v>0.95164126000000004</v>
      </c>
      <c r="W258">
        <v>1299.5963999999999</v>
      </c>
      <c r="X258">
        <v>586.178</v>
      </c>
      <c r="Y258">
        <v>0.92537177000000004</v>
      </c>
      <c r="Z258">
        <f t="shared" si="32"/>
        <v>1254.4789333333333</v>
      </c>
      <c r="AA258">
        <f t="shared" si="33"/>
        <v>516.45468333333338</v>
      </c>
      <c r="AB258">
        <f t="shared" si="34"/>
        <v>13.541823579894427</v>
      </c>
      <c r="AC258">
        <f t="shared" si="35"/>
        <v>2.2563179542252865</v>
      </c>
    </row>
    <row r="259" spans="1:29" x14ac:dyDescent="0.4">
      <c r="A259">
        <v>256</v>
      </c>
      <c r="B259">
        <f t="shared" si="27"/>
        <v>8.5333333333333332</v>
      </c>
      <c r="C259">
        <v>520.48505</v>
      </c>
      <c r="D259">
        <v>519.78204000000005</v>
      </c>
      <c r="E259">
        <v>0.90204499999999999</v>
      </c>
      <c r="F259">
        <v>651.42150000000004</v>
      </c>
      <c r="G259">
        <v>457.72201999999999</v>
      </c>
      <c r="H259">
        <v>0.93007649999999997</v>
      </c>
      <c r="I259">
        <v>638.28783999999996</v>
      </c>
      <c r="J259">
        <v>601.99929999999995</v>
      </c>
      <c r="K259">
        <v>0.84005949999999996</v>
      </c>
      <c r="L259">
        <f t="shared" si="28"/>
        <v>603.39813000000004</v>
      </c>
      <c r="M259">
        <f t="shared" si="29"/>
        <v>526.50112000000001</v>
      </c>
      <c r="N259">
        <f t="shared" si="30"/>
        <v>-13.00030477146931</v>
      </c>
      <c r="O259">
        <f t="shared" si="31"/>
        <v>2.068526731060381</v>
      </c>
      <c r="Q259">
        <v>1171.7922000000001</v>
      </c>
      <c r="R259">
        <v>521.16980000000001</v>
      </c>
      <c r="S259">
        <v>0.98143610000000003</v>
      </c>
      <c r="T259">
        <v>1291.6267</v>
      </c>
      <c r="U259">
        <v>441.92464999999999</v>
      </c>
      <c r="V259">
        <v>0.95482915999999995</v>
      </c>
      <c r="W259">
        <v>1299.624</v>
      </c>
      <c r="X259">
        <v>586.17269999999996</v>
      </c>
      <c r="Y259">
        <v>0.92428250000000001</v>
      </c>
      <c r="Z259">
        <f t="shared" si="32"/>
        <v>1254.3476333333335</v>
      </c>
      <c r="AA259">
        <f t="shared" si="33"/>
        <v>516.42238333333341</v>
      </c>
      <c r="AB259">
        <f t="shared" si="34"/>
        <v>13.53643004923415</v>
      </c>
      <c r="AC259">
        <f t="shared" si="35"/>
        <v>2.2576824840230727</v>
      </c>
    </row>
    <row r="260" spans="1:29" x14ac:dyDescent="0.4">
      <c r="A260">
        <v>257</v>
      </c>
      <c r="B260">
        <f t="shared" ref="B260:B323" si="36">A260/30</f>
        <v>8.5666666666666664</v>
      </c>
      <c r="C260">
        <v>520.85469999999998</v>
      </c>
      <c r="D260">
        <v>519.74914999999999</v>
      </c>
      <c r="E260">
        <v>0.91192865000000001</v>
      </c>
      <c r="F260">
        <v>651.59064000000001</v>
      </c>
      <c r="G260">
        <v>457.65964000000002</v>
      </c>
      <c r="H260">
        <v>0.93286000000000002</v>
      </c>
      <c r="I260">
        <v>638.59564</v>
      </c>
      <c r="J260">
        <v>601.90686000000005</v>
      </c>
      <c r="K260">
        <v>0.84330784999999997</v>
      </c>
      <c r="L260">
        <f t="shared" ref="L260:L323" si="37">(C260+F260+I260)/3</f>
        <v>603.6803266666667</v>
      </c>
      <c r="M260">
        <f t="shared" ref="M260:M323" si="38">(D260+G260+J260)/3</f>
        <v>526.43854999999996</v>
      </c>
      <c r="N260">
        <f t="shared" ref="N260:N323" si="39" xml:space="preserve"> -36.96+0.03963*L260-0.0003398*M260+6.089*10^(-7)*L260^2+1.529*10^(-8)*M260^2</f>
        <v>-12.988893651877319</v>
      </c>
      <c r="O260">
        <f t="shared" ref="O260:O323" si="40" xml:space="preserve"> 23.7-0.0003167*L260-0.0406*M260-1.335*10^(-8)*L260^2-2.149*10^(-7)*M260^2</f>
        <v>2.0709873120539091</v>
      </c>
      <c r="Q260">
        <v>1171.5139999999999</v>
      </c>
      <c r="R260">
        <v>521.07640000000004</v>
      </c>
      <c r="S260">
        <v>0.9666245</v>
      </c>
      <c r="T260">
        <v>1291.4221</v>
      </c>
      <c r="U260">
        <v>441.85640000000001</v>
      </c>
      <c r="V260">
        <v>0.96567990000000004</v>
      </c>
      <c r="W260">
        <v>1299.4306999999999</v>
      </c>
      <c r="X260">
        <v>586.10310000000004</v>
      </c>
      <c r="Y260">
        <v>0.92878660000000002</v>
      </c>
      <c r="Z260">
        <f t="shared" ref="Z260:Z323" si="41">(Q260+T260+W260)/3</f>
        <v>1254.1222666666665</v>
      </c>
      <c r="AA260">
        <f t="shared" ref="AA260:AA323" si="42">(R260+U260+X260)/3</f>
        <v>516.34530000000007</v>
      </c>
      <c r="AB260">
        <f t="shared" ref="AB260:AB323" si="43" xml:space="preserve"> -36.96+0.03963*Z260-0.0003398*AA260+6.089*10^(-7)*Z260^2+1.529*10^(-8)*AA260^2</f>
        <v>13.527179517229685</v>
      </c>
      <c r="AC260">
        <f t="shared" ref="AC260:AC323" si="44" xml:space="preserve"> 23.7-0.0003167*Z260-0.0406*AA260-1.335*10^(-8)*Z260^2-2.149*10^(-7)*AA260^2</f>
        <v>2.2609080960869972</v>
      </c>
    </row>
    <row r="261" spans="1:29" x14ac:dyDescent="0.4">
      <c r="A261">
        <v>258</v>
      </c>
      <c r="B261">
        <f t="shared" si="36"/>
        <v>8.6</v>
      </c>
      <c r="C261">
        <v>521.15030000000002</v>
      </c>
      <c r="D261">
        <v>519.66156000000001</v>
      </c>
      <c r="E261">
        <v>0.92967489999999997</v>
      </c>
      <c r="F261">
        <v>651.81529999999998</v>
      </c>
      <c r="G261">
        <v>457.72390000000001</v>
      </c>
      <c r="H261">
        <v>0.93299129999999997</v>
      </c>
      <c r="I261">
        <v>639.04723999999999</v>
      </c>
      <c r="J261">
        <v>601.74270000000001</v>
      </c>
      <c r="K261">
        <v>0.85110110000000005</v>
      </c>
      <c r="L261">
        <f t="shared" si="37"/>
        <v>604.00427999999999</v>
      </c>
      <c r="M261">
        <f t="shared" si="38"/>
        <v>526.37605333333329</v>
      </c>
      <c r="N261">
        <f t="shared" si="39"/>
        <v>-12.975796928902176</v>
      </c>
      <c r="O261">
        <f t="shared" si="40"/>
        <v>2.073430997595278</v>
      </c>
      <c r="Q261">
        <v>1171.3223</v>
      </c>
      <c r="R261">
        <v>521.07574</v>
      </c>
      <c r="S261">
        <v>0.95924646000000002</v>
      </c>
      <c r="T261">
        <v>1291.1827000000001</v>
      </c>
      <c r="U261">
        <v>441.91800000000001</v>
      </c>
      <c r="V261">
        <v>0.96301115000000004</v>
      </c>
      <c r="W261">
        <v>1299.0405000000001</v>
      </c>
      <c r="X261">
        <v>586.07074</v>
      </c>
      <c r="Y261">
        <v>0.92235590000000001</v>
      </c>
      <c r="Z261">
        <f t="shared" si="41"/>
        <v>1253.8485000000001</v>
      </c>
      <c r="AA261">
        <f t="shared" si="42"/>
        <v>516.35482666666667</v>
      </c>
      <c r="AB261">
        <f t="shared" si="43"/>
        <v>13.515908987486856</v>
      </c>
      <c r="AC261">
        <f t="shared" si="44"/>
        <v>2.2606150671906007</v>
      </c>
    </row>
    <row r="262" spans="1:29" x14ac:dyDescent="0.4">
      <c r="A262">
        <v>259</v>
      </c>
      <c r="B262">
        <f t="shared" si="36"/>
        <v>8.6333333333333329</v>
      </c>
      <c r="C262">
        <v>521.44366000000002</v>
      </c>
      <c r="D262">
        <v>519.68679999999995</v>
      </c>
      <c r="E262">
        <v>0.93468373999999999</v>
      </c>
      <c r="F262">
        <v>652.11929999999995</v>
      </c>
      <c r="G262">
        <v>457.72073</v>
      </c>
      <c r="H262">
        <v>0.93850940000000005</v>
      </c>
      <c r="I262">
        <v>639.27954</v>
      </c>
      <c r="J262">
        <v>601.73500000000001</v>
      </c>
      <c r="K262">
        <v>0.86237830000000004</v>
      </c>
      <c r="L262">
        <f t="shared" si="37"/>
        <v>604.28083333333336</v>
      </c>
      <c r="M262">
        <f t="shared" si="38"/>
        <v>526.38084333333336</v>
      </c>
      <c r="N262">
        <f t="shared" si="39"/>
        <v>-12.964635203693826</v>
      </c>
      <c r="O262">
        <f t="shared" si="40"/>
        <v>2.0731433945042568</v>
      </c>
      <c r="Q262">
        <v>1171.0748000000001</v>
      </c>
      <c r="R262">
        <v>521.01390000000004</v>
      </c>
      <c r="S262">
        <v>0.96163520000000002</v>
      </c>
      <c r="T262">
        <v>1290.9846</v>
      </c>
      <c r="U262">
        <v>441.86264</v>
      </c>
      <c r="V262">
        <v>0.94684259999999998</v>
      </c>
      <c r="W262">
        <v>1298.7313999999999</v>
      </c>
      <c r="X262">
        <v>586.09424000000001</v>
      </c>
      <c r="Y262">
        <v>0.92338540000000002</v>
      </c>
      <c r="Z262">
        <f t="shared" si="41"/>
        <v>1253.5969333333333</v>
      </c>
      <c r="AA262">
        <f t="shared" si="42"/>
        <v>516.32359333333341</v>
      </c>
      <c r="AB262">
        <f t="shared" si="43"/>
        <v>13.505565432568076</v>
      </c>
      <c r="AC262">
        <f t="shared" si="44"/>
        <v>2.2619781641119228</v>
      </c>
    </row>
    <row r="263" spans="1:29" x14ac:dyDescent="0.4">
      <c r="A263">
        <v>260</v>
      </c>
      <c r="B263">
        <f t="shared" si="36"/>
        <v>8.6666666666666661</v>
      </c>
      <c r="C263">
        <v>521.77430000000004</v>
      </c>
      <c r="D263">
        <v>519.61300000000006</v>
      </c>
      <c r="E263">
        <v>0.93622934999999996</v>
      </c>
      <c r="F263">
        <v>652.39075000000003</v>
      </c>
      <c r="G263">
        <v>457.65996999999999</v>
      </c>
      <c r="H263">
        <v>0.92654216</v>
      </c>
      <c r="I263">
        <v>639.46780000000001</v>
      </c>
      <c r="J263">
        <v>601.61279999999999</v>
      </c>
      <c r="K263">
        <v>0.87790215000000005</v>
      </c>
      <c r="L263">
        <f t="shared" si="37"/>
        <v>604.54428333333328</v>
      </c>
      <c r="M263">
        <f t="shared" si="38"/>
        <v>526.29525666666666</v>
      </c>
      <c r="N263">
        <f t="shared" si="39"/>
        <v>-12.953973062073148</v>
      </c>
      <c r="O263">
        <f t="shared" si="40"/>
        <v>2.0765498884722504</v>
      </c>
      <c r="Q263">
        <v>1170.8478</v>
      </c>
      <c r="R263">
        <v>521.03970000000004</v>
      </c>
      <c r="S263">
        <v>0.9507428</v>
      </c>
      <c r="T263">
        <v>1290.7791999999999</v>
      </c>
      <c r="U263">
        <v>441.99932999999999</v>
      </c>
      <c r="V263">
        <v>0.96327317000000001</v>
      </c>
      <c r="W263">
        <v>1298.4202</v>
      </c>
      <c r="X263">
        <v>586.10979999999995</v>
      </c>
      <c r="Y263">
        <v>0.92948896000000003</v>
      </c>
      <c r="Z263">
        <f t="shared" si="41"/>
        <v>1253.3490666666667</v>
      </c>
      <c r="AA263">
        <f t="shared" si="42"/>
        <v>516.3829433333334</v>
      </c>
      <c r="AB263">
        <f t="shared" si="43"/>
        <v>13.495344883214084</v>
      </c>
      <c r="AC263">
        <f t="shared" si="44"/>
        <v>2.2596421775552415</v>
      </c>
    </row>
    <row r="264" spans="1:29" x14ac:dyDescent="0.4">
      <c r="A264">
        <v>261</v>
      </c>
      <c r="B264">
        <f t="shared" si="36"/>
        <v>8.6999999999999993</v>
      </c>
      <c r="C264">
        <v>521.92849999999999</v>
      </c>
      <c r="D264">
        <v>519.72217000000001</v>
      </c>
      <c r="E264">
        <v>0.93562420000000002</v>
      </c>
      <c r="F264">
        <v>652.77637000000004</v>
      </c>
      <c r="G264">
        <v>457.60003999999998</v>
      </c>
      <c r="H264">
        <v>0.93929463999999996</v>
      </c>
      <c r="I264">
        <v>639.69809999999995</v>
      </c>
      <c r="J264">
        <v>601.58294999999998</v>
      </c>
      <c r="K264">
        <v>0.90276330000000005</v>
      </c>
      <c r="L264">
        <f t="shared" si="37"/>
        <v>604.80099000000007</v>
      </c>
      <c r="M264">
        <f t="shared" si="38"/>
        <v>526.30172000000005</v>
      </c>
      <c r="N264">
        <f t="shared" si="39"/>
        <v>-12.943612837916952</v>
      </c>
      <c r="O264">
        <f t="shared" si="40"/>
        <v>2.0762005716442391</v>
      </c>
      <c r="Q264">
        <v>1170.5016000000001</v>
      </c>
      <c r="R264">
        <v>521.02689999999996</v>
      </c>
      <c r="S264">
        <v>0.94506323000000003</v>
      </c>
      <c r="T264">
        <v>1290.5608999999999</v>
      </c>
      <c r="U264">
        <v>441.93628000000001</v>
      </c>
      <c r="V264">
        <v>0.96746414999999997</v>
      </c>
      <c r="W264">
        <v>1298.1837</v>
      </c>
      <c r="X264">
        <v>586.09670000000006</v>
      </c>
      <c r="Y264">
        <v>0.92846340000000005</v>
      </c>
      <c r="Z264">
        <f t="shared" si="41"/>
        <v>1253.0820666666666</v>
      </c>
      <c r="AA264">
        <f t="shared" si="42"/>
        <v>516.35329333333334</v>
      </c>
      <c r="AB264">
        <f t="shared" si="43"/>
        <v>13.484365793794792</v>
      </c>
      <c r="AC264">
        <f t="shared" si="44"/>
        <v>2.2609460408769571</v>
      </c>
    </row>
    <row r="265" spans="1:29" x14ac:dyDescent="0.4">
      <c r="A265">
        <v>262</v>
      </c>
      <c r="B265">
        <f t="shared" si="36"/>
        <v>8.7333333333333325</v>
      </c>
      <c r="C265">
        <v>522.1395</v>
      </c>
      <c r="D265">
        <v>519.67859999999996</v>
      </c>
      <c r="E265">
        <v>0.93927466999999998</v>
      </c>
      <c r="F265">
        <v>653.05079999999998</v>
      </c>
      <c r="G265">
        <v>457.55309999999997</v>
      </c>
      <c r="H265">
        <v>0.94645360000000001</v>
      </c>
      <c r="I265">
        <v>639.93664999999999</v>
      </c>
      <c r="J265">
        <v>601.64355</v>
      </c>
      <c r="K265">
        <v>0.90302329999999997</v>
      </c>
      <c r="L265">
        <f t="shared" si="37"/>
        <v>605.04231666666658</v>
      </c>
      <c r="M265">
        <f t="shared" si="38"/>
        <v>526.29174999999998</v>
      </c>
      <c r="N265">
        <f t="shared" si="39"/>
        <v>-12.933868055787917</v>
      </c>
      <c r="O265">
        <f t="shared" si="40"/>
        <v>2.0765272829607153</v>
      </c>
      <c r="Q265">
        <v>1170.2615000000001</v>
      </c>
      <c r="R265">
        <v>520.96479999999997</v>
      </c>
      <c r="S265">
        <v>0.94652974999999995</v>
      </c>
      <c r="T265">
        <v>1290.3345999999999</v>
      </c>
      <c r="U265">
        <v>441.91140000000001</v>
      </c>
      <c r="V265">
        <v>0.95617249999999998</v>
      </c>
      <c r="W265">
        <v>1298.0062</v>
      </c>
      <c r="X265">
        <v>586.07416000000001</v>
      </c>
      <c r="Y265">
        <v>0.91880994999999999</v>
      </c>
      <c r="Z265">
        <f t="shared" si="41"/>
        <v>1252.8674333333331</v>
      </c>
      <c r="AA265">
        <f t="shared" si="42"/>
        <v>516.31678666666664</v>
      </c>
      <c r="AB265">
        <f t="shared" si="43"/>
        <v>13.475544200203942</v>
      </c>
      <c r="AC265">
        <f t="shared" si="44"/>
        <v>2.2625114679439013</v>
      </c>
    </row>
    <row r="266" spans="1:29" x14ac:dyDescent="0.4">
      <c r="A266">
        <v>263</v>
      </c>
      <c r="B266">
        <f t="shared" si="36"/>
        <v>8.7666666666666675</v>
      </c>
      <c r="C266">
        <v>522.41045999999994</v>
      </c>
      <c r="D266">
        <v>519.68979999999999</v>
      </c>
      <c r="E266">
        <v>0.94024319999999995</v>
      </c>
      <c r="F266">
        <v>653.26089999999999</v>
      </c>
      <c r="G266">
        <v>457.44553000000002</v>
      </c>
      <c r="H266">
        <v>0.95024249999999999</v>
      </c>
      <c r="I266">
        <v>640.17267000000004</v>
      </c>
      <c r="J266">
        <v>601.6662</v>
      </c>
      <c r="K266">
        <v>0.90972129999999995</v>
      </c>
      <c r="L266">
        <f t="shared" si="37"/>
        <v>605.28134333333321</v>
      </c>
      <c r="M266">
        <f t="shared" si="38"/>
        <v>526.26717666666673</v>
      </c>
      <c r="N266">
        <f t="shared" si="39"/>
        <v>-12.924211319898561</v>
      </c>
      <c r="O266">
        <f t="shared" si="40"/>
        <v>2.0774509567616577</v>
      </c>
      <c r="Q266">
        <v>1170.0887</v>
      </c>
      <c r="R266">
        <v>520.9846</v>
      </c>
      <c r="S266">
        <v>0.94826889999999997</v>
      </c>
      <c r="T266">
        <v>1290.1382000000001</v>
      </c>
      <c r="U266">
        <v>441.92572000000001</v>
      </c>
      <c r="V266">
        <v>0.95848420000000001</v>
      </c>
      <c r="W266">
        <v>1297.8086000000001</v>
      </c>
      <c r="X266">
        <v>586.08079999999995</v>
      </c>
      <c r="Y266">
        <v>0.91573539999999998</v>
      </c>
      <c r="Z266">
        <f t="shared" si="41"/>
        <v>1252.6785</v>
      </c>
      <c r="AA266">
        <f t="shared" si="42"/>
        <v>516.33037333333334</v>
      </c>
      <c r="AB266">
        <f t="shared" si="43"/>
        <v>13.467764128197684</v>
      </c>
      <c r="AC266">
        <f t="shared" si="44"/>
        <v>2.2620229890051684</v>
      </c>
    </row>
    <row r="267" spans="1:29" x14ac:dyDescent="0.4">
      <c r="A267">
        <v>264</v>
      </c>
      <c r="B267">
        <f t="shared" si="36"/>
        <v>8.8000000000000007</v>
      </c>
      <c r="C267">
        <v>522.70276000000001</v>
      </c>
      <c r="D267">
        <v>519.57042999999999</v>
      </c>
      <c r="E267">
        <v>0.9457681</v>
      </c>
      <c r="F267">
        <v>653.64620000000002</v>
      </c>
      <c r="G267">
        <v>457.46048000000002</v>
      </c>
      <c r="H267">
        <v>0.95532729999999999</v>
      </c>
      <c r="I267">
        <v>640.41139999999996</v>
      </c>
      <c r="J267">
        <v>601.6789</v>
      </c>
      <c r="K267">
        <v>0.91321003000000001</v>
      </c>
      <c r="L267">
        <f t="shared" si="37"/>
        <v>605.58678666666663</v>
      </c>
      <c r="M267">
        <f t="shared" si="38"/>
        <v>526.23660333333328</v>
      </c>
      <c r="N267">
        <f t="shared" si="39"/>
        <v>-12.911871501151969</v>
      </c>
      <c r="O267">
        <f t="shared" si="40"/>
        <v>2.0785974778426528</v>
      </c>
      <c r="Q267">
        <v>1169.9027000000001</v>
      </c>
      <c r="R267">
        <v>521.02155000000005</v>
      </c>
      <c r="S267">
        <v>0.94467020000000002</v>
      </c>
      <c r="T267">
        <v>1289.9159</v>
      </c>
      <c r="U267">
        <v>441.90768000000003</v>
      </c>
      <c r="V267">
        <v>0.96095216000000006</v>
      </c>
      <c r="W267">
        <v>1297.4974</v>
      </c>
      <c r="X267">
        <v>586.08320000000003</v>
      </c>
      <c r="Y267">
        <v>0.91174524999999995</v>
      </c>
      <c r="Z267">
        <f t="shared" si="41"/>
        <v>1252.4386666666667</v>
      </c>
      <c r="AA267">
        <f t="shared" si="42"/>
        <v>516.3374766666667</v>
      </c>
      <c r="AB267">
        <f t="shared" si="43"/>
        <v>13.457891398068416</v>
      </c>
      <c r="AC267">
        <f t="shared" si="44"/>
        <v>2.2618169933360019</v>
      </c>
    </row>
    <row r="268" spans="1:29" x14ac:dyDescent="0.4">
      <c r="A268">
        <v>265</v>
      </c>
      <c r="B268">
        <f t="shared" si="36"/>
        <v>8.8333333333333339</v>
      </c>
      <c r="C268">
        <v>523.05993999999998</v>
      </c>
      <c r="D268">
        <v>519.67809999999997</v>
      </c>
      <c r="E268">
        <v>0.95536255999999997</v>
      </c>
      <c r="F268">
        <v>653.82183999999995</v>
      </c>
      <c r="G268">
        <v>457.55250000000001</v>
      </c>
      <c r="H268">
        <v>0.95018285999999996</v>
      </c>
      <c r="I268">
        <v>640.66943000000003</v>
      </c>
      <c r="J268">
        <v>601.66205000000002</v>
      </c>
      <c r="K268">
        <v>0.90957089999999996</v>
      </c>
      <c r="L268">
        <f t="shared" si="37"/>
        <v>605.85040333333336</v>
      </c>
      <c r="M268">
        <f t="shared" si="38"/>
        <v>526.29755</v>
      </c>
      <c r="N268">
        <f t="shared" si="39"/>
        <v>-12.901249646219384</v>
      </c>
      <c r="O268">
        <f t="shared" si="40"/>
        <v>2.0760215068864309</v>
      </c>
      <c r="Q268">
        <v>1169.6304</v>
      </c>
      <c r="R268">
        <v>520.97140000000002</v>
      </c>
      <c r="S268">
        <v>0.94054190000000004</v>
      </c>
      <c r="T268">
        <v>1289.7172</v>
      </c>
      <c r="U268">
        <v>441.82400000000001</v>
      </c>
      <c r="V268">
        <v>0.96697854999999999</v>
      </c>
      <c r="W268">
        <v>1297.1687999999999</v>
      </c>
      <c r="X268">
        <v>586.11850000000004</v>
      </c>
      <c r="Y268">
        <v>0.90040430000000005</v>
      </c>
      <c r="Z268">
        <f t="shared" si="41"/>
        <v>1252.1721333333332</v>
      </c>
      <c r="AA268">
        <f t="shared" si="42"/>
        <v>516.3046333333333</v>
      </c>
      <c r="AB268">
        <f t="shared" si="43"/>
        <v>13.446932845003179</v>
      </c>
      <c r="AC268">
        <f t="shared" si="44"/>
        <v>2.2632510441536469</v>
      </c>
    </row>
    <row r="269" spans="1:29" x14ac:dyDescent="0.4">
      <c r="A269">
        <v>266</v>
      </c>
      <c r="B269">
        <f t="shared" si="36"/>
        <v>8.8666666666666671</v>
      </c>
      <c r="C269">
        <v>523.26793999999995</v>
      </c>
      <c r="D269">
        <v>519.59406000000001</v>
      </c>
      <c r="E269">
        <v>0.95326310000000003</v>
      </c>
      <c r="F269">
        <v>654.14995999999996</v>
      </c>
      <c r="G269">
        <v>457.44562000000002</v>
      </c>
      <c r="H269">
        <v>0.94736229999999999</v>
      </c>
      <c r="I269">
        <v>640.96642999999995</v>
      </c>
      <c r="J269">
        <v>601.72125000000005</v>
      </c>
      <c r="K269">
        <v>0.94335899999999995</v>
      </c>
      <c r="L269">
        <f t="shared" si="37"/>
        <v>606.12810999999999</v>
      </c>
      <c r="M269">
        <f t="shared" si="38"/>
        <v>526.25364333333334</v>
      </c>
      <c r="N269">
        <f t="shared" si="39"/>
        <v>-12.890024977925361</v>
      </c>
      <c r="O269">
        <f t="shared" si="40"/>
        <v>2.0777216059737103</v>
      </c>
      <c r="Q269">
        <v>1169.386</v>
      </c>
      <c r="R269">
        <v>520.92236000000003</v>
      </c>
      <c r="S269">
        <v>0.92944956000000001</v>
      </c>
      <c r="T269">
        <v>1289.4836</v>
      </c>
      <c r="U269">
        <v>441.71692000000002</v>
      </c>
      <c r="V269">
        <v>0.94958465999999997</v>
      </c>
      <c r="W269">
        <v>1296.92</v>
      </c>
      <c r="X269">
        <v>586.15314000000001</v>
      </c>
      <c r="Y269">
        <v>0.89121600000000001</v>
      </c>
      <c r="Z269">
        <f t="shared" si="41"/>
        <v>1251.9298666666666</v>
      </c>
      <c r="AA269">
        <f t="shared" si="42"/>
        <v>516.26414000000011</v>
      </c>
      <c r="AB269">
        <f t="shared" si="43"/>
        <v>13.436975541785372</v>
      </c>
      <c r="AC269">
        <f t="shared" si="44"/>
        <v>2.2649888836886052</v>
      </c>
    </row>
    <row r="270" spans="1:29" x14ac:dyDescent="0.4">
      <c r="A270">
        <v>267</v>
      </c>
      <c r="B270">
        <f t="shared" si="36"/>
        <v>8.9</v>
      </c>
      <c r="C270">
        <v>523.45214999999996</v>
      </c>
      <c r="D270">
        <v>519.54944</v>
      </c>
      <c r="E270">
        <v>0.94906239999999997</v>
      </c>
      <c r="F270">
        <v>654.33529999999996</v>
      </c>
      <c r="G270">
        <v>457.44153</v>
      </c>
      <c r="H270">
        <v>0.93977374000000002</v>
      </c>
      <c r="I270">
        <v>641.26116999999999</v>
      </c>
      <c r="J270">
        <v>601.71429999999998</v>
      </c>
      <c r="K270">
        <v>0.96153253000000005</v>
      </c>
      <c r="L270">
        <f t="shared" si="37"/>
        <v>606.34953999999993</v>
      </c>
      <c r="M270">
        <f t="shared" si="38"/>
        <v>526.23509000000001</v>
      </c>
      <c r="N270">
        <f t="shared" si="39"/>
        <v>-12.881080224355125</v>
      </c>
      <c r="O270">
        <f t="shared" si="40"/>
        <v>2.078405356622139</v>
      </c>
      <c r="Q270">
        <v>1169.1007999999999</v>
      </c>
      <c r="R270">
        <v>520.84979999999996</v>
      </c>
      <c r="S270">
        <v>0.91756563999999996</v>
      </c>
      <c r="T270">
        <v>1289.3933999999999</v>
      </c>
      <c r="U270">
        <v>441.66692999999998</v>
      </c>
      <c r="V270">
        <v>0.95133769999999995</v>
      </c>
      <c r="W270">
        <v>1296.6497999999999</v>
      </c>
      <c r="X270">
        <v>586.17229999999995</v>
      </c>
      <c r="Y270">
        <v>0.88145260000000003</v>
      </c>
      <c r="Z270">
        <f t="shared" si="41"/>
        <v>1251.7146666666667</v>
      </c>
      <c r="AA270">
        <f t="shared" si="42"/>
        <v>516.22967666666671</v>
      </c>
      <c r="AB270">
        <f t="shared" si="43"/>
        <v>13.428130266596794</v>
      </c>
      <c r="AC270">
        <f t="shared" si="44"/>
        <v>2.266471088457469</v>
      </c>
    </row>
    <row r="271" spans="1:29" x14ac:dyDescent="0.4">
      <c r="A271">
        <v>268</v>
      </c>
      <c r="B271">
        <f t="shared" si="36"/>
        <v>8.9333333333333336</v>
      </c>
      <c r="C271">
        <v>523.68029999999999</v>
      </c>
      <c r="D271">
        <v>519.48400000000004</v>
      </c>
      <c r="E271">
        <v>0.94780770000000003</v>
      </c>
      <c r="F271">
        <v>654.60069999999996</v>
      </c>
      <c r="G271">
        <v>457.42313000000001</v>
      </c>
      <c r="H271">
        <v>0.95697779999999999</v>
      </c>
      <c r="I271">
        <v>641.52430000000004</v>
      </c>
      <c r="J271">
        <v>601.73413000000005</v>
      </c>
      <c r="K271">
        <v>0.96972440000000004</v>
      </c>
      <c r="L271">
        <f t="shared" si="37"/>
        <v>606.60176666666666</v>
      </c>
      <c r="M271">
        <f t="shared" si="38"/>
        <v>526.21375333333333</v>
      </c>
      <c r="N271">
        <f t="shared" si="39"/>
        <v>-12.870891288651148</v>
      </c>
      <c r="O271">
        <f t="shared" si="40"/>
        <v>2.0791924865630009</v>
      </c>
      <c r="Q271">
        <v>1168.7114999999999</v>
      </c>
      <c r="R271">
        <v>520.87836000000004</v>
      </c>
      <c r="S271">
        <v>0.91826074999999996</v>
      </c>
      <c r="T271">
        <v>1289.1587999999999</v>
      </c>
      <c r="U271">
        <v>441.63788</v>
      </c>
      <c r="V271">
        <v>0.95454824000000005</v>
      </c>
      <c r="W271">
        <v>1296.3756000000001</v>
      </c>
      <c r="X271">
        <v>586.31146000000001</v>
      </c>
      <c r="Y271">
        <v>0.88482570000000005</v>
      </c>
      <c r="Z271">
        <f t="shared" si="41"/>
        <v>1251.4152999999999</v>
      </c>
      <c r="AA271">
        <f t="shared" si="42"/>
        <v>516.27589999999998</v>
      </c>
      <c r="AB271">
        <f t="shared" si="43"/>
        <v>13.415795107184044</v>
      </c>
      <c r="AC271">
        <f t="shared" si="44"/>
        <v>2.264688978133981</v>
      </c>
    </row>
    <row r="272" spans="1:29" x14ac:dyDescent="0.4">
      <c r="A272">
        <v>269</v>
      </c>
      <c r="B272">
        <f t="shared" si="36"/>
        <v>8.9666666666666668</v>
      </c>
      <c r="C272">
        <v>523.90374999999995</v>
      </c>
      <c r="D272">
        <v>519.3578</v>
      </c>
      <c r="E272">
        <v>0.94223659999999998</v>
      </c>
      <c r="F272">
        <v>654.81066999999996</v>
      </c>
      <c r="G272">
        <v>457.32294000000002</v>
      </c>
      <c r="H272">
        <v>0.94155955000000002</v>
      </c>
      <c r="I272">
        <v>641.86590000000001</v>
      </c>
      <c r="J272">
        <v>601.68915000000004</v>
      </c>
      <c r="K272">
        <v>0.96429724000000006</v>
      </c>
      <c r="L272">
        <f t="shared" si="37"/>
        <v>606.86010666666664</v>
      </c>
      <c r="M272">
        <f t="shared" si="38"/>
        <v>526.12329666666665</v>
      </c>
      <c r="N272">
        <f t="shared" si="39"/>
        <v>-12.860433111277398</v>
      </c>
      <c r="O272">
        <f t="shared" si="40"/>
        <v>2.0827994824418226</v>
      </c>
      <c r="Q272">
        <v>1168.4746</v>
      </c>
      <c r="R272">
        <v>520.8021</v>
      </c>
      <c r="S272">
        <v>0.91822610000000005</v>
      </c>
      <c r="T272">
        <v>1288.8988999999999</v>
      </c>
      <c r="U272">
        <v>441.68191999999999</v>
      </c>
      <c r="V272">
        <v>0.94630689999999995</v>
      </c>
      <c r="W272">
        <v>1296.0663</v>
      </c>
      <c r="X272">
        <v>586.37049999999999</v>
      </c>
      <c r="Y272">
        <v>0.87956356999999996</v>
      </c>
      <c r="Z272">
        <f t="shared" si="41"/>
        <v>1251.1465999999998</v>
      </c>
      <c r="AA272">
        <f t="shared" si="42"/>
        <v>516.28483999999992</v>
      </c>
      <c r="AB272">
        <f t="shared" si="43"/>
        <v>13.404734181784328</v>
      </c>
      <c r="AC272">
        <f t="shared" si="44"/>
        <v>2.264418104714502</v>
      </c>
    </row>
    <row r="273" spans="1:29" x14ac:dyDescent="0.4">
      <c r="A273">
        <v>270</v>
      </c>
      <c r="B273">
        <f t="shared" si="36"/>
        <v>9</v>
      </c>
      <c r="C273">
        <v>524.13040000000001</v>
      </c>
      <c r="D273">
        <v>519.30489999999998</v>
      </c>
      <c r="E273">
        <v>0.94440190000000002</v>
      </c>
      <c r="F273">
        <v>655.02189999999996</v>
      </c>
      <c r="G273">
        <v>457.33499999999998</v>
      </c>
      <c r="H273">
        <v>0.93686970000000003</v>
      </c>
      <c r="I273">
        <v>642.13525000000004</v>
      </c>
      <c r="J273">
        <v>601.60749999999996</v>
      </c>
      <c r="K273">
        <v>0.96823049999999999</v>
      </c>
      <c r="L273">
        <f t="shared" si="37"/>
        <v>607.09585000000004</v>
      </c>
      <c r="M273">
        <f t="shared" si="38"/>
        <v>526.08246666666662</v>
      </c>
      <c r="N273">
        <f t="shared" si="39"/>
        <v>-12.850903129591408</v>
      </c>
      <c r="O273">
        <f t="shared" si="40"/>
        <v>2.0843879324376671</v>
      </c>
      <c r="Q273">
        <v>1168.0758000000001</v>
      </c>
      <c r="R273">
        <v>520.75509999999997</v>
      </c>
      <c r="S273">
        <v>0.89120394000000003</v>
      </c>
      <c r="T273">
        <v>1288.6287</v>
      </c>
      <c r="U273">
        <v>441.70904999999999</v>
      </c>
      <c r="V273">
        <v>0.93793833000000004</v>
      </c>
      <c r="W273">
        <v>1295.7483</v>
      </c>
      <c r="X273">
        <v>586.48</v>
      </c>
      <c r="Y273">
        <v>0.88092060000000005</v>
      </c>
      <c r="Z273">
        <f t="shared" si="41"/>
        <v>1250.8176000000001</v>
      </c>
      <c r="AA273">
        <f t="shared" si="42"/>
        <v>516.31471666666664</v>
      </c>
      <c r="AB273">
        <f t="shared" si="43"/>
        <v>13.39118501766473</v>
      </c>
      <c r="AC273">
        <f t="shared" si="44"/>
        <v>2.2633136655489112</v>
      </c>
    </row>
    <row r="274" spans="1:29" x14ac:dyDescent="0.4">
      <c r="A274">
        <v>271</v>
      </c>
      <c r="B274">
        <f t="shared" si="36"/>
        <v>9.0333333333333332</v>
      </c>
      <c r="C274">
        <v>524.28279999999995</v>
      </c>
      <c r="D274">
        <v>519.29296999999997</v>
      </c>
      <c r="E274">
        <v>0.94577509999999998</v>
      </c>
      <c r="F274">
        <v>655.13385000000005</v>
      </c>
      <c r="G274">
        <v>457.36496</v>
      </c>
      <c r="H274">
        <v>0.92669650000000003</v>
      </c>
      <c r="I274">
        <v>642.48919999999998</v>
      </c>
      <c r="J274">
        <v>601.5652</v>
      </c>
      <c r="K274">
        <v>0.97105370000000002</v>
      </c>
      <c r="L274">
        <f t="shared" si="37"/>
        <v>607.30195000000003</v>
      </c>
      <c r="M274">
        <f t="shared" si="38"/>
        <v>526.07437666666658</v>
      </c>
      <c r="N274">
        <f t="shared" si="39"/>
        <v>-12.842580367767418</v>
      </c>
      <c r="O274">
        <f t="shared" si="40"/>
        <v>2.0846496024488688</v>
      </c>
      <c r="Q274">
        <v>1167.9584</v>
      </c>
      <c r="R274">
        <v>520.78949999999998</v>
      </c>
      <c r="S274">
        <v>0.89990985000000001</v>
      </c>
      <c r="T274">
        <v>1288.4768999999999</v>
      </c>
      <c r="U274">
        <v>441.73923000000002</v>
      </c>
      <c r="V274">
        <v>0.95185839999999999</v>
      </c>
      <c r="W274">
        <v>1295.4534000000001</v>
      </c>
      <c r="X274">
        <v>586.53859999999997</v>
      </c>
      <c r="Y274">
        <v>0.89190996</v>
      </c>
      <c r="Z274">
        <f t="shared" si="41"/>
        <v>1250.6295666666667</v>
      </c>
      <c r="AA274">
        <f t="shared" si="42"/>
        <v>516.35577666666666</v>
      </c>
      <c r="AB274">
        <f t="shared" si="43"/>
        <v>13.383433553362067</v>
      </c>
      <c r="AC274">
        <f t="shared" si="44"/>
        <v>2.2617033468791172</v>
      </c>
    </row>
    <row r="275" spans="1:29" x14ac:dyDescent="0.4">
      <c r="A275">
        <v>272</v>
      </c>
      <c r="B275">
        <f t="shared" si="36"/>
        <v>9.0666666666666664</v>
      </c>
      <c r="C275">
        <v>524.65989999999999</v>
      </c>
      <c r="D275">
        <v>519.37310000000002</v>
      </c>
      <c r="E275">
        <v>0.94916296</v>
      </c>
      <c r="F275">
        <v>655.44226000000003</v>
      </c>
      <c r="G275">
        <v>457.34476000000001</v>
      </c>
      <c r="H275">
        <v>0.92460900000000001</v>
      </c>
      <c r="I275">
        <v>642.68089999999995</v>
      </c>
      <c r="J275">
        <v>601.48569999999995</v>
      </c>
      <c r="K275">
        <v>0.98399199999999998</v>
      </c>
      <c r="L275">
        <f t="shared" si="37"/>
        <v>607.59435333333329</v>
      </c>
      <c r="M275">
        <f t="shared" si="38"/>
        <v>526.06785333333335</v>
      </c>
      <c r="N275">
        <f t="shared" si="39"/>
        <v>-12.830774006510447</v>
      </c>
      <c r="O275">
        <f t="shared" si="40"/>
        <v>2.08481857815682</v>
      </c>
      <c r="Q275">
        <v>1167.7693999999999</v>
      </c>
      <c r="R275">
        <v>520.76199999999994</v>
      </c>
      <c r="S275">
        <v>0.90319925999999995</v>
      </c>
      <c r="T275">
        <v>1288.3638000000001</v>
      </c>
      <c r="U275">
        <v>441.80756000000002</v>
      </c>
      <c r="V275">
        <v>0.95611389999999996</v>
      </c>
      <c r="W275">
        <v>1295.0118</v>
      </c>
      <c r="X275">
        <v>586.66547000000003</v>
      </c>
      <c r="Y275">
        <v>0.89044900000000005</v>
      </c>
      <c r="Z275">
        <f t="shared" si="41"/>
        <v>1250.3816666666669</v>
      </c>
      <c r="AA275">
        <f t="shared" si="42"/>
        <v>516.41167666666661</v>
      </c>
      <c r="AB275">
        <f t="shared" si="43"/>
        <v>13.373213645842839</v>
      </c>
      <c r="AC275">
        <f t="shared" si="44"/>
        <v>2.2595081872757969</v>
      </c>
    </row>
    <row r="276" spans="1:29" x14ac:dyDescent="0.4">
      <c r="A276">
        <v>273</v>
      </c>
      <c r="B276">
        <f t="shared" si="36"/>
        <v>9.1</v>
      </c>
      <c r="C276">
        <v>524.93804999999998</v>
      </c>
      <c r="D276">
        <v>519.37694999999997</v>
      </c>
      <c r="E276">
        <v>0.94830006</v>
      </c>
      <c r="F276">
        <v>655.68695000000002</v>
      </c>
      <c r="G276">
        <v>457.327</v>
      </c>
      <c r="H276">
        <v>0.9221876</v>
      </c>
      <c r="I276">
        <v>642.90894000000003</v>
      </c>
      <c r="J276">
        <v>601.40200000000004</v>
      </c>
      <c r="K276">
        <v>1</v>
      </c>
      <c r="L276">
        <f t="shared" si="37"/>
        <v>607.84464666666668</v>
      </c>
      <c r="M276">
        <f t="shared" si="38"/>
        <v>526.03531666666674</v>
      </c>
      <c r="N276">
        <f t="shared" si="39"/>
        <v>-12.820659111865176</v>
      </c>
      <c r="O276">
        <f t="shared" si="40"/>
        <v>2.086063594079282</v>
      </c>
      <c r="Q276">
        <v>1167.5334</v>
      </c>
      <c r="R276">
        <v>520.84289999999999</v>
      </c>
      <c r="S276">
        <v>0.90707979999999999</v>
      </c>
      <c r="T276">
        <v>1288.2238</v>
      </c>
      <c r="U276">
        <v>441.75912</v>
      </c>
      <c r="V276">
        <v>0.95871930000000005</v>
      </c>
      <c r="W276">
        <v>1294.8158000000001</v>
      </c>
      <c r="X276">
        <v>586.56560000000002</v>
      </c>
      <c r="Y276">
        <v>0.90710489999999999</v>
      </c>
      <c r="Z276">
        <f t="shared" si="41"/>
        <v>1250.191</v>
      </c>
      <c r="AA276">
        <f t="shared" si="42"/>
        <v>516.38920666666672</v>
      </c>
      <c r="AB276">
        <f t="shared" si="43"/>
        <v>13.365374497495072</v>
      </c>
      <c r="AC276">
        <f t="shared" si="44"/>
        <v>2.2604922055587915</v>
      </c>
    </row>
    <row r="277" spans="1:29" x14ac:dyDescent="0.4">
      <c r="A277">
        <v>274</v>
      </c>
      <c r="B277">
        <f t="shared" si="36"/>
        <v>9.1333333333333329</v>
      </c>
      <c r="C277">
        <v>525.23364000000004</v>
      </c>
      <c r="D277">
        <v>519.41070000000002</v>
      </c>
      <c r="E277">
        <v>0.94353204999999996</v>
      </c>
      <c r="F277">
        <v>656.08529999999996</v>
      </c>
      <c r="G277">
        <v>457.4864</v>
      </c>
      <c r="H277">
        <v>0.91947230000000002</v>
      </c>
      <c r="I277">
        <v>643.16999999999996</v>
      </c>
      <c r="J277">
        <v>601.29750000000001</v>
      </c>
      <c r="K277">
        <v>1</v>
      </c>
      <c r="L277">
        <f t="shared" si="37"/>
        <v>608.16298000000006</v>
      </c>
      <c r="M277">
        <f t="shared" si="38"/>
        <v>526.06486666666672</v>
      </c>
      <c r="N277">
        <f t="shared" si="39"/>
        <v>-12.807817424986826</v>
      </c>
      <c r="O277">
        <f t="shared" si="40"/>
        <v>2.0847511990376688</v>
      </c>
      <c r="Q277">
        <v>1167.3903</v>
      </c>
      <c r="R277">
        <v>520.75570000000005</v>
      </c>
      <c r="S277">
        <v>0.91204894000000003</v>
      </c>
      <c r="T277">
        <v>1288.1157000000001</v>
      </c>
      <c r="U277">
        <v>441.70030000000003</v>
      </c>
      <c r="V277">
        <v>0.94524960000000002</v>
      </c>
      <c r="W277">
        <v>1294.4772</v>
      </c>
      <c r="X277">
        <v>586.47784000000001</v>
      </c>
      <c r="Y277">
        <v>0.89639000000000002</v>
      </c>
      <c r="Z277">
        <f t="shared" si="41"/>
        <v>1249.9944000000003</v>
      </c>
      <c r="AA277">
        <f t="shared" si="42"/>
        <v>516.31128000000001</v>
      </c>
      <c r="AB277">
        <f t="shared" si="43"/>
        <v>13.357309191970907</v>
      </c>
      <c r="AC277">
        <f t="shared" si="44"/>
        <v>2.2637421475144905</v>
      </c>
    </row>
    <row r="278" spans="1:29" x14ac:dyDescent="0.4">
      <c r="A278">
        <v>275</v>
      </c>
      <c r="B278">
        <f t="shared" si="36"/>
        <v>9.1666666666666661</v>
      </c>
      <c r="C278">
        <v>525.56979999999999</v>
      </c>
      <c r="D278">
        <v>519.58154000000002</v>
      </c>
      <c r="E278">
        <v>0.94157654000000002</v>
      </c>
      <c r="F278">
        <v>656.46100000000001</v>
      </c>
      <c r="G278">
        <v>457.37490000000003</v>
      </c>
      <c r="H278">
        <v>0.92216014999999996</v>
      </c>
      <c r="I278">
        <v>643.72749999999996</v>
      </c>
      <c r="J278">
        <v>601.36720000000003</v>
      </c>
      <c r="K278">
        <v>1</v>
      </c>
      <c r="L278">
        <f t="shared" si="37"/>
        <v>608.58609999999999</v>
      </c>
      <c r="M278">
        <f t="shared" si="38"/>
        <v>526.10788000000002</v>
      </c>
      <c r="N278">
        <f t="shared" si="39"/>
        <v>-12.790749622813793</v>
      </c>
      <c r="O278">
        <f t="shared" si="40"/>
        <v>2.0828542567806911</v>
      </c>
      <c r="Q278">
        <v>1167.1775</v>
      </c>
      <c r="R278">
        <v>520.71343999999999</v>
      </c>
      <c r="S278">
        <v>0.91408199999999995</v>
      </c>
      <c r="T278">
        <v>1287.8761</v>
      </c>
      <c r="U278">
        <v>441.73021999999997</v>
      </c>
      <c r="V278">
        <v>0.95218040000000004</v>
      </c>
      <c r="W278">
        <v>1294.2437</v>
      </c>
      <c r="X278">
        <v>586.34960000000001</v>
      </c>
      <c r="Y278">
        <v>0.88706242999999996</v>
      </c>
      <c r="Z278">
        <f t="shared" si="41"/>
        <v>1249.7657666666667</v>
      </c>
      <c r="AA278">
        <f t="shared" si="42"/>
        <v>516.26441999999997</v>
      </c>
      <c r="AB278">
        <f t="shared" si="43"/>
        <v>13.34791563246605</v>
      </c>
      <c r="AC278">
        <f t="shared" si="44"/>
        <v>2.2657350998548966</v>
      </c>
    </row>
    <row r="279" spans="1:29" x14ac:dyDescent="0.4">
      <c r="A279">
        <v>276</v>
      </c>
      <c r="B279">
        <f t="shared" si="36"/>
        <v>9.1999999999999993</v>
      </c>
      <c r="C279">
        <v>526.00635</v>
      </c>
      <c r="D279">
        <v>519.46270000000004</v>
      </c>
      <c r="E279">
        <v>0.93150690000000003</v>
      </c>
      <c r="F279">
        <v>656.84357</v>
      </c>
      <c r="G279">
        <v>457.35912999999999</v>
      </c>
      <c r="H279">
        <v>0.92908360000000001</v>
      </c>
      <c r="I279">
        <v>644.02760000000001</v>
      </c>
      <c r="J279">
        <v>601.35040000000004</v>
      </c>
      <c r="K279">
        <v>0.99527602999999998</v>
      </c>
      <c r="L279">
        <f t="shared" si="37"/>
        <v>608.9591733333333</v>
      </c>
      <c r="M279">
        <f t="shared" si="38"/>
        <v>526.05741</v>
      </c>
      <c r="N279">
        <f t="shared" si="39"/>
        <v>-12.775671805965473</v>
      </c>
      <c r="O279">
        <f t="shared" si="40"/>
        <v>2.0847905342243718</v>
      </c>
      <c r="Q279">
        <v>1166.9761000000001</v>
      </c>
      <c r="R279">
        <v>520.62005999999997</v>
      </c>
      <c r="S279">
        <v>0.91398495000000002</v>
      </c>
      <c r="T279">
        <v>1287.7411999999999</v>
      </c>
      <c r="U279">
        <v>441.55712999999997</v>
      </c>
      <c r="V279">
        <v>0.94113064000000002</v>
      </c>
      <c r="W279">
        <v>1293.8584000000001</v>
      </c>
      <c r="X279">
        <v>586.2432</v>
      </c>
      <c r="Y279">
        <v>0.88093410000000005</v>
      </c>
      <c r="Z279">
        <f t="shared" si="41"/>
        <v>1249.5252333333335</v>
      </c>
      <c r="AA279">
        <f t="shared" si="42"/>
        <v>516.14012999999989</v>
      </c>
      <c r="AB279">
        <f t="shared" si="43"/>
        <v>13.338057520206545</v>
      </c>
      <c r="AC279">
        <f t="shared" si="44"/>
        <v>2.2708930517288537</v>
      </c>
    </row>
    <row r="280" spans="1:29" x14ac:dyDescent="0.4">
      <c r="A280">
        <v>277</v>
      </c>
      <c r="B280">
        <f t="shared" si="36"/>
        <v>9.2333333333333325</v>
      </c>
      <c r="C280">
        <v>526.34076000000005</v>
      </c>
      <c r="D280">
        <v>519.37274000000002</v>
      </c>
      <c r="E280">
        <v>0.92556839999999996</v>
      </c>
      <c r="F280">
        <v>657.12243999999998</v>
      </c>
      <c r="G280">
        <v>457.34186</v>
      </c>
      <c r="H280">
        <v>0.93254583999999996</v>
      </c>
      <c r="I280">
        <v>644.44073000000003</v>
      </c>
      <c r="J280">
        <v>601.37210000000005</v>
      </c>
      <c r="K280">
        <v>0.99308479999999999</v>
      </c>
      <c r="L280">
        <f t="shared" si="37"/>
        <v>609.30131000000006</v>
      </c>
      <c r="M280">
        <f t="shared" si="38"/>
        <v>526.02890000000002</v>
      </c>
      <c r="N280">
        <f t="shared" si="39"/>
        <v>-12.761849904219115</v>
      </c>
      <c r="O280">
        <f t="shared" si="40"/>
        <v>2.085840567028785</v>
      </c>
      <c r="Q280">
        <v>1166.7686000000001</v>
      </c>
      <c r="R280">
        <v>520.50256000000002</v>
      </c>
      <c r="S280">
        <v>0.91319393999999998</v>
      </c>
      <c r="T280">
        <v>1287.2354</v>
      </c>
      <c r="U280">
        <v>441.50333000000001</v>
      </c>
      <c r="V280">
        <v>0.92456780000000005</v>
      </c>
      <c r="W280">
        <v>1293.5758000000001</v>
      </c>
      <c r="X280">
        <v>586.22424000000001</v>
      </c>
      <c r="Y280">
        <v>0.88380634999999996</v>
      </c>
      <c r="Z280">
        <f t="shared" si="41"/>
        <v>1249.1932666666667</v>
      </c>
      <c r="AA280">
        <f t="shared" si="42"/>
        <v>516.07670999999993</v>
      </c>
      <c r="AB280">
        <f t="shared" si="43"/>
        <v>13.324417153167357</v>
      </c>
      <c r="AC280">
        <f t="shared" si="44"/>
        <v>2.2735981793203481</v>
      </c>
    </row>
    <row r="281" spans="1:29" x14ac:dyDescent="0.4">
      <c r="A281">
        <v>278</v>
      </c>
      <c r="B281">
        <f t="shared" si="36"/>
        <v>9.2666666666666675</v>
      </c>
      <c r="C281">
        <v>526.69164999999998</v>
      </c>
      <c r="D281">
        <v>519.13279999999997</v>
      </c>
      <c r="E281">
        <v>0.90803385000000003</v>
      </c>
      <c r="F281">
        <v>657.37750000000005</v>
      </c>
      <c r="G281">
        <v>457.25742000000002</v>
      </c>
      <c r="H281">
        <v>0.93425670000000005</v>
      </c>
      <c r="I281">
        <v>644.84357</v>
      </c>
      <c r="J281">
        <v>601.20654000000002</v>
      </c>
      <c r="K281">
        <v>0.97266620000000004</v>
      </c>
      <c r="L281">
        <f t="shared" si="37"/>
        <v>609.63757333333331</v>
      </c>
      <c r="M281">
        <f t="shared" si="38"/>
        <v>525.86558666666667</v>
      </c>
      <c r="N281">
        <f t="shared" si="39"/>
        <v>-12.748221342450163</v>
      </c>
      <c r="O281">
        <f t="shared" si="40"/>
        <v>2.0923960391330896</v>
      </c>
      <c r="Q281">
        <v>1166.5547999999999</v>
      </c>
      <c r="R281">
        <v>520.35090000000002</v>
      </c>
      <c r="S281">
        <v>0.90419249999999995</v>
      </c>
      <c r="T281">
        <v>1286.9989</v>
      </c>
      <c r="U281">
        <v>441.57580000000002</v>
      </c>
      <c r="V281">
        <v>0.93058174999999999</v>
      </c>
      <c r="W281">
        <v>1293.3921</v>
      </c>
      <c r="X281">
        <v>586.31055000000003</v>
      </c>
      <c r="Y281">
        <v>0.89117336000000003</v>
      </c>
      <c r="Z281">
        <f t="shared" si="41"/>
        <v>1248.9819333333332</v>
      </c>
      <c r="AA281">
        <f t="shared" si="42"/>
        <v>516.07908333333341</v>
      </c>
      <c r="AB281">
        <f t="shared" si="43"/>
        <v>13.315719776814015</v>
      </c>
      <c r="AC281">
        <f t="shared" si="44"/>
        <v>2.2735752729256413</v>
      </c>
    </row>
    <row r="282" spans="1:29" x14ac:dyDescent="0.4">
      <c r="A282">
        <v>279</v>
      </c>
      <c r="B282">
        <f t="shared" si="36"/>
        <v>9.3000000000000007</v>
      </c>
      <c r="C282">
        <v>526.77026000000001</v>
      </c>
      <c r="D282">
        <v>519.08939999999996</v>
      </c>
      <c r="E282">
        <v>0.89145666000000001</v>
      </c>
      <c r="F282">
        <v>657.69150000000002</v>
      </c>
      <c r="G282">
        <v>457.20062000000001</v>
      </c>
      <c r="H282">
        <v>0.94265734999999995</v>
      </c>
      <c r="I282">
        <v>645.19146999999998</v>
      </c>
      <c r="J282">
        <v>601.13239999999996</v>
      </c>
      <c r="K282">
        <v>0.95869389999999999</v>
      </c>
      <c r="L282">
        <f t="shared" si="37"/>
        <v>609.88441</v>
      </c>
      <c r="M282">
        <f t="shared" si="38"/>
        <v>525.80747333333329</v>
      </c>
      <c r="N282">
        <f t="shared" si="39"/>
        <v>-12.738237100159434</v>
      </c>
      <c r="O282">
        <f t="shared" si="40"/>
        <v>2.0946863825176987</v>
      </c>
      <c r="Q282">
        <v>1166.3239000000001</v>
      </c>
      <c r="R282">
        <v>520.27746999999999</v>
      </c>
      <c r="S282">
        <v>0.90114340000000004</v>
      </c>
      <c r="T282">
        <v>1286.7512999999999</v>
      </c>
      <c r="U282">
        <v>441.61505</v>
      </c>
      <c r="V282">
        <v>0.93129205999999998</v>
      </c>
      <c r="W282">
        <v>1293.3164999999999</v>
      </c>
      <c r="X282">
        <v>586.40404999999998</v>
      </c>
      <c r="Y282">
        <v>0.89309459999999996</v>
      </c>
      <c r="Z282">
        <f t="shared" si="41"/>
        <v>1248.7972333333335</v>
      </c>
      <c r="AA282">
        <f t="shared" si="42"/>
        <v>516.09885666666662</v>
      </c>
      <c r="AB282">
        <f t="shared" si="43"/>
        <v>13.308112799086537</v>
      </c>
      <c r="AC282">
        <f t="shared" si="44"/>
        <v>2.2728327429460915</v>
      </c>
    </row>
    <row r="283" spans="1:29" x14ac:dyDescent="0.4">
      <c r="A283">
        <v>280</v>
      </c>
      <c r="B283">
        <f t="shared" si="36"/>
        <v>9.3333333333333339</v>
      </c>
      <c r="C283">
        <v>527.30115000000001</v>
      </c>
      <c r="D283">
        <v>519.05164000000002</v>
      </c>
      <c r="E283">
        <v>0.90233229999999998</v>
      </c>
      <c r="F283">
        <v>658.01544000000001</v>
      </c>
      <c r="G283">
        <v>457.08737000000002</v>
      </c>
      <c r="H283">
        <v>0.95190300000000005</v>
      </c>
      <c r="I283">
        <v>645.35699999999997</v>
      </c>
      <c r="J283">
        <v>601.09280000000001</v>
      </c>
      <c r="K283">
        <v>0.95451350000000001</v>
      </c>
      <c r="L283">
        <f t="shared" si="37"/>
        <v>610.22452999999996</v>
      </c>
      <c r="M283">
        <f t="shared" si="38"/>
        <v>525.74393666666674</v>
      </c>
      <c r="N283">
        <f t="shared" si="39"/>
        <v>-12.724484892932342</v>
      </c>
      <c r="O283">
        <f t="shared" si="40"/>
        <v>2.0971670730654104</v>
      </c>
      <c r="Q283">
        <v>1166.1934000000001</v>
      </c>
      <c r="R283">
        <v>520.1481</v>
      </c>
      <c r="S283">
        <v>0.89856139999999995</v>
      </c>
      <c r="T283">
        <v>1286.6732</v>
      </c>
      <c r="U283">
        <v>441.66336000000001</v>
      </c>
      <c r="V283">
        <v>0.94050825000000005</v>
      </c>
      <c r="W283">
        <v>1293.0634</v>
      </c>
      <c r="X283">
        <v>586.23620000000005</v>
      </c>
      <c r="Y283">
        <v>0.89229579999999997</v>
      </c>
      <c r="Z283">
        <f t="shared" si="41"/>
        <v>1248.6433333333334</v>
      </c>
      <c r="AA283">
        <f t="shared" si="42"/>
        <v>516.01588666666669</v>
      </c>
      <c r="AB283">
        <f t="shared" si="43"/>
        <v>13.301806591508864</v>
      </c>
      <c r="AC283">
        <f t="shared" si="44"/>
        <v>2.2762735990970664</v>
      </c>
    </row>
    <row r="284" spans="1:29" x14ac:dyDescent="0.4">
      <c r="A284">
        <v>281</v>
      </c>
      <c r="B284">
        <f t="shared" si="36"/>
        <v>9.3666666666666671</v>
      </c>
      <c r="C284">
        <v>527.59879999999998</v>
      </c>
      <c r="D284">
        <v>519.00445999999999</v>
      </c>
      <c r="E284">
        <v>0.91894805000000002</v>
      </c>
      <c r="F284">
        <v>658.25490000000002</v>
      </c>
      <c r="G284">
        <v>457.00380000000001</v>
      </c>
      <c r="H284">
        <v>0.95879256999999996</v>
      </c>
      <c r="I284">
        <v>645.67819999999995</v>
      </c>
      <c r="J284">
        <v>600.91547000000003</v>
      </c>
      <c r="K284">
        <v>0.93740964000000004</v>
      </c>
      <c r="L284">
        <f t="shared" si="37"/>
        <v>610.51063333333332</v>
      </c>
      <c r="M284">
        <f t="shared" si="38"/>
        <v>525.64124333333336</v>
      </c>
      <c r="N284">
        <f t="shared" si="39"/>
        <v>-12.712900711281218</v>
      </c>
      <c r="O284">
        <f t="shared" si="40"/>
        <v>2.1012643537066067</v>
      </c>
      <c r="Q284">
        <v>1165.9901</v>
      </c>
      <c r="R284">
        <v>519.93020000000001</v>
      </c>
      <c r="S284">
        <v>0.90214163000000003</v>
      </c>
      <c r="T284">
        <v>1286.5948000000001</v>
      </c>
      <c r="U284">
        <v>441.62090000000001</v>
      </c>
      <c r="V284">
        <v>0.95057579999999997</v>
      </c>
      <c r="W284">
        <v>1292.8235999999999</v>
      </c>
      <c r="X284">
        <v>586.1739</v>
      </c>
      <c r="Y284">
        <v>0.88691339999999996</v>
      </c>
      <c r="Z284">
        <f t="shared" si="41"/>
        <v>1248.4694999999999</v>
      </c>
      <c r="AA284">
        <f t="shared" si="42"/>
        <v>515.9083333333333</v>
      </c>
      <c r="AB284">
        <f t="shared" si="43"/>
        <v>13.294688113948585</v>
      </c>
      <c r="AC284">
        <f t="shared" si="44"/>
        <v>2.28072496351697</v>
      </c>
    </row>
    <row r="285" spans="1:29" x14ac:dyDescent="0.4">
      <c r="A285">
        <v>282</v>
      </c>
      <c r="B285">
        <f t="shared" si="36"/>
        <v>9.4</v>
      </c>
      <c r="C285">
        <v>527.91049999999996</v>
      </c>
      <c r="D285">
        <v>518.87750000000005</v>
      </c>
      <c r="E285">
        <v>0.9289501</v>
      </c>
      <c r="F285">
        <v>658.46063000000004</v>
      </c>
      <c r="G285">
        <v>456.88065</v>
      </c>
      <c r="H285">
        <v>0.9469822</v>
      </c>
      <c r="I285">
        <v>645.92426</v>
      </c>
      <c r="J285">
        <v>600.83249999999998</v>
      </c>
      <c r="K285">
        <v>0.92855140000000003</v>
      </c>
      <c r="L285">
        <f t="shared" si="37"/>
        <v>610.76513</v>
      </c>
      <c r="M285">
        <f t="shared" si="38"/>
        <v>525.53021666666666</v>
      </c>
      <c r="N285">
        <f t="shared" si="39"/>
        <v>-12.702589813405222</v>
      </c>
      <c r="O285">
        <f t="shared" si="40"/>
        <v>2.1057123685200896</v>
      </c>
      <c r="Q285">
        <v>1165.6465000000001</v>
      </c>
      <c r="R285">
        <v>519.92364999999995</v>
      </c>
      <c r="S285">
        <v>0.91655940000000002</v>
      </c>
      <c r="T285">
        <v>1286.4742000000001</v>
      </c>
      <c r="U285">
        <v>441.55970000000002</v>
      </c>
      <c r="V285">
        <v>0.95478019999999997</v>
      </c>
      <c r="W285">
        <v>1292.7026000000001</v>
      </c>
      <c r="X285">
        <v>586.07929999999999</v>
      </c>
      <c r="Y285">
        <v>0.89593449999999997</v>
      </c>
      <c r="Z285">
        <f t="shared" si="41"/>
        <v>1248.2744333333335</v>
      </c>
      <c r="AA285">
        <f t="shared" si="42"/>
        <v>515.85421666666662</v>
      </c>
      <c r="AB285">
        <f t="shared" si="43"/>
        <v>13.286678603575917</v>
      </c>
      <c r="AC285">
        <f t="shared" si="44"/>
        <v>2.2830023787274096</v>
      </c>
    </row>
    <row r="286" spans="1:29" x14ac:dyDescent="0.4">
      <c r="A286">
        <v>283</v>
      </c>
      <c r="B286">
        <f t="shared" si="36"/>
        <v>9.4333333333333336</v>
      </c>
      <c r="C286">
        <v>528.18399999999997</v>
      </c>
      <c r="D286">
        <v>518.83405000000005</v>
      </c>
      <c r="E286">
        <v>0.93838639999999995</v>
      </c>
      <c r="F286">
        <v>658.68164000000002</v>
      </c>
      <c r="G286">
        <v>456.83175999999997</v>
      </c>
      <c r="H286">
        <v>0.95517620000000003</v>
      </c>
      <c r="I286">
        <v>646.04395</v>
      </c>
      <c r="J286">
        <v>600.89135999999996</v>
      </c>
      <c r="K286">
        <v>0.93960650000000001</v>
      </c>
      <c r="L286">
        <f t="shared" si="37"/>
        <v>610.96986333333336</v>
      </c>
      <c r="M286">
        <f t="shared" si="38"/>
        <v>525.51905666666664</v>
      </c>
      <c r="N286">
        <f t="shared" si="39"/>
        <v>-12.694320314501995</v>
      </c>
      <c r="O286">
        <f t="shared" si="40"/>
        <v>2.1060998069542149</v>
      </c>
      <c r="Q286">
        <v>1165.4260999999999</v>
      </c>
      <c r="R286">
        <v>519.93240000000003</v>
      </c>
      <c r="S286">
        <v>0.91999905999999998</v>
      </c>
      <c r="T286">
        <v>1286.1849</v>
      </c>
      <c r="U286">
        <v>441.55914000000001</v>
      </c>
      <c r="V286">
        <v>0.946604</v>
      </c>
      <c r="W286">
        <v>1292.4409000000001</v>
      </c>
      <c r="X286">
        <v>586.12300000000005</v>
      </c>
      <c r="Y286">
        <v>0.88735299999999995</v>
      </c>
      <c r="Z286">
        <f t="shared" si="41"/>
        <v>1248.0173</v>
      </c>
      <c r="AA286">
        <f t="shared" si="42"/>
        <v>515.87151333333338</v>
      </c>
      <c r="AB286">
        <f t="shared" si="43"/>
        <v>13.276091964406019</v>
      </c>
      <c r="AC286">
        <f t="shared" si="44"/>
        <v>2.2823863023030211</v>
      </c>
    </row>
    <row r="287" spans="1:29" x14ac:dyDescent="0.4">
      <c r="A287">
        <v>284</v>
      </c>
      <c r="B287">
        <f t="shared" si="36"/>
        <v>9.4666666666666668</v>
      </c>
      <c r="C287">
        <v>528.52020000000005</v>
      </c>
      <c r="D287">
        <v>518.81629999999996</v>
      </c>
      <c r="E287">
        <v>0.94791769999999997</v>
      </c>
      <c r="F287">
        <v>659.03125</v>
      </c>
      <c r="G287">
        <v>456.93383999999998</v>
      </c>
      <c r="H287">
        <v>0.95714410000000005</v>
      </c>
      <c r="I287">
        <v>646.33794999999998</v>
      </c>
      <c r="J287">
        <v>600.81529999999998</v>
      </c>
      <c r="K287">
        <v>0.93950962999999998</v>
      </c>
      <c r="L287">
        <f t="shared" si="37"/>
        <v>611.29646666666667</v>
      </c>
      <c r="M287">
        <f t="shared" si="38"/>
        <v>525.52181333333328</v>
      </c>
      <c r="N287">
        <f t="shared" si="39"/>
        <v>-12.681134846215299</v>
      </c>
      <c r="O287">
        <f t="shared" si="40"/>
        <v>2.1058784990971722</v>
      </c>
      <c r="Q287">
        <v>1164.9855</v>
      </c>
      <c r="R287">
        <v>519.82230000000004</v>
      </c>
      <c r="S287">
        <v>0.91572129999999996</v>
      </c>
      <c r="T287">
        <v>1285.7844</v>
      </c>
      <c r="U287">
        <v>441.47647000000001</v>
      </c>
      <c r="V287">
        <v>0.92945003999999998</v>
      </c>
      <c r="W287">
        <v>1292.0349000000001</v>
      </c>
      <c r="X287">
        <v>586.20856000000003</v>
      </c>
      <c r="Y287">
        <v>0.87798445999999997</v>
      </c>
      <c r="Z287">
        <f t="shared" si="41"/>
        <v>1247.6016000000002</v>
      </c>
      <c r="AA287">
        <f t="shared" si="42"/>
        <v>515.83577666666667</v>
      </c>
      <c r="AB287">
        <f t="shared" si="43"/>
        <v>13.258997662604278</v>
      </c>
      <c r="AC287">
        <f t="shared" si="44"/>
        <v>2.2839906361494746</v>
      </c>
    </row>
    <row r="288" spans="1:29" x14ac:dyDescent="0.4">
      <c r="A288">
        <v>285</v>
      </c>
      <c r="B288">
        <f t="shared" si="36"/>
        <v>9.5</v>
      </c>
      <c r="C288">
        <v>528.75977</v>
      </c>
      <c r="D288">
        <v>518.7681</v>
      </c>
      <c r="E288">
        <v>0.95263909999999996</v>
      </c>
      <c r="F288">
        <v>659.34550000000002</v>
      </c>
      <c r="G288">
        <v>456.89960000000002</v>
      </c>
      <c r="H288">
        <v>0.97246699999999997</v>
      </c>
      <c r="I288">
        <v>646.68493999999998</v>
      </c>
      <c r="J288">
        <v>600.76355000000001</v>
      </c>
      <c r="K288">
        <v>0.93160100000000001</v>
      </c>
      <c r="L288">
        <f t="shared" si="37"/>
        <v>611.59673666666674</v>
      </c>
      <c r="M288">
        <f t="shared" si="38"/>
        <v>525.47708333333333</v>
      </c>
      <c r="N288">
        <f t="shared" si="39"/>
        <v>-12.668997078713483</v>
      </c>
      <c r="O288">
        <f t="shared" si="40"/>
        <v>2.1076046421956938</v>
      </c>
      <c r="Q288">
        <v>1164.7733000000001</v>
      </c>
      <c r="R288">
        <v>519.7183</v>
      </c>
      <c r="S288">
        <v>0.90835759999999999</v>
      </c>
      <c r="T288">
        <v>1285.6846</v>
      </c>
      <c r="U288">
        <v>441.4434</v>
      </c>
      <c r="V288">
        <v>0.92786550000000001</v>
      </c>
      <c r="W288">
        <v>1291.7565999999999</v>
      </c>
      <c r="X288">
        <v>586.21889999999996</v>
      </c>
      <c r="Y288">
        <v>0.87965934999999995</v>
      </c>
      <c r="Z288">
        <f t="shared" si="41"/>
        <v>1247.4048333333333</v>
      </c>
      <c r="AA288">
        <f t="shared" si="42"/>
        <v>515.79353333333336</v>
      </c>
      <c r="AB288">
        <f t="shared" si="43"/>
        <v>13.250914557785977</v>
      </c>
      <c r="AC288">
        <f t="shared" si="44"/>
        <v>2.2857839506824962</v>
      </c>
    </row>
    <row r="289" spans="1:29" x14ac:dyDescent="0.4">
      <c r="A289">
        <v>286</v>
      </c>
      <c r="B289">
        <f t="shared" si="36"/>
        <v>9.5333333333333332</v>
      </c>
      <c r="C289">
        <v>528.83325000000002</v>
      </c>
      <c r="D289">
        <v>518.77184999999997</v>
      </c>
      <c r="E289">
        <v>0.95628893000000004</v>
      </c>
      <c r="F289">
        <v>659.65200000000004</v>
      </c>
      <c r="G289">
        <v>456.94708000000003</v>
      </c>
      <c r="H289">
        <v>0.96675825000000004</v>
      </c>
      <c r="I289">
        <v>646.94556</v>
      </c>
      <c r="J289">
        <v>600.80799999999999</v>
      </c>
      <c r="K289">
        <v>0.92277169999999997</v>
      </c>
      <c r="L289">
        <f t="shared" si="37"/>
        <v>611.81027000000006</v>
      </c>
      <c r="M289">
        <f t="shared" si="38"/>
        <v>525.50897666666663</v>
      </c>
      <c r="N289">
        <f t="shared" si="39"/>
        <v>-12.66038600963032</v>
      </c>
      <c r="O289">
        <f t="shared" si="40"/>
        <v>2.1062314559965105</v>
      </c>
      <c r="Q289">
        <v>1164.8191999999999</v>
      </c>
      <c r="R289">
        <v>519.88292999999999</v>
      </c>
      <c r="S289">
        <v>0.91138302999999998</v>
      </c>
      <c r="T289">
        <v>1285.4213999999999</v>
      </c>
      <c r="U289">
        <v>441.43862999999999</v>
      </c>
      <c r="V289">
        <v>0.93909436000000002</v>
      </c>
      <c r="W289">
        <v>1291.4606000000001</v>
      </c>
      <c r="X289">
        <v>586.28070000000002</v>
      </c>
      <c r="Y289">
        <v>0.88034815</v>
      </c>
      <c r="Z289">
        <f t="shared" si="41"/>
        <v>1247.2337333333335</v>
      </c>
      <c r="AA289">
        <f t="shared" si="42"/>
        <v>515.86742000000004</v>
      </c>
      <c r="AB289">
        <f t="shared" si="43"/>
        <v>13.243850025186109</v>
      </c>
      <c r="AC289">
        <f t="shared" si="44"/>
        <v>2.2828276566367931</v>
      </c>
    </row>
    <row r="290" spans="1:29" x14ac:dyDescent="0.4">
      <c r="A290">
        <v>287</v>
      </c>
      <c r="B290">
        <f t="shared" si="36"/>
        <v>9.5666666666666664</v>
      </c>
      <c r="C290">
        <v>529.37009999999998</v>
      </c>
      <c r="D290">
        <v>518.78075999999999</v>
      </c>
      <c r="E290">
        <v>0.97124500000000002</v>
      </c>
      <c r="F290">
        <v>659.92219999999998</v>
      </c>
      <c r="G290">
        <v>456.91766000000001</v>
      </c>
      <c r="H290">
        <v>0.9559569</v>
      </c>
      <c r="I290">
        <v>647.26104999999995</v>
      </c>
      <c r="J290">
        <v>600.86896000000002</v>
      </c>
      <c r="K290">
        <v>0.91530054999999999</v>
      </c>
      <c r="L290">
        <f t="shared" si="37"/>
        <v>612.18445000000008</v>
      </c>
      <c r="M290">
        <f t="shared" si="38"/>
        <v>525.52246000000002</v>
      </c>
      <c r="N290">
        <f t="shared" si="39"/>
        <v>-12.645282748429906</v>
      </c>
      <c r="O290">
        <f t="shared" si="40"/>
        <v>2.1055563701972679</v>
      </c>
      <c r="Q290">
        <v>1164.6586</v>
      </c>
      <c r="R290">
        <v>519.94500000000005</v>
      </c>
      <c r="S290">
        <v>0.90401113</v>
      </c>
      <c r="T290">
        <v>1285.1755000000001</v>
      </c>
      <c r="U290">
        <v>441.50150000000002</v>
      </c>
      <c r="V290">
        <v>0.94865200000000005</v>
      </c>
      <c r="W290">
        <v>1291.1161</v>
      </c>
      <c r="X290">
        <v>586.27959999999996</v>
      </c>
      <c r="Y290">
        <v>0.87767459999999997</v>
      </c>
      <c r="Z290">
        <f t="shared" si="41"/>
        <v>1246.9834000000001</v>
      </c>
      <c r="AA290">
        <f t="shared" si="42"/>
        <v>515.90869999999995</v>
      </c>
      <c r="AB290">
        <f t="shared" si="43"/>
        <v>13.233535751023421</v>
      </c>
      <c r="AC290">
        <f t="shared" si="44"/>
        <v>2.2812301517921663</v>
      </c>
    </row>
    <row r="291" spans="1:29" x14ac:dyDescent="0.4">
      <c r="A291">
        <v>288</v>
      </c>
      <c r="B291">
        <f t="shared" si="36"/>
        <v>9.6</v>
      </c>
      <c r="C291">
        <v>529.47760000000005</v>
      </c>
      <c r="D291">
        <v>518.673</v>
      </c>
      <c r="E291">
        <v>0.97299179999999996</v>
      </c>
      <c r="F291">
        <v>660.18299999999999</v>
      </c>
      <c r="G291">
        <v>456.92737</v>
      </c>
      <c r="H291">
        <v>0.94899845000000005</v>
      </c>
      <c r="I291">
        <v>647.54780000000005</v>
      </c>
      <c r="J291">
        <v>600.78290000000004</v>
      </c>
      <c r="K291">
        <v>0.90742122999999997</v>
      </c>
      <c r="L291">
        <f t="shared" si="37"/>
        <v>612.40280000000007</v>
      </c>
      <c r="M291">
        <f t="shared" si="38"/>
        <v>525.46109000000001</v>
      </c>
      <c r="N291">
        <f t="shared" si="39"/>
        <v>-12.636446857657088</v>
      </c>
      <c r="O291">
        <f t="shared" si="40"/>
        <v>2.1079891319192248</v>
      </c>
      <c r="Q291">
        <v>1164.3805</v>
      </c>
      <c r="R291">
        <v>519.94683999999995</v>
      </c>
      <c r="S291">
        <v>0.89928883000000004</v>
      </c>
      <c r="T291">
        <v>1284.8844999999999</v>
      </c>
      <c r="U291">
        <v>441.45589999999999</v>
      </c>
      <c r="V291">
        <v>0.94304829999999995</v>
      </c>
      <c r="W291">
        <v>1290.8227999999999</v>
      </c>
      <c r="X291">
        <v>586.27739999999994</v>
      </c>
      <c r="Y291">
        <v>0.8761603</v>
      </c>
      <c r="Z291">
        <f t="shared" si="41"/>
        <v>1246.6959333333332</v>
      </c>
      <c r="AA291">
        <f t="shared" si="42"/>
        <v>515.89337999999998</v>
      </c>
      <c r="AB291">
        <f t="shared" si="43"/>
        <v>13.221711921293586</v>
      </c>
      <c r="AC291">
        <f t="shared" si="44"/>
        <v>2.2819561513977704</v>
      </c>
    </row>
    <row r="292" spans="1:29" x14ac:dyDescent="0.4">
      <c r="A292">
        <v>289</v>
      </c>
      <c r="B292">
        <f t="shared" si="36"/>
        <v>9.6333333333333329</v>
      </c>
      <c r="C292">
        <v>529.77997000000005</v>
      </c>
      <c r="D292">
        <v>518.59159999999997</v>
      </c>
      <c r="E292">
        <v>0.97137773000000005</v>
      </c>
      <c r="F292">
        <v>660.46875</v>
      </c>
      <c r="G292">
        <v>456.8682</v>
      </c>
      <c r="H292">
        <v>0.94198996000000002</v>
      </c>
      <c r="I292">
        <v>647.74963000000002</v>
      </c>
      <c r="J292">
        <v>600.82339999999999</v>
      </c>
      <c r="K292">
        <v>0.89876330000000004</v>
      </c>
      <c r="L292">
        <f t="shared" si="37"/>
        <v>612.66611666666665</v>
      </c>
      <c r="M292">
        <f t="shared" si="38"/>
        <v>525.42773333333332</v>
      </c>
      <c r="N292">
        <f t="shared" si="39"/>
        <v>-12.625804399930075</v>
      </c>
      <c r="O292">
        <f t="shared" si="40"/>
        <v>2.1092632468768047</v>
      </c>
      <c r="Q292">
        <v>1164.0498</v>
      </c>
      <c r="R292">
        <v>519.97893999999997</v>
      </c>
      <c r="S292">
        <v>0.90528949999999997</v>
      </c>
      <c r="T292">
        <v>1284.6193000000001</v>
      </c>
      <c r="U292">
        <v>441.47293000000002</v>
      </c>
      <c r="V292">
        <v>0.94875869999999995</v>
      </c>
      <c r="W292">
        <v>1290.6514</v>
      </c>
      <c r="X292">
        <v>586.34059999999999</v>
      </c>
      <c r="Y292">
        <v>0.88097656000000002</v>
      </c>
      <c r="Z292">
        <f t="shared" si="41"/>
        <v>1246.4401666666665</v>
      </c>
      <c r="AA292">
        <f t="shared" si="42"/>
        <v>515.93082333333325</v>
      </c>
      <c r="AB292">
        <f t="shared" si="43"/>
        <v>13.211175483927327</v>
      </c>
      <c r="AC292">
        <f t="shared" si="44"/>
        <v>2.2805171634955039</v>
      </c>
    </row>
    <row r="293" spans="1:29" x14ac:dyDescent="0.4">
      <c r="A293">
        <v>290</v>
      </c>
      <c r="B293">
        <f t="shared" si="36"/>
        <v>9.6666666666666661</v>
      </c>
      <c r="C293">
        <v>530.25385000000006</v>
      </c>
      <c r="D293">
        <v>518.60239999999999</v>
      </c>
      <c r="E293">
        <v>0.97251414999999997</v>
      </c>
      <c r="F293">
        <v>660.92309999999998</v>
      </c>
      <c r="G293">
        <v>456.83267000000001</v>
      </c>
      <c r="H293">
        <v>0.94034419999999996</v>
      </c>
      <c r="I293">
        <v>648.20636000000002</v>
      </c>
      <c r="J293">
        <v>600.82683999999995</v>
      </c>
      <c r="K293">
        <v>0.88607150000000001</v>
      </c>
      <c r="L293">
        <f t="shared" si="37"/>
        <v>613.12777000000006</v>
      </c>
      <c r="M293">
        <f t="shared" si="38"/>
        <v>525.42063666666661</v>
      </c>
      <c r="N293">
        <f t="shared" si="39"/>
        <v>-12.607162209370651</v>
      </c>
      <c r="O293">
        <f t="shared" si="40"/>
        <v>2.1093992138980031</v>
      </c>
      <c r="Q293">
        <v>1163.7285999999999</v>
      </c>
      <c r="R293">
        <v>520.05939999999998</v>
      </c>
      <c r="S293">
        <v>0.92354510000000001</v>
      </c>
      <c r="T293">
        <v>1284.4452000000001</v>
      </c>
      <c r="U293">
        <v>441.37830000000002</v>
      </c>
      <c r="V293">
        <v>0.94436330000000002</v>
      </c>
      <c r="W293">
        <v>1290.4435000000001</v>
      </c>
      <c r="X293">
        <v>586.25854000000004</v>
      </c>
      <c r="Y293">
        <v>0.8670329</v>
      </c>
      <c r="Z293">
        <f t="shared" si="41"/>
        <v>1246.2057666666667</v>
      </c>
      <c r="AA293">
        <f t="shared" si="42"/>
        <v>515.89874666666663</v>
      </c>
      <c r="AB293">
        <f t="shared" si="43"/>
        <v>13.201540839733251</v>
      </c>
      <c r="AC293">
        <f t="shared" si="44"/>
        <v>2.2819086234151942</v>
      </c>
    </row>
    <row r="294" spans="1:29" x14ac:dyDescent="0.4">
      <c r="A294">
        <v>291</v>
      </c>
      <c r="B294">
        <f t="shared" si="36"/>
        <v>9.6999999999999993</v>
      </c>
      <c r="C294">
        <v>530.28750000000002</v>
      </c>
      <c r="D294">
        <v>518.3202</v>
      </c>
      <c r="E294">
        <v>0.96709820000000002</v>
      </c>
      <c r="F294">
        <v>661.35913000000005</v>
      </c>
      <c r="G294">
        <v>456.6875</v>
      </c>
      <c r="H294">
        <v>0.92023820000000001</v>
      </c>
      <c r="I294">
        <v>648.51509999999996</v>
      </c>
      <c r="J294">
        <v>601.00005999999996</v>
      </c>
      <c r="K294">
        <v>0.87770329999999996</v>
      </c>
      <c r="L294">
        <f t="shared" si="37"/>
        <v>613.38724333333346</v>
      </c>
      <c r="M294">
        <f t="shared" si="38"/>
        <v>525.33591999999999</v>
      </c>
      <c r="N294">
        <f t="shared" si="39"/>
        <v>-12.596658074341029</v>
      </c>
      <c r="O294">
        <f t="shared" si="40"/>
        <v>2.1127714164158431</v>
      </c>
      <c r="Q294">
        <v>1163.5715</v>
      </c>
      <c r="R294">
        <v>520.11869999999999</v>
      </c>
      <c r="S294">
        <v>0.90294885999999996</v>
      </c>
      <c r="T294">
        <v>1284.0038999999999</v>
      </c>
      <c r="U294">
        <v>441.41165000000001</v>
      </c>
      <c r="V294">
        <v>0.92382310000000001</v>
      </c>
      <c r="W294">
        <v>1290.6105</v>
      </c>
      <c r="X294">
        <v>585.79290000000003</v>
      </c>
      <c r="Y294">
        <v>0.84079033000000003</v>
      </c>
      <c r="Z294">
        <f t="shared" si="41"/>
        <v>1246.0619666666664</v>
      </c>
      <c r="AA294">
        <f t="shared" si="42"/>
        <v>515.77441666666664</v>
      </c>
      <c r="AB294">
        <f t="shared" si="43"/>
        <v>13.195664109336551</v>
      </c>
      <c r="AC294">
        <f t="shared" si="44"/>
        <v>2.287034312133283</v>
      </c>
    </row>
    <row r="295" spans="1:29" x14ac:dyDescent="0.4">
      <c r="A295">
        <v>292</v>
      </c>
      <c r="B295">
        <f t="shared" si="36"/>
        <v>9.7333333333333325</v>
      </c>
      <c r="C295">
        <v>530.50836000000004</v>
      </c>
      <c r="D295">
        <v>518.19029999999998</v>
      </c>
      <c r="E295">
        <v>0.97421860000000005</v>
      </c>
      <c r="F295">
        <v>661.65110000000004</v>
      </c>
      <c r="G295">
        <v>456.69970000000001</v>
      </c>
      <c r="H295">
        <v>0.90522676999999996</v>
      </c>
      <c r="I295">
        <v>648.75806</v>
      </c>
      <c r="J295">
        <v>600.87260000000003</v>
      </c>
      <c r="K295">
        <v>0.87114939999999996</v>
      </c>
      <c r="L295">
        <f t="shared" si="37"/>
        <v>613.63917333333336</v>
      </c>
      <c r="M295">
        <f t="shared" si="38"/>
        <v>525.25419999999997</v>
      </c>
      <c r="N295">
        <f t="shared" si="39"/>
        <v>-12.586459406626631</v>
      </c>
      <c r="O295">
        <f t="shared" si="40"/>
        <v>2.1160237854420956</v>
      </c>
      <c r="Q295">
        <v>1163.2795000000001</v>
      </c>
      <c r="R295">
        <v>519.96540000000005</v>
      </c>
      <c r="S295">
        <v>0.90779613999999997</v>
      </c>
      <c r="T295">
        <v>1283.6945000000001</v>
      </c>
      <c r="U295">
        <v>441.43560000000002</v>
      </c>
      <c r="V295">
        <v>0.92970410000000003</v>
      </c>
      <c r="W295">
        <v>1290.1062999999999</v>
      </c>
      <c r="X295">
        <v>585.94293000000005</v>
      </c>
      <c r="Y295">
        <v>0.84341619999999995</v>
      </c>
      <c r="Z295">
        <f t="shared" si="41"/>
        <v>1245.6934333333334</v>
      </c>
      <c r="AA295">
        <f t="shared" si="42"/>
        <v>515.78130999999996</v>
      </c>
      <c r="AB295">
        <f t="shared" si="43"/>
        <v>13.180497749928037</v>
      </c>
      <c r="AC295">
        <f t="shared" si="44"/>
        <v>2.2868818884205733</v>
      </c>
    </row>
    <row r="296" spans="1:29" x14ac:dyDescent="0.4">
      <c r="A296">
        <v>293</v>
      </c>
      <c r="B296">
        <f t="shared" si="36"/>
        <v>9.7666666666666675</v>
      </c>
      <c r="C296">
        <v>530.8306</v>
      </c>
      <c r="D296">
        <v>518.09410000000003</v>
      </c>
      <c r="E296">
        <v>0.97950539999999997</v>
      </c>
      <c r="F296">
        <v>661.92470000000003</v>
      </c>
      <c r="G296">
        <v>456.68090000000001</v>
      </c>
      <c r="H296">
        <v>0.91049530000000001</v>
      </c>
      <c r="I296">
        <v>649.07939999999996</v>
      </c>
      <c r="J296">
        <v>600.87225000000001</v>
      </c>
      <c r="K296">
        <v>0.85954803000000002</v>
      </c>
      <c r="L296">
        <f t="shared" si="37"/>
        <v>613.94489999999996</v>
      </c>
      <c r="M296">
        <f t="shared" si="38"/>
        <v>525.21574999999996</v>
      </c>
      <c r="N296">
        <f t="shared" si="39"/>
        <v>-12.574102487760202</v>
      </c>
      <c r="O296">
        <f t="shared" si="40"/>
        <v>2.1174917014159238</v>
      </c>
      <c r="Q296">
        <v>1162.9947999999999</v>
      </c>
      <c r="R296">
        <v>519.89153999999996</v>
      </c>
      <c r="S296">
        <v>0.90119389999999999</v>
      </c>
      <c r="T296">
        <v>1283.4666999999999</v>
      </c>
      <c r="U296">
        <v>441.44529999999997</v>
      </c>
      <c r="V296">
        <v>0.93175540000000001</v>
      </c>
      <c r="W296">
        <v>1289.7683999999999</v>
      </c>
      <c r="X296">
        <v>585.93413999999996</v>
      </c>
      <c r="Y296">
        <v>0.83354585999999997</v>
      </c>
      <c r="Z296">
        <f t="shared" si="41"/>
        <v>1245.4099666666666</v>
      </c>
      <c r="AA296">
        <f t="shared" si="42"/>
        <v>515.7569933333333</v>
      </c>
      <c r="AB296">
        <f t="shared" si="43"/>
        <v>13.16884187364875</v>
      </c>
      <c r="AC296">
        <f t="shared" si="44"/>
        <v>2.2879737364732029</v>
      </c>
    </row>
    <row r="297" spans="1:29" x14ac:dyDescent="0.4">
      <c r="A297">
        <v>294</v>
      </c>
      <c r="B297">
        <f t="shared" si="36"/>
        <v>9.8000000000000007</v>
      </c>
      <c r="C297">
        <v>531.15520000000004</v>
      </c>
      <c r="D297">
        <v>517.98193000000003</v>
      </c>
      <c r="E297">
        <v>0.98035543999999997</v>
      </c>
      <c r="F297">
        <v>662.20214999999996</v>
      </c>
      <c r="G297">
        <v>456.75853999999998</v>
      </c>
      <c r="H297">
        <v>0.8866233</v>
      </c>
      <c r="I297">
        <v>649.33374000000003</v>
      </c>
      <c r="J297">
        <v>600.89480000000003</v>
      </c>
      <c r="K297">
        <v>0.86043130000000001</v>
      </c>
      <c r="L297">
        <f t="shared" si="37"/>
        <v>614.23036333333334</v>
      </c>
      <c r="M297">
        <f t="shared" si="38"/>
        <v>525.2117566666667</v>
      </c>
      <c r="N297">
        <f t="shared" si="39"/>
        <v>-12.56257480332871</v>
      </c>
      <c r="O297">
        <f t="shared" si="40"/>
        <v>2.1175596454574461</v>
      </c>
      <c r="Q297">
        <v>1162.6692</v>
      </c>
      <c r="R297">
        <v>519.81470000000002</v>
      </c>
      <c r="S297">
        <v>0.88204956000000001</v>
      </c>
      <c r="T297">
        <v>1283.2336</v>
      </c>
      <c r="U297">
        <v>441.36797999999999</v>
      </c>
      <c r="V297">
        <v>0.91632789999999997</v>
      </c>
      <c r="W297">
        <v>1289.5473999999999</v>
      </c>
      <c r="X297">
        <v>585.92693999999995</v>
      </c>
      <c r="Y297">
        <v>0.83434719999999996</v>
      </c>
      <c r="Z297">
        <f t="shared" si="41"/>
        <v>1245.1500666666666</v>
      </c>
      <c r="AA297">
        <f t="shared" si="42"/>
        <v>515.70320666666669</v>
      </c>
      <c r="AB297">
        <f t="shared" si="43"/>
        <v>13.158165326216219</v>
      </c>
      <c r="AC297">
        <f t="shared" si="44"/>
        <v>2.2902603492742446</v>
      </c>
    </row>
    <row r="298" spans="1:29" x14ac:dyDescent="0.4">
      <c r="A298">
        <v>295</v>
      </c>
      <c r="B298">
        <f t="shared" si="36"/>
        <v>9.8333333333333339</v>
      </c>
      <c r="C298">
        <v>531.61659999999995</v>
      </c>
      <c r="D298">
        <v>518.22460000000001</v>
      </c>
      <c r="E298">
        <v>0.97395259999999995</v>
      </c>
      <c r="F298">
        <v>662.37067000000002</v>
      </c>
      <c r="G298">
        <v>456.78528</v>
      </c>
      <c r="H298">
        <v>0.89130604000000002</v>
      </c>
      <c r="I298">
        <v>649.65466000000004</v>
      </c>
      <c r="J298">
        <v>600.89189999999996</v>
      </c>
      <c r="K298">
        <v>0.85377895999999998</v>
      </c>
      <c r="L298">
        <f t="shared" si="37"/>
        <v>614.54731000000004</v>
      </c>
      <c r="M298">
        <f t="shared" si="38"/>
        <v>525.30059333333338</v>
      </c>
      <c r="N298">
        <f t="shared" si="39"/>
        <v>-12.549805826344075</v>
      </c>
      <c r="O298">
        <f t="shared" si="40"/>
        <v>2.113827245199738</v>
      </c>
      <c r="Q298">
        <v>1162.4196999999999</v>
      </c>
      <c r="R298">
        <v>519.85839999999996</v>
      </c>
      <c r="S298">
        <v>0.87897479999999995</v>
      </c>
      <c r="T298">
        <v>1282.9176</v>
      </c>
      <c r="U298">
        <v>441.38004000000001</v>
      </c>
      <c r="V298">
        <v>0.9149294</v>
      </c>
      <c r="W298">
        <v>1289.2289000000001</v>
      </c>
      <c r="X298">
        <v>586.03009999999995</v>
      </c>
      <c r="Y298">
        <v>0.82999783999999999</v>
      </c>
      <c r="Z298">
        <f t="shared" si="41"/>
        <v>1244.8554000000001</v>
      </c>
      <c r="AA298">
        <f t="shared" si="42"/>
        <v>515.75617999999997</v>
      </c>
      <c r="AB298">
        <f t="shared" si="43"/>
        <v>13.146023758231905</v>
      </c>
      <c r="AC298">
        <f t="shared" si="44"/>
        <v>2.2882010059557212</v>
      </c>
    </row>
    <row r="299" spans="1:29" x14ac:dyDescent="0.4">
      <c r="A299">
        <v>296</v>
      </c>
      <c r="B299">
        <f t="shared" si="36"/>
        <v>9.8666666666666671</v>
      </c>
      <c r="C299">
        <v>532.01250000000005</v>
      </c>
      <c r="D299">
        <v>518.39954</v>
      </c>
      <c r="E299">
        <v>0.97518470000000002</v>
      </c>
      <c r="F299">
        <v>662.73860000000002</v>
      </c>
      <c r="G299">
        <v>456.78890000000001</v>
      </c>
      <c r="H299">
        <v>0.87817520000000004</v>
      </c>
      <c r="I299">
        <v>649.93100000000004</v>
      </c>
      <c r="J299">
        <v>600.78610000000003</v>
      </c>
      <c r="K299">
        <v>0.85124739999999999</v>
      </c>
      <c r="L299">
        <f t="shared" si="37"/>
        <v>614.89403333333337</v>
      </c>
      <c r="M299">
        <f t="shared" si="38"/>
        <v>525.32484666666676</v>
      </c>
      <c r="N299">
        <f t="shared" si="39"/>
        <v>-12.535813472862841</v>
      </c>
      <c r="O299">
        <f t="shared" si="40"/>
        <v>2.1127215858989099</v>
      </c>
      <c r="Q299">
        <v>1162.1161</v>
      </c>
      <c r="R299">
        <v>519.90954999999997</v>
      </c>
      <c r="S299">
        <v>0.86949100000000001</v>
      </c>
      <c r="T299">
        <v>1282.7644</v>
      </c>
      <c r="U299">
        <v>441.36887000000002</v>
      </c>
      <c r="V299">
        <v>0.91085300000000002</v>
      </c>
      <c r="W299">
        <v>1288.9698000000001</v>
      </c>
      <c r="X299">
        <v>586.04834000000005</v>
      </c>
      <c r="Y299">
        <v>0.81912410000000002</v>
      </c>
      <c r="Z299">
        <f t="shared" si="41"/>
        <v>1244.6167666666668</v>
      </c>
      <c r="AA299">
        <f t="shared" si="42"/>
        <v>515.77558666666664</v>
      </c>
      <c r="AB299">
        <f t="shared" si="43"/>
        <v>13.136198701073765</v>
      </c>
      <c r="AC299">
        <f t="shared" si="44"/>
        <v>2.2874922993184552</v>
      </c>
    </row>
    <row r="300" spans="1:29" x14ac:dyDescent="0.4">
      <c r="A300">
        <v>297</v>
      </c>
      <c r="B300">
        <f t="shared" si="36"/>
        <v>9.9</v>
      </c>
      <c r="C300">
        <v>532.3433</v>
      </c>
      <c r="D300">
        <v>518.42145000000005</v>
      </c>
      <c r="E300">
        <v>0.96391623999999998</v>
      </c>
      <c r="F300">
        <v>663.01400000000001</v>
      </c>
      <c r="G300">
        <v>456.76825000000002</v>
      </c>
      <c r="H300">
        <v>0.87473993999999999</v>
      </c>
      <c r="I300">
        <v>650.18005000000005</v>
      </c>
      <c r="J300">
        <v>600.7296</v>
      </c>
      <c r="K300">
        <v>0.85717319999999997</v>
      </c>
      <c r="L300">
        <f t="shared" si="37"/>
        <v>615.17911666666669</v>
      </c>
      <c r="M300">
        <f t="shared" si="38"/>
        <v>525.3064333333333</v>
      </c>
      <c r="N300">
        <f t="shared" si="39"/>
        <v>-12.524296134301613</v>
      </c>
      <c r="O300">
        <f t="shared" si="40"/>
        <v>2.1133783572258968</v>
      </c>
      <c r="Q300">
        <v>1161.9087999999999</v>
      </c>
      <c r="R300">
        <v>519.9067</v>
      </c>
      <c r="S300">
        <v>0.86358446</v>
      </c>
      <c r="T300">
        <v>1282.4883</v>
      </c>
      <c r="U300">
        <v>441.34</v>
      </c>
      <c r="V300">
        <v>0.90019939999999998</v>
      </c>
      <c r="W300">
        <v>1288.7655</v>
      </c>
      <c r="X300">
        <v>586.06885</v>
      </c>
      <c r="Y300">
        <v>0.81758416</v>
      </c>
      <c r="Z300">
        <f t="shared" si="41"/>
        <v>1244.3875333333333</v>
      </c>
      <c r="AA300">
        <f t="shared" si="42"/>
        <v>515.77184999999997</v>
      </c>
      <c r="AB300">
        <f t="shared" si="43"/>
        <v>13.126767979197123</v>
      </c>
      <c r="AC300">
        <f t="shared" si="44"/>
        <v>2.2877250515370964</v>
      </c>
    </row>
    <row r="301" spans="1:29" x14ac:dyDescent="0.4">
      <c r="A301">
        <v>298</v>
      </c>
      <c r="B301">
        <f t="shared" si="36"/>
        <v>9.9333333333333336</v>
      </c>
      <c r="C301">
        <v>532.47339999999997</v>
      </c>
      <c r="D301">
        <v>518.29349999999999</v>
      </c>
      <c r="E301">
        <v>0.96539604999999995</v>
      </c>
      <c r="F301">
        <v>663.32010000000002</v>
      </c>
      <c r="G301">
        <v>456.74936000000002</v>
      </c>
      <c r="H301">
        <v>0.86445426999999997</v>
      </c>
      <c r="I301">
        <v>650.52520000000004</v>
      </c>
      <c r="J301">
        <v>600.72839999999997</v>
      </c>
      <c r="K301">
        <v>0.87140410000000001</v>
      </c>
      <c r="L301">
        <f t="shared" si="37"/>
        <v>615.43956666666668</v>
      </c>
      <c r="M301">
        <f t="shared" si="38"/>
        <v>525.25708666666662</v>
      </c>
      <c r="N301">
        <f t="shared" si="39"/>
        <v>-12.513763364103612</v>
      </c>
      <c r="O301">
        <f t="shared" si="40"/>
        <v>2.1153062093116763</v>
      </c>
      <c r="Q301">
        <v>1161.6984</v>
      </c>
      <c r="R301">
        <v>519.64922999999999</v>
      </c>
      <c r="S301">
        <v>0.85517690000000002</v>
      </c>
      <c r="T301">
        <v>1282.2317</v>
      </c>
      <c r="U301">
        <v>441.245</v>
      </c>
      <c r="V301">
        <v>0.90096129999999996</v>
      </c>
      <c r="W301">
        <v>1288.6293000000001</v>
      </c>
      <c r="X301">
        <v>586.09466999999995</v>
      </c>
      <c r="Y301">
        <v>0.82452375</v>
      </c>
      <c r="Z301">
        <f t="shared" si="41"/>
        <v>1244.1864666666668</v>
      </c>
      <c r="AA301">
        <f t="shared" si="42"/>
        <v>515.66296666666665</v>
      </c>
      <c r="AB301">
        <f t="shared" si="43"/>
        <v>13.118530313740182</v>
      </c>
      <c r="AC301">
        <f t="shared" si="44"/>
        <v>2.2922402071861376</v>
      </c>
    </row>
    <row r="302" spans="1:29" x14ac:dyDescent="0.4">
      <c r="A302">
        <v>299</v>
      </c>
      <c r="B302">
        <f t="shared" si="36"/>
        <v>9.9666666666666668</v>
      </c>
      <c r="C302">
        <v>532.53359999999998</v>
      </c>
      <c r="D302">
        <v>518.21105999999997</v>
      </c>
      <c r="E302">
        <v>0.96236836999999997</v>
      </c>
      <c r="F302">
        <v>663.5883</v>
      </c>
      <c r="G302">
        <v>456.72143999999997</v>
      </c>
      <c r="H302">
        <v>0.85426120000000005</v>
      </c>
      <c r="I302">
        <v>650.94965000000002</v>
      </c>
      <c r="J302">
        <v>600.66980000000001</v>
      </c>
      <c r="K302">
        <v>0.88046630000000004</v>
      </c>
      <c r="L302">
        <f t="shared" si="37"/>
        <v>615.69051666666667</v>
      </c>
      <c r="M302">
        <f t="shared" si="38"/>
        <v>525.20076666666671</v>
      </c>
      <c r="N302">
        <f t="shared" si="39"/>
        <v>-12.503611861721039</v>
      </c>
      <c r="O302">
        <f t="shared" si="40"/>
        <v>2.1175219148040889</v>
      </c>
      <c r="Q302">
        <v>1161.3661999999999</v>
      </c>
      <c r="R302">
        <v>519.54660000000001</v>
      </c>
      <c r="S302">
        <v>0.85945300000000002</v>
      </c>
      <c r="T302">
        <v>1282.0148999999999</v>
      </c>
      <c r="U302">
        <v>441.19103999999999</v>
      </c>
      <c r="V302">
        <v>0.89821976000000003</v>
      </c>
      <c r="W302">
        <v>1288.4431</v>
      </c>
      <c r="X302">
        <v>586.09730000000002</v>
      </c>
      <c r="Y302">
        <v>0.82627039999999996</v>
      </c>
      <c r="Z302">
        <f t="shared" si="41"/>
        <v>1243.9413999999999</v>
      </c>
      <c r="AA302">
        <f t="shared" si="42"/>
        <v>515.61164666666673</v>
      </c>
      <c r="AB302">
        <f t="shared" si="43"/>
        <v>13.108463669892107</v>
      </c>
      <c r="AC302">
        <f t="shared" si="44"/>
        <v>2.2944209256434482</v>
      </c>
    </row>
    <row r="303" spans="1:29" x14ac:dyDescent="0.4">
      <c r="A303">
        <v>300</v>
      </c>
      <c r="B303">
        <f t="shared" si="36"/>
        <v>10</v>
      </c>
      <c r="C303">
        <v>532.86410000000001</v>
      </c>
      <c r="D303">
        <v>518.24414000000002</v>
      </c>
      <c r="E303">
        <v>0.95229509999999995</v>
      </c>
      <c r="F303">
        <v>663.83167000000003</v>
      </c>
      <c r="G303">
        <v>456.54464999999999</v>
      </c>
      <c r="H303">
        <v>0.84385140000000003</v>
      </c>
      <c r="I303">
        <v>651.29596000000004</v>
      </c>
      <c r="J303">
        <v>600.68380000000002</v>
      </c>
      <c r="K303">
        <v>0.88436369999999997</v>
      </c>
      <c r="L303">
        <f t="shared" si="37"/>
        <v>615.99724333333336</v>
      </c>
      <c r="M303">
        <f t="shared" si="38"/>
        <v>525.15753000000007</v>
      </c>
      <c r="N303">
        <f t="shared" si="39"/>
        <v>-12.491212249248854</v>
      </c>
      <c r="O303">
        <f t="shared" si="40"/>
        <v>2.1191848990859352</v>
      </c>
      <c r="Q303">
        <v>1161.0392999999999</v>
      </c>
      <c r="R303">
        <v>519.42163000000005</v>
      </c>
      <c r="S303">
        <v>0.84904855000000001</v>
      </c>
      <c r="T303">
        <v>1281.7434000000001</v>
      </c>
      <c r="U303">
        <v>441.13144</v>
      </c>
      <c r="V303">
        <v>0.88232319999999997</v>
      </c>
      <c r="W303">
        <v>1288.1985</v>
      </c>
      <c r="X303">
        <v>586.07854999999995</v>
      </c>
      <c r="Y303">
        <v>0.83696424999999997</v>
      </c>
      <c r="Z303">
        <f t="shared" si="41"/>
        <v>1243.6604</v>
      </c>
      <c r="AA303">
        <f t="shared" si="42"/>
        <v>515.54387333333341</v>
      </c>
      <c r="AB303">
        <f t="shared" si="43"/>
        <v>13.096923969824648</v>
      </c>
      <c r="AC303">
        <f t="shared" si="44"/>
        <v>2.2972858657953661</v>
      </c>
    </row>
    <row r="304" spans="1:29" x14ac:dyDescent="0.4">
      <c r="A304">
        <v>301</v>
      </c>
      <c r="B304">
        <f t="shared" si="36"/>
        <v>10.033333333333333</v>
      </c>
      <c r="C304">
        <v>533.0127</v>
      </c>
      <c r="D304">
        <v>518.08276000000001</v>
      </c>
      <c r="E304">
        <v>0.94666159999999999</v>
      </c>
      <c r="F304">
        <v>664.02149999999995</v>
      </c>
      <c r="G304">
        <v>456.33368000000002</v>
      </c>
      <c r="H304">
        <v>0.83030970000000004</v>
      </c>
      <c r="I304">
        <v>651.6155</v>
      </c>
      <c r="J304">
        <v>600.60119999999995</v>
      </c>
      <c r="K304">
        <v>0.88168555000000004</v>
      </c>
      <c r="L304">
        <f t="shared" si="37"/>
        <v>616.21656666666661</v>
      </c>
      <c r="M304">
        <f t="shared" si="38"/>
        <v>525.00588000000005</v>
      </c>
      <c r="N304">
        <f t="shared" si="39"/>
        <v>-12.482306812724735</v>
      </c>
      <c r="O304">
        <f t="shared" si="40"/>
        <v>2.1253030458952269</v>
      </c>
      <c r="Q304">
        <v>1160.8104000000001</v>
      </c>
      <c r="R304">
        <v>519.45230000000004</v>
      </c>
      <c r="S304">
        <v>0.83578450000000004</v>
      </c>
      <c r="T304">
        <v>1281.5243</v>
      </c>
      <c r="U304">
        <v>441.18060000000003</v>
      </c>
      <c r="V304">
        <v>0.88765203999999998</v>
      </c>
      <c r="W304">
        <v>1287.6986999999999</v>
      </c>
      <c r="X304">
        <v>586.09466999999995</v>
      </c>
      <c r="Y304">
        <v>0.85866520000000002</v>
      </c>
      <c r="Z304">
        <f t="shared" si="41"/>
        <v>1243.3444666666667</v>
      </c>
      <c r="AA304">
        <f t="shared" si="42"/>
        <v>515.57585666666671</v>
      </c>
      <c r="AB304">
        <f t="shared" si="43"/>
        <v>13.083914738512087</v>
      </c>
      <c r="AC304">
        <f t="shared" si="44"/>
        <v>2.2960908009029635</v>
      </c>
    </row>
    <row r="305" spans="1:29" x14ac:dyDescent="0.4">
      <c r="A305">
        <v>302</v>
      </c>
      <c r="B305">
        <f t="shared" si="36"/>
        <v>10.066666666666666</v>
      </c>
      <c r="C305">
        <v>533.17700000000002</v>
      </c>
      <c r="D305">
        <v>518.07465000000002</v>
      </c>
      <c r="E305">
        <v>0.94730099999999995</v>
      </c>
      <c r="F305">
        <v>664.20410000000004</v>
      </c>
      <c r="G305">
        <v>456.04674999999997</v>
      </c>
      <c r="H305">
        <v>0.82637819999999995</v>
      </c>
      <c r="I305">
        <v>651.93084999999996</v>
      </c>
      <c r="J305">
        <v>600.53125</v>
      </c>
      <c r="K305">
        <v>0.87294346</v>
      </c>
      <c r="L305">
        <f t="shared" si="37"/>
        <v>616.43731666666667</v>
      </c>
      <c r="M305">
        <f t="shared" si="38"/>
        <v>524.8842166666667</v>
      </c>
      <c r="N305">
        <f t="shared" si="39"/>
        <v>-12.473353415292491</v>
      </c>
      <c r="O305">
        <f t="shared" si="40"/>
        <v>2.1301964829065345</v>
      </c>
      <c r="Q305">
        <v>1160.623</v>
      </c>
      <c r="R305">
        <v>519.41899999999998</v>
      </c>
      <c r="S305">
        <v>0.84230830000000001</v>
      </c>
      <c r="T305">
        <v>1281.1202000000001</v>
      </c>
      <c r="U305">
        <v>441.17592999999999</v>
      </c>
      <c r="V305">
        <v>0.86882630000000005</v>
      </c>
      <c r="W305">
        <v>1287.3995</v>
      </c>
      <c r="X305">
        <v>586.05853000000002</v>
      </c>
      <c r="Y305">
        <v>0.87161149999999998</v>
      </c>
      <c r="Z305">
        <f t="shared" si="41"/>
        <v>1243.0475666666666</v>
      </c>
      <c r="AA305">
        <f t="shared" si="42"/>
        <v>515.55115333333333</v>
      </c>
      <c r="AB305">
        <f t="shared" si="43"/>
        <v>13.071707100289688</v>
      </c>
      <c r="AC305">
        <f t="shared" si="44"/>
        <v>2.2972031135587958</v>
      </c>
    </row>
    <row r="306" spans="1:29" x14ac:dyDescent="0.4">
      <c r="A306">
        <v>303</v>
      </c>
      <c r="B306">
        <f t="shared" si="36"/>
        <v>10.1</v>
      </c>
      <c r="C306">
        <v>533.28435999999999</v>
      </c>
      <c r="D306">
        <v>518.02980000000002</v>
      </c>
      <c r="E306">
        <v>0.93955714000000001</v>
      </c>
      <c r="F306">
        <v>664.56146000000001</v>
      </c>
      <c r="G306">
        <v>455.97125</v>
      </c>
      <c r="H306">
        <v>0.84182659999999998</v>
      </c>
      <c r="I306">
        <v>652.19179999999994</v>
      </c>
      <c r="J306">
        <v>600.43444999999997</v>
      </c>
      <c r="K306">
        <v>0.87160546000000005</v>
      </c>
      <c r="L306">
        <f t="shared" si="37"/>
        <v>616.67920666666669</v>
      </c>
      <c r="M306">
        <f t="shared" si="38"/>
        <v>524.81183333333331</v>
      </c>
      <c r="N306">
        <f t="shared" si="39"/>
        <v>-12.463562258665009</v>
      </c>
      <c r="O306">
        <f t="shared" si="40"/>
        <v>2.1330709858674055</v>
      </c>
      <c r="Q306">
        <v>1160.0951</v>
      </c>
      <c r="R306">
        <v>519.53186000000005</v>
      </c>
      <c r="S306">
        <v>0.84615479999999998</v>
      </c>
      <c r="T306">
        <v>1280.9974</v>
      </c>
      <c r="U306">
        <v>441.13704999999999</v>
      </c>
      <c r="V306">
        <v>0.8700639</v>
      </c>
      <c r="W306">
        <v>1287.2674999999999</v>
      </c>
      <c r="X306">
        <v>586.08130000000006</v>
      </c>
      <c r="Y306">
        <v>0.87525660000000005</v>
      </c>
      <c r="Z306">
        <f t="shared" si="41"/>
        <v>1242.7866666666666</v>
      </c>
      <c r="AA306">
        <f t="shared" si="42"/>
        <v>515.58340333333342</v>
      </c>
      <c r="AB306">
        <f t="shared" si="43"/>
        <v>13.060962278571886</v>
      </c>
      <c r="AC306">
        <f t="shared" si="44"/>
        <v>2.2959779024828881</v>
      </c>
    </row>
    <row r="307" spans="1:29" x14ac:dyDescent="0.4">
      <c r="A307">
        <v>304</v>
      </c>
      <c r="B307">
        <f t="shared" si="36"/>
        <v>10.133333333333333</v>
      </c>
      <c r="C307">
        <v>533.70374000000004</v>
      </c>
      <c r="D307">
        <v>518.12170000000003</v>
      </c>
      <c r="E307">
        <v>0.93984800000000002</v>
      </c>
      <c r="F307">
        <v>664.91210000000001</v>
      </c>
      <c r="G307">
        <v>455.98822000000001</v>
      </c>
      <c r="H307">
        <v>0.84072935999999998</v>
      </c>
      <c r="I307">
        <v>652.48720000000003</v>
      </c>
      <c r="J307">
        <v>600.26170000000002</v>
      </c>
      <c r="K307">
        <v>0.87492424000000002</v>
      </c>
      <c r="L307">
        <f t="shared" si="37"/>
        <v>617.03434666666669</v>
      </c>
      <c r="M307">
        <f t="shared" si="38"/>
        <v>524.79054000000008</v>
      </c>
      <c r="N307">
        <f t="shared" si="39"/>
        <v>-12.449214382640729</v>
      </c>
      <c r="O307">
        <f t="shared" si="40"/>
        <v>2.1338219760946502</v>
      </c>
      <c r="Q307">
        <v>1159.9498000000001</v>
      </c>
      <c r="R307">
        <v>519.46540000000005</v>
      </c>
      <c r="S307">
        <v>0.84798479999999998</v>
      </c>
      <c r="T307">
        <v>1280.7384</v>
      </c>
      <c r="U307">
        <v>441.13204999999999</v>
      </c>
      <c r="V307">
        <v>0.86712889999999998</v>
      </c>
      <c r="W307">
        <v>1286.9077</v>
      </c>
      <c r="X307">
        <v>586.00739999999996</v>
      </c>
      <c r="Y307">
        <v>0.88346237000000005</v>
      </c>
      <c r="Z307">
        <f t="shared" si="41"/>
        <v>1242.5319666666667</v>
      </c>
      <c r="AA307">
        <f t="shared" si="42"/>
        <v>515.53494999999998</v>
      </c>
      <c r="AB307">
        <f t="shared" si="43"/>
        <v>13.050498777920625</v>
      </c>
      <c r="AC307">
        <f t="shared" si="44"/>
        <v>2.2980449586434473</v>
      </c>
    </row>
    <row r="308" spans="1:29" x14ac:dyDescent="0.4">
      <c r="A308">
        <v>305</v>
      </c>
      <c r="B308">
        <f t="shared" si="36"/>
        <v>10.166666666666666</v>
      </c>
      <c r="C308">
        <v>534.10284000000001</v>
      </c>
      <c r="D308">
        <v>518.03380000000004</v>
      </c>
      <c r="E308">
        <v>0.93961125999999995</v>
      </c>
      <c r="F308">
        <v>665.29719999999998</v>
      </c>
      <c r="G308">
        <v>456.03082000000001</v>
      </c>
      <c r="H308">
        <v>0.83730570000000004</v>
      </c>
      <c r="I308">
        <v>652.82719999999995</v>
      </c>
      <c r="J308">
        <v>600.11383000000001</v>
      </c>
      <c r="K308">
        <v>0.86341184000000004</v>
      </c>
      <c r="L308">
        <f t="shared" si="37"/>
        <v>617.40908000000002</v>
      </c>
      <c r="M308">
        <f t="shared" si="38"/>
        <v>524.72615000000008</v>
      </c>
      <c r="N308">
        <f t="shared" si="39"/>
        <v>-12.434061184906913</v>
      </c>
      <c r="O308">
        <f t="shared" si="40"/>
        <v>2.1363258791039899</v>
      </c>
      <c r="Q308">
        <v>1159.6525999999999</v>
      </c>
      <c r="R308">
        <v>519.38630000000001</v>
      </c>
      <c r="S308">
        <v>0.83982414000000005</v>
      </c>
      <c r="T308">
        <v>1280.3418999999999</v>
      </c>
      <c r="U308">
        <v>441.16723999999999</v>
      </c>
      <c r="V308">
        <v>0.86306550000000004</v>
      </c>
      <c r="W308">
        <v>1286.7431999999999</v>
      </c>
      <c r="X308">
        <v>585.99207000000001</v>
      </c>
      <c r="Y308">
        <v>0.89045620000000003</v>
      </c>
      <c r="Z308">
        <f t="shared" si="41"/>
        <v>1242.2458999999999</v>
      </c>
      <c r="AA308">
        <f t="shared" si="42"/>
        <v>515.51520333333337</v>
      </c>
      <c r="AB308">
        <f t="shared" si="43"/>
        <v>13.038735541035637</v>
      </c>
      <c r="AC308">
        <f t="shared" si="44"/>
        <v>2.2989511352870822</v>
      </c>
    </row>
    <row r="309" spans="1:29" x14ac:dyDescent="0.4">
      <c r="A309">
        <v>306</v>
      </c>
      <c r="B309">
        <f t="shared" si="36"/>
        <v>10.199999999999999</v>
      </c>
      <c r="C309">
        <v>534.39919999999995</v>
      </c>
      <c r="D309">
        <v>517.99990000000003</v>
      </c>
      <c r="E309">
        <v>0.93353779999999997</v>
      </c>
      <c r="F309">
        <v>665.7056</v>
      </c>
      <c r="G309">
        <v>455.98624000000001</v>
      </c>
      <c r="H309">
        <v>0.85600257000000002</v>
      </c>
      <c r="I309">
        <v>653.02070000000003</v>
      </c>
      <c r="J309">
        <v>599.97655999999995</v>
      </c>
      <c r="K309">
        <v>0.86404729999999996</v>
      </c>
      <c r="L309">
        <f t="shared" si="37"/>
        <v>617.70850000000007</v>
      </c>
      <c r="M309">
        <f t="shared" si="38"/>
        <v>524.65423333333331</v>
      </c>
      <c r="N309">
        <f t="shared" si="39"/>
        <v>-12.421946704196623</v>
      </c>
      <c r="O309">
        <f t="shared" si="40"/>
        <v>2.1391621504344065</v>
      </c>
      <c r="Q309">
        <v>1159.4294</v>
      </c>
      <c r="R309">
        <v>519.37440000000004</v>
      </c>
      <c r="S309">
        <v>0.85900670000000001</v>
      </c>
      <c r="T309">
        <v>1280.0884000000001</v>
      </c>
      <c r="U309">
        <v>441.11462</v>
      </c>
      <c r="V309">
        <v>0.85528130000000002</v>
      </c>
      <c r="W309">
        <v>1286.4005999999999</v>
      </c>
      <c r="X309">
        <v>585.96799999999996</v>
      </c>
      <c r="Y309">
        <v>0.90290325999999999</v>
      </c>
      <c r="Z309">
        <f t="shared" si="41"/>
        <v>1241.9728</v>
      </c>
      <c r="AA309">
        <f t="shared" si="42"/>
        <v>515.48567333333324</v>
      </c>
      <c r="AB309">
        <f t="shared" si="43"/>
        <v>13.027509054625311</v>
      </c>
      <c r="AC309">
        <f t="shared" si="44"/>
        <v>2.3002521439612531</v>
      </c>
    </row>
    <row r="310" spans="1:29" x14ac:dyDescent="0.4">
      <c r="A310">
        <v>307</v>
      </c>
      <c r="B310">
        <f t="shared" si="36"/>
        <v>10.233333333333333</v>
      </c>
      <c r="C310">
        <v>534.78769999999997</v>
      </c>
      <c r="D310">
        <v>518.11632999999995</v>
      </c>
      <c r="E310">
        <v>0.93890459999999998</v>
      </c>
      <c r="F310">
        <v>666.00696000000005</v>
      </c>
      <c r="G310">
        <v>455.91788000000003</v>
      </c>
      <c r="H310">
        <v>0.87944370000000005</v>
      </c>
      <c r="I310">
        <v>653.41345000000001</v>
      </c>
      <c r="J310">
        <v>600.02124000000003</v>
      </c>
      <c r="K310">
        <v>0.86168219999999995</v>
      </c>
      <c r="L310">
        <f t="shared" si="37"/>
        <v>618.06937000000005</v>
      </c>
      <c r="M310">
        <f t="shared" si="38"/>
        <v>524.68515000000002</v>
      </c>
      <c r="N310">
        <f t="shared" si="39"/>
        <v>-12.407383893443724</v>
      </c>
      <c r="O310">
        <f t="shared" si="40"/>
        <v>2.1377797209352378</v>
      </c>
      <c r="Q310">
        <v>1159.2156</v>
      </c>
      <c r="R310">
        <v>519.33590000000004</v>
      </c>
      <c r="S310">
        <v>0.86529889999999998</v>
      </c>
      <c r="T310">
        <v>1279.8456000000001</v>
      </c>
      <c r="U310">
        <v>441.03366</v>
      </c>
      <c r="V310">
        <v>0.85796419999999995</v>
      </c>
      <c r="W310">
        <v>1286.2683</v>
      </c>
      <c r="X310">
        <v>585.9579</v>
      </c>
      <c r="Y310">
        <v>0.90195199999999998</v>
      </c>
      <c r="Z310">
        <f t="shared" si="41"/>
        <v>1241.7764999999999</v>
      </c>
      <c r="AA310">
        <f t="shared" si="42"/>
        <v>515.4424866666667</v>
      </c>
      <c r="AB310">
        <f t="shared" si="43"/>
        <v>13.019446804431452</v>
      </c>
      <c r="AC310">
        <f t="shared" si="44"/>
        <v>2.3020837676169355</v>
      </c>
    </row>
    <row r="311" spans="1:29" x14ac:dyDescent="0.4">
      <c r="A311">
        <v>308</v>
      </c>
      <c r="B311">
        <f t="shared" si="36"/>
        <v>10.266666666666667</v>
      </c>
      <c r="C311">
        <v>535.15173000000004</v>
      </c>
      <c r="D311">
        <v>517.98773000000006</v>
      </c>
      <c r="E311">
        <v>0.94131874999999998</v>
      </c>
      <c r="F311">
        <v>666.32153000000005</v>
      </c>
      <c r="G311">
        <v>455.9307</v>
      </c>
      <c r="H311">
        <v>0.88394563999999998</v>
      </c>
      <c r="I311">
        <v>653.72155999999995</v>
      </c>
      <c r="J311">
        <v>600.00274999999999</v>
      </c>
      <c r="K311">
        <v>0.86353915999999997</v>
      </c>
      <c r="L311">
        <f t="shared" si="37"/>
        <v>618.39827333333335</v>
      </c>
      <c r="M311">
        <f t="shared" si="38"/>
        <v>524.64039333333335</v>
      </c>
      <c r="N311">
        <f t="shared" si="39"/>
        <v>-12.394087337677941</v>
      </c>
      <c r="O311">
        <f t="shared" si="40"/>
        <v>2.1394973413915208</v>
      </c>
      <c r="Q311">
        <v>1159.0433</v>
      </c>
      <c r="R311">
        <v>519.11956999999995</v>
      </c>
      <c r="S311">
        <v>0.87242390000000003</v>
      </c>
      <c r="T311">
        <v>1279.5563</v>
      </c>
      <c r="U311">
        <v>441.15604000000002</v>
      </c>
      <c r="V311">
        <v>0.85512732999999996</v>
      </c>
      <c r="W311">
        <v>1285.8865000000001</v>
      </c>
      <c r="X311">
        <v>585.86440000000005</v>
      </c>
      <c r="Y311">
        <v>0.91454195999999999</v>
      </c>
      <c r="Z311">
        <f t="shared" si="41"/>
        <v>1241.4953666666668</v>
      </c>
      <c r="AA311">
        <f t="shared" si="42"/>
        <v>515.38000333333332</v>
      </c>
      <c r="AB311">
        <f t="shared" si="43"/>
        <v>13.007900645791175</v>
      </c>
      <c r="AC311">
        <f t="shared" si="44"/>
        <v>2.3047327874615822</v>
      </c>
    </row>
    <row r="312" spans="1:29" x14ac:dyDescent="0.4">
      <c r="A312">
        <v>309</v>
      </c>
      <c r="B312">
        <f t="shared" si="36"/>
        <v>10.3</v>
      </c>
      <c r="C312">
        <v>535.63720000000001</v>
      </c>
      <c r="D312">
        <v>517.88306</v>
      </c>
      <c r="E312">
        <v>0.93305309999999997</v>
      </c>
      <c r="F312">
        <v>666.66629999999998</v>
      </c>
      <c r="G312">
        <v>455.84778</v>
      </c>
      <c r="H312">
        <v>0.88534296000000001</v>
      </c>
      <c r="I312">
        <v>653.90520000000004</v>
      </c>
      <c r="J312">
        <v>600.07587000000001</v>
      </c>
      <c r="K312">
        <v>0.85978089999999996</v>
      </c>
      <c r="L312">
        <f t="shared" si="37"/>
        <v>618.73623333333342</v>
      </c>
      <c r="M312">
        <f t="shared" si="38"/>
        <v>524.60223666666661</v>
      </c>
      <c r="N312">
        <f t="shared" si="39"/>
        <v>-12.380427047092624</v>
      </c>
      <c r="O312">
        <f t="shared" si="40"/>
        <v>2.1409424921155025</v>
      </c>
      <c r="Q312">
        <v>1158.771</v>
      </c>
      <c r="R312">
        <v>519.17290000000003</v>
      </c>
      <c r="S312">
        <v>0.87554120000000002</v>
      </c>
      <c r="T312">
        <v>1279.4223999999999</v>
      </c>
      <c r="U312">
        <v>441.06808000000001</v>
      </c>
      <c r="V312">
        <v>0.86775089999999999</v>
      </c>
      <c r="W312">
        <v>1285.6267</v>
      </c>
      <c r="X312">
        <v>585.72850000000005</v>
      </c>
      <c r="Y312">
        <v>0.91659999999999997</v>
      </c>
      <c r="Z312">
        <f t="shared" si="41"/>
        <v>1241.2733666666666</v>
      </c>
      <c r="AA312">
        <f t="shared" si="42"/>
        <v>515.32316000000003</v>
      </c>
      <c r="AB312">
        <f t="shared" si="43"/>
        <v>12.998785595086343</v>
      </c>
      <c r="AC312">
        <f t="shared" si="44"/>
        <v>2.3071308830675004</v>
      </c>
    </row>
    <row r="313" spans="1:29" x14ac:dyDescent="0.4">
      <c r="A313">
        <v>310</v>
      </c>
      <c r="B313">
        <f t="shared" si="36"/>
        <v>10.333333333333334</v>
      </c>
      <c r="C313">
        <v>536</v>
      </c>
      <c r="D313">
        <v>518.06586000000004</v>
      </c>
      <c r="E313">
        <v>0.93990123000000003</v>
      </c>
      <c r="F313">
        <v>666.92285000000004</v>
      </c>
      <c r="G313">
        <v>455.86470000000003</v>
      </c>
      <c r="H313">
        <v>0.88609104999999999</v>
      </c>
      <c r="I313">
        <v>654.18024000000003</v>
      </c>
      <c r="J313">
        <v>600.04485999999997</v>
      </c>
      <c r="K313">
        <v>0.86036469999999998</v>
      </c>
      <c r="L313">
        <f t="shared" si="37"/>
        <v>619.03436333333332</v>
      </c>
      <c r="M313">
        <f t="shared" si="38"/>
        <v>524.65847333333329</v>
      </c>
      <c r="N313">
        <f t="shared" si="39"/>
        <v>-12.368405668020015</v>
      </c>
      <c r="O313">
        <f t="shared" si="40"/>
        <v>2.1385472587187846</v>
      </c>
      <c r="Q313">
        <v>1158.6215</v>
      </c>
      <c r="R313">
        <v>519.08889999999997</v>
      </c>
      <c r="S313">
        <v>0.89119214000000002</v>
      </c>
      <c r="T313">
        <v>1279.203</v>
      </c>
      <c r="U313">
        <v>441.15024</v>
      </c>
      <c r="V313">
        <v>0.86765800000000004</v>
      </c>
      <c r="W313">
        <v>1285.4159999999999</v>
      </c>
      <c r="X313">
        <v>585.71564000000001</v>
      </c>
      <c r="Y313">
        <v>0.92008979999999996</v>
      </c>
      <c r="Z313">
        <f t="shared" si="41"/>
        <v>1241.0801666666666</v>
      </c>
      <c r="AA313">
        <f t="shared" si="42"/>
        <v>515.31826000000001</v>
      </c>
      <c r="AB313">
        <f t="shared" si="43"/>
        <v>12.990838644110822</v>
      </c>
      <c r="AC313">
        <f t="shared" si="44"/>
        <v>2.3073984973191028</v>
      </c>
    </row>
    <row r="314" spans="1:29" x14ac:dyDescent="0.4">
      <c r="A314">
        <v>311</v>
      </c>
      <c r="B314">
        <f t="shared" si="36"/>
        <v>10.366666666666667</v>
      </c>
      <c r="C314">
        <v>536.22955000000002</v>
      </c>
      <c r="D314">
        <v>518.12683000000004</v>
      </c>
      <c r="E314">
        <v>0.94300269999999997</v>
      </c>
      <c r="F314">
        <v>667.36162999999999</v>
      </c>
      <c r="G314">
        <v>455.82135</v>
      </c>
      <c r="H314">
        <v>0.89837056000000004</v>
      </c>
      <c r="I314">
        <v>654.54539999999997</v>
      </c>
      <c r="J314">
        <v>599.95330000000001</v>
      </c>
      <c r="K314">
        <v>0.86189760000000004</v>
      </c>
      <c r="L314">
        <f t="shared" si="37"/>
        <v>619.37885999999992</v>
      </c>
      <c r="M314">
        <f t="shared" si="38"/>
        <v>524.63382666666666</v>
      </c>
      <c r="N314">
        <f t="shared" si="39"/>
        <v>-12.35448551106934</v>
      </c>
      <c r="O314">
        <f t="shared" si="40"/>
        <v>2.1394386734396513</v>
      </c>
      <c r="Q314">
        <v>1158.3171</v>
      </c>
      <c r="R314">
        <v>518.99645999999996</v>
      </c>
      <c r="S314">
        <v>0.91004574000000005</v>
      </c>
      <c r="T314">
        <v>1279.0020999999999</v>
      </c>
      <c r="U314">
        <v>441.14296999999999</v>
      </c>
      <c r="V314">
        <v>0.87921910000000003</v>
      </c>
      <c r="W314">
        <v>1285.4169999999999</v>
      </c>
      <c r="X314">
        <v>585.63689999999997</v>
      </c>
      <c r="Y314">
        <v>0.91702669999999997</v>
      </c>
      <c r="Z314">
        <f t="shared" si="41"/>
        <v>1240.9120666666665</v>
      </c>
      <c r="AA314">
        <f t="shared" si="42"/>
        <v>515.25877666666668</v>
      </c>
      <c r="AB314">
        <f t="shared" si="43"/>
        <v>12.983942069217079</v>
      </c>
      <c r="AC314">
        <f t="shared" si="44"/>
        <v>2.3098855016817015</v>
      </c>
    </row>
    <row r="315" spans="1:29" x14ac:dyDescent="0.4">
      <c r="A315">
        <v>312</v>
      </c>
      <c r="B315">
        <f t="shared" si="36"/>
        <v>10.4</v>
      </c>
      <c r="C315">
        <v>536.42773</v>
      </c>
      <c r="D315">
        <v>518.14855999999997</v>
      </c>
      <c r="E315">
        <v>0.93920079999999995</v>
      </c>
      <c r="F315">
        <v>667.69320000000005</v>
      </c>
      <c r="G315">
        <v>455.80176</v>
      </c>
      <c r="H315">
        <v>0.90779220000000005</v>
      </c>
      <c r="I315">
        <v>654.85626000000002</v>
      </c>
      <c r="J315">
        <v>599.88220000000001</v>
      </c>
      <c r="K315">
        <v>0.85816499999999996</v>
      </c>
      <c r="L315">
        <f t="shared" si="37"/>
        <v>619.65906333333339</v>
      </c>
      <c r="M315">
        <f t="shared" si="38"/>
        <v>524.61083999999994</v>
      </c>
      <c r="N315">
        <f t="shared" si="39"/>
        <v>-12.34316221141547</v>
      </c>
      <c r="O315">
        <f t="shared" si="40"/>
        <v>2.1402837399187016</v>
      </c>
      <c r="Q315">
        <v>1158.1044999999999</v>
      </c>
      <c r="R315">
        <v>519.04300000000001</v>
      </c>
      <c r="S315">
        <v>0.92499129999999996</v>
      </c>
      <c r="T315">
        <v>1278.8124</v>
      </c>
      <c r="U315">
        <v>441.14224000000002</v>
      </c>
      <c r="V315">
        <v>0.87100440000000001</v>
      </c>
      <c r="W315">
        <v>1285.1433</v>
      </c>
      <c r="X315">
        <v>585.66290000000004</v>
      </c>
      <c r="Y315">
        <v>0.91390309999999997</v>
      </c>
      <c r="Z315">
        <f t="shared" si="41"/>
        <v>1240.6867333333332</v>
      </c>
      <c r="AA315">
        <f t="shared" si="42"/>
        <v>515.28271333333339</v>
      </c>
      <c r="AB315">
        <f t="shared" si="43"/>
        <v>12.97466386378588</v>
      </c>
      <c r="AC315">
        <f t="shared" si="44"/>
        <v>2.3089872001324316</v>
      </c>
    </row>
    <row r="316" spans="1:29" x14ac:dyDescent="0.4">
      <c r="A316">
        <v>313</v>
      </c>
      <c r="B316">
        <f t="shared" si="36"/>
        <v>10.433333333333334</v>
      </c>
      <c r="C316">
        <v>536.89984000000004</v>
      </c>
      <c r="D316">
        <v>518.01340000000005</v>
      </c>
      <c r="E316">
        <v>0.95078149999999995</v>
      </c>
      <c r="F316">
        <v>667.95294000000001</v>
      </c>
      <c r="G316">
        <v>455.79248000000001</v>
      </c>
      <c r="H316">
        <v>0.91597649999999997</v>
      </c>
      <c r="I316">
        <v>655.19320000000005</v>
      </c>
      <c r="J316">
        <v>599.8424</v>
      </c>
      <c r="K316">
        <v>0.85404429999999998</v>
      </c>
      <c r="L316">
        <f t="shared" si="37"/>
        <v>620.01532666666674</v>
      </c>
      <c r="M316">
        <f t="shared" si="38"/>
        <v>524.5494266666667</v>
      </c>
      <c r="N316">
        <f t="shared" si="39"/>
        <v>-12.328754691428664</v>
      </c>
      <c r="O316">
        <f t="shared" si="40"/>
        <v>2.1426722431488132</v>
      </c>
      <c r="Q316">
        <v>1157.9747</v>
      </c>
      <c r="R316">
        <v>518.97929999999997</v>
      </c>
      <c r="S316">
        <v>0.92672840000000001</v>
      </c>
      <c r="T316">
        <v>1278.5039999999999</v>
      </c>
      <c r="U316">
        <v>441.17180000000002</v>
      </c>
      <c r="V316">
        <v>0.88228260000000003</v>
      </c>
      <c r="W316">
        <v>1284.9059</v>
      </c>
      <c r="X316">
        <v>585.63400000000001</v>
      </c>
      <c r="Y316">
        <v>0.93119499999999999</v>
      </c>
      <c r="Z316">
        <f t="shared" si="41"/>
        <v>1240.4615333333331</v>
      </c>
      <c r="AA316">
        <f t="shared" si="42"/>
        <v>515.26170000000002</v>
      </c>
      <c r="AB316">
        <f t="shared" si="43"/>
        <v>12.965405771339302</v>
      </c>
      <c r="AC316">
        <f t="shared" si="44"/>
        <v>2.3099237753762769</v>
      </c>
    </row>
    <row r="317" spans="1:29" x14ac:dyDescent="0.4">
      <c r="A317">
        <v>314</v>
      </c>
      <c r="B317">
        <f t="shared" si="36"/>
        <v>10.466666666666667</v>
      </c>
      <c r="C317">
        <v>537.22590000000002</v>
      </c>
      <c r="D317">
        <v>517.92804000000001</v>
      </c>
      <c r="E317">
        <v>0.95899487000000005</v>
      </c>
      <c r="F317">
        <v>668.32665999999995</v>
      </c>
      <c r="G317">
        <v>455.83904999999999</v>
      </c>
      <c r="H317">
        <v>0.92441359999999995</v>
      </c>
      <c r="I317">
        <v>655.52070000000003</v>
      </c>
      <c r="J317">
        <v>599.5761</v>
      </c>
      <c r="K317">
        <v>0.86086196000000004</v>
      </c>
      <c r="L317">
        <f t="shared" si="37"/>
        <v>620.35775333333333</v>
      </c>
      <c r="M317">
        <f t="shared" si="38"/>
        <v>524.44772999999998</v>
      </c>
      <c r="N317">
        <f t="shared" si="39"/>
        <v>-12.314892774981891</v>
      </c>
      <c r="O317">
        <f t="shared" si="40"/>
        <v>2.1467099364812117</v>
      </c>
      <c r="Q317">
        <v>1157.7239999999999</v>
      </c>
      <c r="R317">
        <v>518.99940000000004</v>
      </c>
      <c r="S317">
        <v>0.94046039999999997</v>
      </c>
      <c r="T317">
        <v>1278.3296</v>
      </c>
      <c r="U317">
        <v>441.13625999999999</v>
      </c>
      <c r="V317">
        <v>0.88294613</v>
      </c>
      <c r="W317">
        <v>1284.7251000000001</v>
      </c>
      <c r="X317">
        <v>585.63099999999997</v>
      </c>
      <c r="Y317">
        <v>0.92934905999999995</v>
      </c>
      <c r="Z317">
        <f t="shared" si="41"/>
        <v>1240.2595666666668</v>
      </c>
      <c r="AA317">
        <f t="shared" si="42"/>
        <v>515.2555533333333</v>
      </c>
      <c r="AB317">
        <f t="shared" si="43"/>
        <v>12.957098751238684</v>
      </c>
      <c r="AC317">
        <f t="shared" si="44"/>
        <v>2.3102453427724239</v>
      </c>
    </row>
    <row r="318" spans="1:29" x14ac:dyDescent="0.4">
      <c r="A318">
        <v>315</v>
      </c>
      <c r="B318">
        <f t="shared" si="36"/>
        <v>10.5</v>
      </c>
      <c r="C318">
        <v>537.60913000000005</v>
      </c>
      <c r="D318">
        <v>517.7998</v>
      </c>
      <c r="E318">
        <v>0.95232903999999996</v>
      </c>
      <c r="F318">
        <v>668.75</v>
      </c>
      <c r="G318">
        <v>455.71375</v>
      </c>
      <c r="H318">
        <v>0.93028440000000001</v>
      </c>
      <c r="I318">
        <v>655.84929999999997</v>
      </c>
      <c r="J318">
        <v>599.58460000000002</v>
      </c>
      <c r="K318">
        <v>0.87930240000000004</v>
      </c>
      <c r="L318">
        <f t="shared" si="37"/>
        <v>620.73614333333342</v>
      </c>
      <c r="M318">
        <f t="shared" si="38"/>
        <v>524.36604999999997</v>
      </c>
      <c r="N318">
        <f t="shared" si="39"/>
        <v>-12.299584784160333</v>
      </c>
      <c r="O318">
        <f t="shared" si="40"/>
        <v>2.1499184488361647</v>
      </c>
      <c r="Q318">
        <v>1157.3833999999999</v>
      </c>
      <c r="R318">
        <v>518.94257000000005</v>
      </c>
      <c r="S318">
        <v>0.95224105999999997</v>
      </c>
      <c r="T318">
        <v>1278.0182</v>
      </c>
      <c r="U318">
        <v>441.11108000000002</v>
      </c>
      <c r="V318">
        <v>0.88974299999999995</v>
      </c>
      <c r="W318">
        <v>1284.3313000000001</v>
      </c>
      <c r="X318">
        <v>585.59370000000001</v>
      </c>
      <c r="Y318">
        <v>0.94083910000000004</v>
      </c>
      <c r="Z318">
        <f t="shared" si="41"/>
        <v>1239.9109666666666</v>
      </c>
      <c r="AA318">
        <f t="shared" si="42"/>
        <v>515.21578333333343</v>
      </c>
      <c r="AB318">
        <f t="shared" si="43"/>
        <v>12.942770173175225</v>
      </c>
      <c r="AC318">
        <f t="shared" si="44"/>
        <v>2.3119907556333503</v>
      </c>
    </row>
    <row r="319" spans="1:29" x14ac:dyDescent="0.4">
      <c r="A319">
        <v>316</v>
      </c>
      <c r="B319">
        <f t="shared" si="36"/>
        <v>10.533333333333333</v>
      </c>
      <c r="C319">
        <v>538.03394000000003</v>
      </c>
      <c r="D319">
        <v>517.85943999999995</v>
      </c>
      <c r="E319">
        <v>0.96593479999999998</v>
      </c>
      <c r="F319">
        <v>669.14086999999995</v>
      </c>
      <c r="G319">
        <v>455.74349999999998</v>
      </c>
      <c r="H319">
        <v>0.92593939999999997</v>
      </c>
      <c r="I319">
        <v>656.10289999999998</v>
      </c>
      <c r="J319">
        <v>599.5557</v>
      </c>
      <c r="K319">
        <v>0.88994609999999996</v>
      </c>
      <c r="L319">
        <f t="shared" si="37"/>
        <v>621.09256999999991</v>
      </c>
      <c r="M319">
        <f t="shared" si="38"/>
        <v>524.38621333333333</v>
      </c>
      <c r="N319">
        <f t="shared" si="39"/>
        <v>-12.285196611686393</v>
      </c>
      <c r="O319">
        <f t="shared" si="40"/>
        <v>2.1489764838401166</v>
      </c>
      <c r="Q319">
        <v>1157.1566</v>
      </c>
      <c r="R319">
        <v>518.97789999999998</v>
      </c>
      <c r="S319">
        <v>0.95246523999999999</v>
      </c>
      <c r="T319">
        <v>1277.835</v>
      </c>
      <c r="U319">
        <v>441.19229999999999</v>
      </c>
      <c r="V319">
        <v>0.91415040000000003</v>
      </c>
      <c r="W319">
        <v>1284.279</v>
      </c>
      <c r="X319">
        <v>585.74347</v>
      </c>
      <c r="Y319">
        <v>0.94179029999999997</v>
      </c>
      <c r="Z319">
        <f t="shared" si="41"/>
        <v>1239.7568666666668</v>
      </c>
      <c r="AA319">
        <f t="shared" si="42"/>
        <v>515.3045566666666</v>
      </c>
      <c r="AB319">
        <f t="shared" si="43"/>
        <v>12.93640175283994</v>
      </c>
      <c r="AC319">
        <f t="shared" si="44"/>
        <v>2.3084208033917402</v>
      </c>
    </row>
    <row r="320" spans="1:29" x14ac:dyDescent="0.4">
      <c r="A320">
        <v>317</v>
      </c>
      <c r="B320">
        <f t="shared" si="36"/>
        <v>10.566666666666666</v>
      </c>
      <c r="C320">
        <v>538.41650000000004</v>
      </c>
      <c r="D320">
        <v>517.97299999999996</v>
      </c>
      <c r="E320">
        <v>0.96998399999999996</v>
      </c>
      <c r="F320">
        <v>669.56780000000003</v>
      </c>
      <c r="G320">
        <v>455.76931999999999</v>
      </c>
      <c r="H320">
        <v>0.91894776</v>
      </c>
      <c r="I320">
        <v>656.56190000000004</v>
      </c>
      <c r="J320">
        <v>599.49360000000001</v>
      </c>
      <c r="K320">
        <v>0.89298049999999995</v>
      </c>
      <c r="L320">
        <f t="shared" si="37"/>
        <v>621.51540000000011</v>
      </c>
      <c r="M320">
        <f t="shared" si="38"/>
        <v>524.41197333333332</v>
      </c>
      <c r="N320">
        <f t="shared" si="39"/>
        <v>-12.26812827562089</v>
      </c>
      <c r="O320">
        <f t="shared" si="40"/>
        <v>2.147783897367709</v>
      </c>
      <c r="Q320">
        <v>1156.7873999999999</v>
      </c>
      <c r="R320">
        <v>518.92190000000005</v>
      </c>
      <c r="S320">
        <v>0.96119100000000002</v>
      </c>
      <c r="T320">
        <v>1277.5479</v>
      </c>
      <c r="U320">
        <v>441.1395</v>
      </c>
      <c r="V320">
        <v>0.91310990000000003</v>
      </c>
      <c r="W320">
        <v>1283.9286999999999</v>
      </c>
      <c r="X320">
        <v>585.65970000000004</v>
      </c>
      <c r="Y320">
        <v>0.94559424999999997</v>
      </c>
      <c r="Z320">
        <f t="shared" si="41"/>
        <v>1239.4213333333332</v>
      </c>
      <c r="AA320">
        <f t="shared" si="42"/>
        <v>515.24036666666677</v>
      </c>
      <c r="AB320">
        <f t="shared" si="43"/>
        <v>12.922618855565194</v>
      </c>
      <c r="AC320">
        <f t="shared" si="44"/>
        <v>2.311158501735691</v>
      </c>
    </row>
    <row r="321" spans="1:29" x14ac:dyDescent="0.4">
      <c r="A321">
        <v>318</v>
      </c>
      <c r="B321">
        <f t="shared" si="36"/>
        <v>10.6</v>
      </c>
      <c r="C321">
        <v>538.88525000000004</v>
      </c>
      <c r="D321">
        <v>517.90935999999999</v>
      </c>
      <c r="E321">
        <v>0.97911599999999999</v>
      </c>
      <c r="F321">
        <v>669.83983999999998</v>
      </c>
      <c r="G321">
        <v>455.74094000000002</v>
      </c>
      <c r="H321">
        <v>0.91352630000000001</v>
      </c>
      <c r="I321">
        <v>656.9615</v>
      </c>
      <c r="J321">
        <v>599.42804000000001</v>
      </c>
      <c r="K321">
        <v>0.90933244999999996</v>
      </c>
      <c r="L321">
        <f t="shared" si="37"/>
        <v>621.89552999999989</v>
      </c>
      <c r="M321">
        <f t="shared" si="38"/>
        <v>524.35944666666671</v>
      </c>
      <c r="N321">
        <f t="shared" si="39"/>
        <v>-12.252758916129741</v>
      </c>
      <c r="O321">
        <f t="shared" si="40"/>
        <v>2.1498016213932973</v>
      </c>
      <c r="Q321">
        <v>1156.3996999999999</v>
      </c>
      <c r="R321">
        <v>519.1259</v>
      </c>
      <c r="S321">
        <v>0.95475507000000004</v>
      </c>
      <c r="T321">
        <v>1277.3397</v>
      </c>
      <c r="U321">
        <v>441.06887999999998</v>
      </c>
      <c r="V321">
        <v>0.91729444000000004</v>
      </c>
      <c r="W321">
        <v>1283.6472000000001</v>
      </c>
      <c r="X321">
        <v>585.63775999999996</v>
      </c>
      <c r="Y321">
        <v>0.94170220000000004</v>
      </c>
      <c r="Z321">
        <f t="shared" si="41"/>
        <v>1239.1288666666667</v>
      </c>
      <c r="AA321">
        <f t="shared" si="42"/>
        <v>515.27751333333333</v>
      </c>
      <c r="AB321">
        <f t="shared" si="43"/>
        <v>12.910574976894109</v>
      </c>
      <c r="AC321">
        <f t="shared" si="44"/>
        <v>2.3097444221507488</v>
      </c>
    </row>
    <row r="322" spans="1:29" x14ac:dyDescent="0.4">
      <c r="A322">
        <v>319</v>
      </c>
      <c r="B322">
        <f t="shared" si="36"/>
        <v>10.633333333333333</v>
      </c>
      <c r="C322">
        <v>539.06769999999995</v>
      </c>
      <c r="D322">
        <v>517.87270000000001</v>
      </c>
      <c r="E322">
        <v>0.98723704000000001</v>
      </c>
      <c r="F322">
        <v>670.11614999999995</v>
      </c>
      <c r="G322">
        <v>455.68650000000002</v>
      </c>
      <c r="H322">
        <v>0.91673433999999998</v>
      </c>
      <c r="I322">
        <v>657.33500000000004</v>
      </c>
      <c r="J322">
        <v>599.40530000000001</v>
      </c>
      <c r="K322">
        <v>0.91424464999999999</v>
      </c>
      <c r="L322">
        <f t="shared" si="37"/>
        <v>622.17295000000001</v>
      </c>
      <c r="M322">
        <f t="shared" si="38"/>
        <v>524.32150000000001</v>
      </c>
      <c r="N322">
        <f t="shared" si="39"/>
        <v>-12.241542326362858</v>
      </c>
      <c r="O322">
        <f t="shared" si="40"/>
        <v>2.1512583413865021</v>
      </c>
      <c r="Q322">
        <v>1156.1777</v>
      </c>
      <c r="R322">
        <v>518.97199999999998</v>
      </c>
      <c r="S322">
        <v>0.96548593000000005</v>
      </c>
      <c r="T322">
        <v>1277.056</v>
      </c>
      <c r="U322">
        <v>441.16433999999998</v>
      </c>
      <c r="V322">
        <v>0.93360670000000001</v>
      </c>
      <c r="W322">
        <v>1283.4585</v>
      </c>
      <c r="X322">
        <v>585.5444</v>
      </c>
      <c r="Y322">
        <v>0.94306820000000002</v>
      </c>
      <c r="Z322">
        <f t="shared" si="41"/>
        <v>1238.8973999999998</v>
      </c>
      <c r="AA322">
        <f t="shared" si="42"/>
        <v>515.2269133333333</v>
      </c>
      <c r="AB322">
        <f t="shared" si="43"/>
        <v>12.901069096345436</v>
      </c>
      <c r="AC322">
        <f t="shared" si="44"/>
        <v>2.3118909505867968</v>
      </c>
    </row>
    <row r="323" spans="1:29" x14ac:dyDescent="0.4">
      <c r="A323">
        <v>320</v>
      </c>
      <c r="B323">
        <f t="shared" si="36"/>
        <v>10.666666666666666</v>
      </c>
      <c r="C323">
        <v>539.29939999999999</v>
      </c>
      <c r="D323">
        <v>517.79489999999998</v>
      </c>
      <c r="E323">
        <v>0.98858570000000001</v>
      </c>
      <c r="F323">
        <v>670.38459999999998</v>
      </c>
      <c r="G323">
        <v>455.65814</v>
      </c>
      <c r="H323">
        <v>0.9163036</v>
      </c>
      <c r="I323">
        <v>657.71010000000001</v>
      </c>
      <c r="J323">
        <v>599.47550000000001</v>
      </c>
      <c r="K323">
        <v>0.92525893000000003</v>
      </c>
      <c r="L323">
        <f t="shared" si="37"/>
        <v>622.46469999999999</v>
      </c>
      <c r="M323">
        <f t="shared" si="38"/>
        <v>524.30951333333326</v>
      </c>
      <c r="N323">
        <f t="shared" si="39"/>
        <v>-12.22975528736692</v>
      </c>
      <c r="O323">
        <f t="shared" si="40"/>
        <v>2.1516504563406431</v>
      </c>
      <c r="Q323">
        <v>1155.8978</v>
      </c>
      <c r="R323">
        <v>519.01184000000001</v>
      </c>
      <c r="S323">
        <v>0.97485659999999996</v>
      </c>
      <c r="T323">
        <v>1276.846</v>
      </c>
      <c r="U323">
        <v>441.15762000000001</v>
      </c>
      <c r="V323">
        <v>0.95361059999999997</v>
      </c>
      <c r="W323">
        <v>1283.2157</v>
      </c>
      <c r="X323">
        <v>585.42052999999999</v>
      </c>
      <c r="Y323">
        <v>0.94669769999999998</v>
      </c>
      <c r="Z323">
        <f t="shared" si="41"/>
        <v>1238.6531666666667</v>
      </c>
      <c r="AA323">
        <f t="shared" si="42"/>
        <v>515.19666333333328</v>
      </c>
      <c r="AB323">
        <f t="shared" si="43"/>
        <v>12.89103148604746</v>
      </c>
      <c r="AC323">
        <f t="shared" si="44"/>
        <v>2.313211225874555</v>
      </c>
    </row>
    <row r="324" spans="1:29" x14ac:dyDescent="0.4">
      <c r="A324">
        <v>321</v>
      </c>
      <c r="B324">
        <f t="shared" ref="B324:B387" si="45">A324/30</f>
        <v>10.7</v>
      </c>
      <c r="C324">
        <v>539.79395</v>
      </c>
      <c r="D324">
        <v>517.69460000000004</v>
      </c>
      <c r="E324">
        <v>0.98647430000000003</v>
      </c>
      <c r="F324">
        <v>670.64544999999998</v>
      </c>
      <c r="G324">
        <v>455.66753999999997</v>
      </c>
      <c r="H324">
        <v>0.90653280000000003</v>
      </c>
      <c r="I324">
        <v>657.97349999999994</v>
      </c>
      <c r="J324">
        <v>599.46209999999996</v>
      </c>
      <c r="K324">
        <v>0.93112623999999999</v>
      </c>
      <c r="L324">
        <f t="shared" ref="L324:L387" si="46">(C324+F324+I324)/3</f>
        <v>622.8042999999999</v>
      </c>
      <c r="M324">
        <f t="shared" ref="M324:M387" si="47">(D324+G324+J324)/3</f>
        <v>524.2747466666666</v>
      </c>
      <c r="N324">
        <f t="shared" ref="N324:N387" si="48" xml:space="preserve"> -36.96+0.03963*L324-0.0003398*M324+6.089*10^(-7)*L324^2+1.529*10^(-8)*M324^2</f>
        <v>-12.216028183300187</v>
      </c>
      <c r="O324">
        <f t="shared" ref="O324:O387" si="49" xml:space="preserve"> 23.7-0.0003167*L324-0.0406*M324-1.335*10^(-8)*L324^2-2.149*10^(-7)*M324^2</f>
        <v>2.1529566204080557</v>
      </c>
      <c r="Q324">
        <v>1155.6233</v>
      </c>
      <c r="R324">
        <v>519.03809999999999</v>
      </c>
      <c r="S324">
        <v>0.97465974</v>
      </c>
      <c r="T324">
        <v>1276.5045</v>
      </c>
      <c r="U324">
        <v>440.99975999999998</v>
      </c>
      <c r="V324">
        <v>0.94287527000000004</v>
      </c>
      <c r="W324">
        <v>1282.8008</v>
      </c>
      <c r="X324">
        <v>585.41039999999998</v>
      </c>
      <c r="Y324">
        <v>0.94234525999999996</v>
      </c>
      <c r="Z324">
        <f t="shared" ref="Z324:Z387" si="50">(Q324+T324+W324)/3</f>
        <v>1238.3095333333333</v>
      </c>
      <c r="AA324">
        <f t="shared" ref="AA324:AA387" si="51">(R324+U324+X324)/3</f>
        <v>515.14941999999996</v>
      </c>
      <c r="AB324">
        <f t="shared" ref="AB324:AB387" si="52" xml:space="preserve"> -36.96+0.03963*Z324-0.0003398*AA324+6.089*10^(-7)*Z324^2+1.529*10^(-8)*AA324^2</f>
        <v>12.876910330505716</v>
      </c>
      <c r="AC324">
        <f t="shared" ref="AC324:AC387" si="53" xml:space="preserve"> 23.7-0.0003167*Z324-0.0406*AA324-1.335*10^(-8)*Z324^2-2.149*10^(-7)*AA324^2</f>
        <v>2.3152599576470707</v>
      </c>
    </row>
    <row r="325" spans="1:29" x14ac:dyDescent="0.4">
      <c r="A325">
        <v>322</v>
      </c>
      <c r="B325">
        <f t="shared" si="45"/>
        <v>10.733333333333333</v>
      </c>
      <c r="C325">
        <v>540.02809999999999</v>
      </c>
      <c r="D325">
        <v>517.71140000000003</v>
      </c>
      <c r="E325">
        <v>0.97508174000000003</v>
      </c>
      <c r="F325">
        <v>670.98779999999999</v>
      </c>
      <c r="G325">
        <v>455.61826000000002</v>
      </c>
      <c r="H325">
        <v>0.89546340000000002</v>
      </c>
      <c r="I325">
        <v>658.34209999999996</v>
      </c>
      <c r="J325">
        <v>599.44866999999999</v>
      </c>
      <c r="K325">
        <v>0.93192419999999998</v>
      </c>
      <c r="L325">
        <f t="shared" si="46"/>
        <v>623.1193333333332</v>
      </c>
      <c r="M325">
        <f t="shared" si="47"/>
        <v>524.25944333333337</v>
      </c>
      <c r="N325">
        <f t="shared" si="48"/>
        <v>-12.203299459770198</v>
      </c>
      <c r="O325">
        <f t="shared" si="49"/>
        <v>2.1534763730099833</v>
      </c>
      <c r="Q325">
        <v>1155.3534999999999</v>
      </c>
      <c r="R325">
        <v>518.93060000000003</v>
      </c>
      <c r="S325">
        <v>0.96244779999999996</v>
      </c>
      <c r="T325">
        <v>1276.1061</v>
      </c>
      <c r="U325">
        <v>440.92257999999998</v>
      </c>
      <c r="V325">
        <v>0.93646989999999997</v>
      </c>
      <c r="W325">
        <v>1282.4645</v>
      </c>
      <c r="X325">
        <v>585.34076000000005</v>
      </c>
      <c r="Y325">
        <v>0.93455969999999999</v>
      </c>
      <c r="Z325">
        <f t="shared" si="50"/>
        <v>1237.9747</v>
      </c>
      <c r="AA325">
        <f t="shared" si="51"/>
        <v>515.0646466666667</v>
      </c>
      <c r="AB325">
        <f t="shared" si="52"/>
        <v>12.863163491266356</v>
      </c>
      <c r="AC325">
        <f t="shared" si="53"/>
        <v>2.3188376339723322</v>
      </c>
    </row>
    <row r="326" spans="1:29" x14ac:dyDescent="0.4">
      <c r="A326">
        <v>323</v>
      </c>
      <c r="B326">
        <f t="shared" si="45"/>
        <v>10.766666666666667</v>
      </c>
      <c r="C326">
        <v>540.15899999999999</v>
      </c>
      <c r="D326">
        <v>517.67169999999999</v>
      </c>
      <c r="E326">
        <v>0.97843944999999999</v>
      </c>
      <c r="F326">
        <v>671.29280000000006</v>
      </c>
      <c r="G326">
        <v>455.61768000000001</v>
      </c>
      <c r="H326">
        <v>0.89053979999999999</v>
      </c>
      <c r="I326">
        <v>658.56713999999999</v>
      </c>
      <c r="J326">
        <v>599.47760000000005</v>
      </c>
      <c r="K326">
        <v>0.93969760000000002</v>
      </c>
      <c r="L326">
        <f t="shared" si="46"/>
        <v>623.33964666666668</v>
      </c>
      <c r="M326">
        <f t="shared" si="47"/>
        <v>524.25565999999992</v>
      </c>
      <c r="N326">
        <f t="shared" si="48"/>
        <v>-12.194400006484866</v>
      </c>
      <c r="O326">
        <f t="shared" si="49"/>
        <v>2.1535573895296642</v>
      </c>
      <c r="Q326">
        <v>1155.0599</v>
      </c>
      <c r="R326">
        <v>519.00400000000002</v>
      </c>
      <c r="S326">
        <v>0.96069629999999995</v>
      </c>
      <c r="T326">
        <v>1275.8589999999999</v>
      </c>
      <c r="U326">
        <v>440.95486</v>
      </c>
      <c r="V326">
        <v>0.93971336000000005</v>
      </c>
      <c r="W326">
        <v>1282.2739999999999</v>
      </c>
      <c r="X326">
        <v>585.47190000000001</v>
      </c>
      <c r="Y326">
        <v>0.94296544999999998</v>
      </c>
      <c r="Z326">
        <f t="shared" si="50"/>
        <v>1237.7309666666665</v>
      </c>
      <c r="AA326">
        <f t="shared" si="51"/>
        <v>515.14358666666669</v>
      </c>
      <c r="AB326">
        <f t="shared" si="52"/>
        <v>12.853111341344615</v>
      </c>
      <c r="AC326">
        <f t="shared" si="53"/>
        <v>2.3157004392044329</v>
      </c>
    </row>
    <row r="327" spans="1:29" x14ac:dyDescent="0.4">
      <c r="A327">
        <v>324</v>
      </c>
      <c r="B327">
        <f t="shared" si="45"/>
        <v>10.8</v>
      </c>
      <c r="C327">
        <v>540.46270000000004</v>
      </c>
      <c r="D327">
        <v>517.67553999999996</v>
      </c>
      <c r="E327">
        <v>0.97212799999999999</v>
      </c>
      <c r="F327">
        <v>671.65643</v>
      </c>
      <c r="G327">
        <v>455.67725000000002</v>
      </c>
      <c r="H327">
        <v>0.87666370000000005</v>
      </c>
      <c r="I327">
        <v>658.86069999999995</v>
      </c>
      <c r="J327">
        <v>599.44529999999997</v>
      </c>
      <c r="K327">
        <v>0.95641129999999996</v>
      </c>
      <c r="L327">
        <f t="shared" si="46"/>
        <v>623.65994333333333</v>
      </c>
      <c r="M327">
        <f t="shared" si="47"/>
        <v>524.26602999999989</v>
      </c>
      <c r="N327">
        <f t="shared" si="48"/>
        <v>-12.181466806425565</v>
      </c>
      <c r="O327">
        <f t="shared" si="49"/>
        <v>2.1530272608101275</v>
      </c>
      <c r="Q327">
        <v>1154.8092999999999</v>
      </c>
      <c r="R327">
        <v>519.01160000000004</v>
      </c>
      <c r="S327">
        <v>0.95555460000000003</v>
      </c>
      <c r="T327">
        <v>1275.568</v>
      </c>
      <c r="U327">
        <v>440.97552000000002</v>
      </c>
      <c r="V327">
        <v>0.93679210000000002</v>
      </c>
      <c r="W327">
        <v>1281.9813999999999</v>
      </c>
      <c r="X327">
        <v>585.60535000000004</v>
      </c>
      <c r="Y327">
        <v>0.94475830000000005</v>
      </c>
      <c r="Z327">
        <f t="shared" si="50"/>
        <v>1237.4529</v>
      </c>
      <c r="AA327">
        <f t="shared" si="51"/>
        <v>515.19749000000002</v>
      </c>
      <c r="AB327">
        <f t="shared" si="52"/>
        <v>12.841655006935646</v>
      </c>
      <c r="AC327">
        <f t="shared" si="53"/>
        <v>2.3135972806451357</v>
      </c>
    </row>
    <row r="328" spans="1:29" x14ac:dyDescent="0.4">
      <c r="A328">
        <v>325</v>
      </c>
      <c r="B328">
        <f t="shared" si="45"/>
        <v>10.833333333333334</v>
      </c>
      <c r="C328">
        <v>540.89355</v>
      </c>
      <c r="D328">
        <v>517.726</v>
      </c>
      <c r="E328">
        <v>0.96753820000000001</v>
      </c>
      <c r="F328">
        <v>671.92565999999999</v>
      </c>
      <c r="G328">
        <v>455.67806999999999</v>
      </c>
      <c r="H328">
        <v>0.8686836</v>
      </c>
      <c r="I328">
        <v>659.29534999999998</v>
      </c>
      <c r="J328">
        <v>599.45129999999995</v>
      </c>
      <c r="K328">
        <v>0.9653176</v>
      </c>
      <c r="L328">
        <f t="shared" si="46"/>
        <v>624.03818666666666</v>
      </c>
      <c r="M328">
        <f t="shared" si="47"/>
        <v>524.28512333333333</v>
      </c>
      <c r="N328">
        <f t="shared" si="48"/>
        <v>-12.166195844621324</v>
      </c>
      <c r="O328">
        <f t="shared" si="49"/>
        <v>2.1521216791305458</v>
      </c>
      <c r="Q328">
        <v>1154.3666000000001</v>
      </c>
      <c r="R328">
        <v>518.91690000000006</v>
      </c>
      <c r="S328">
        <v>0.94583552999999998</v>
      </c>
      <c r="T328">
        <v>1275.4215999999999</v>
      </c>
      <c r="U328">
        <v>440.85278</v>
      </c>
      <c r="V328">
        <v>0.94326352999999996</v>
      </c>
      <c r="W328">
        <v>1281.761</v>
      </c>
      <c r="X328">
        <v>585.55962999999997</v>
      </c>
      <c r="Y328">
        <v>0.93530760000000002</v>
      </c>
      <c r="Z328">
        <f t="shared" si="50"/>
        <v>1237.1830666666667</v>
      </c>
      <c r="AA328">
        <f t="shared" si="51"/>
        <v>515.10977000000003</v>
      </c>
      <c r="AB328">
        <f t="shared" si="52"/>
        <v>12.830583350861053</v>
      </c>
      <c r="AC328">
        <f t="shared" si="53"/>
        <v>2.3172725055320873</v>
      </c>
    </row>
    <row r="329" spans="1:29" x14ac:dyDescent="0.4">
      <c r="A329">
        <v>326</v>
      </c>
      <c r="B329">
        <f t="shared" si="45"/>
        <v>10.866666666666667</v>
      </c>
      <c r="C329">
        <v>541.14229999999998</v>
      </c>
      <c r="D329">
        <v>517.67534999999998</v>
      </c>
      <c r="E329">
        <v>0.96016573999999999</v>
      </c>
      <c r="F329">
        <v>672.20135000000005</v>
      </c>
      <c r="G329">
        <v>455.58078</v>
      </c>
      <c r="H329">
        <v>0.87496280000000004</v>
      </c>
      <c r="I329">
        <v>659.7088</v>
      </c>
      <c r="J329">
        <v>599.39110000000005</v>
      </c>
      <c r="K329">
        <v>0.97370800000000002</v>
      </c>
      <c r="L329">
        <f t="shared" si="46"/>
        <v>624.35081666666667</v>
      </c>
      <c r="M329">
        <f t="shared" si="47"/>
        <v>524.21574333333331</v>
      </c>
      <c r="N329">
        <f t="shared" si="48"/>
        <v>-12.153546210829456</v>
      </c>
      <c r="O329">
        <f t="shared" si="49"/>
        <v>2.1548499198184712</v>
      </c>
      <c r="Q329">
        <v>1154.0261</v>
      </c>
      <c r="R329">
        <v>518.97270000000003</v>
      </c>
      <c r="S329">
        <v>0.93798510000000002</v>
      </c>
      <c r="T329">
        <v>1275.2148</v>
      </c>
      <c r="U329">
        <v>440.80329999999998</v>
      </c>
      <c r="V329">
        <v>0.95270569999999999</v>
      </c>
      <c r="W329">
        <v>1281.5323000000001</v>
      </c>
      <c r="X329">
        <v>585.58765000000005</v>
      </c>
      <c r="Y329">
        <v>0.91855323</v>
      </c>
      <c r="Z329">
        <f t="shared" si="50"/>
        <v>1236.9243999999999</v>
      </c>
      <c r="AA329">
        <f t="shared" si="51"/>
        <v>515.12121666666678</v>
      </c>
      <c r="AB329">
        <f t="shared" si="52"/>
        <v>12.819939004390161</v>
      </c>
      <c r="AC329">
        <f t="shared" si="53"/>
        <v>2.3168956999331245</v>
      </c>
    </row>
    <row r="330" spans="1:29" x14ac:dyDescent="0.4">
      <c r="A330">
        <v>327</v>
      </c>
      <c r="B330">
        <f t="shared" si="45"/>
        <v>10.9</v>
      </c>
      <c r="C330">
        <v>541.52344000000005</v>
      </c>
      <c r="D330">
        <v>517.73943999999995</v>
      </c>
      <c r="E330">
        <v>0.96706270000000005</v>
      </c>
      <c r="F330">
        <v>672.44542999999999</v>
      </c>
      <c r="G330">
        <v>455.52904999999998</v>
      </c>
      <c r="H330">
        <v>0.87665254000000004</v>
      </c>
      <c r="I330">
        <v>660.08483999999999</v>
      </c>
      <c r="J330">
        <v>599.36126999999999</v>
      </c>
      <c r="K330">
        <v>0.97628223999999997</v>
      </c>
      <c r="L330">
        <f t="shared" si="46"/>
        <v>624.68457000000001</v>
      </c>
      <c r="M330">
        <f t="shared" si="47"/>
        <v>524.2099199999999</v>
      </c>
      <c r="N330">
        <f t="shared" si="48"/>
        <v>-12.140063848836524</v>
      </c>
      <c r="O330">
        <f t="shared" si="49"/>
        <v>2.154976394296201</v>
      </c>
      <c r="Q330">
        <v>1153.848</v>
      </c>
      <c r="R330">
        <v>518.93493999999998</v>
      </c>
      <c r="S330">
        <v>0.91618440000000001</v>
      </c>
      <c r="T330">
        <v>1275.0065999999999</v>
      </c>
      <c r="U330">
        <v>440.89172000000002</v>
      </c>
      <c r="V330">
        <v>0.95235959999999997</v>
      </c>
      <c r="W330">
        <v>1281.1054999999999</v>
      </c>
      <c r="X330">
        <v>585.54129999999998</v>
      </c>
      <c r="Y330">
        <v>0.91384273999999999</v>
      </c>
      <c r="Z330">
        <f t="shared" si="50"/>
        <v>1236.6533666666664</v>
      </c>
      <c r="AA330">
        <f t="shared" si="51"/>
        <v>515.12265333333335</v>
      </c>
      <c r="AB330">
        <f t="shared" si="52"/>
        <v>12.808789267869356</v>
      </c>
      <c r="AC330">
        <f t="shared" si="53"/>
        <v>2.3169318395800422</v>
      </c>
    </row>
    <row r="331" spans="1:29" x14ac:dyDescent="0.4">
      <c r="A331">
        <v>328</v>
      </c>
      <c r="B331">
        <f t="shared" si="45"/>
        <v>10.933333333333334</v>
      </c>
      <c r="C331">
        <v>541.89290000000005</v>
      </c>
      <c r="D331">
        <v>517.64246000000003</v>
      </c>
      <c r="E331">
        <v>0.95045084000000002</v>
      </c>
      <c r="F331">
        <v>672.99519999999995</v>
      </c>
      <c r="G331">
        <v>455.33974999999998</v>
      </c>
      <c r="H331">
        <v>0.87428419999999996</v>
      </c>
      <c r="I331">
        <v>660.45056</v>
      </c>
      <c r="J331">
        <v>599.37620000000004</v>
      </c>
      <c r="K331">
        <v>0.97977537000000003</v>
      </c>
      <c r="L331">
        <f t="shared" si="46"/>
        <v>625.11288666666667</v>
      </c>
      <c r="M331">
        <f t="shared" si="47"/>
        <v>524.11946999999998</v>
      </c>
      <c r="N331">
        <f t="shared" si="48"/>
        <v>-12.122734424546422</v>
      </c>
      <c r="O331">
        <f t="shared" si="49"/>
        <v>2.158526247149064</v>
      </c>
      <c r="Q331">
        <v>1153.67</v>
      </c>
      <c r="R331">
        <v>518.99220000000003</v>
      </c>
      <c r="S331">
        <v>0.90829870000000001</v>
      </c>
      <c r="T331">
        <v>1274.5878</v>
      </c>
      <c r="U331">
        <v>440.59519999999998</v>
      </c>
      <c r="V331">
        <v>0.93099785000000002</v>
      </c>
      <c r="W331">
        <v>1280.7043000000001</v>
      </c>
      <c r="X331">
        <v>585.47655999999995</v>
      </c>
      <c r="Y331">
        <v>0.90669200000000005</v>
      </c>
      <c r="Z331">
        <f t="shared" si="50"/>
        <v>1236.3207000000002</v>
      </c>
      <c r="AA331">
        <f t="shared" si="51"/>
        <v>515.02131999999995</v>
      </c>
      <c r="AB331">
        <f t="shared" si="52"/>
        <v>12.795137597404246</v>
      </c>
      <c r="AC331">
        <f t="shared" si="53"/>
        <v>2.321184744136414</v>
      </c>
    </row>
    <row r="332" spans="1:29" x14ac:dyDescent="0.4">
      <c r="A332">
        <v>329</v>
      </c>
      <c r="B332">
        <f t="shared" si="45"/>
        <v>10.966666666666667</v>
      </c>
      <c r="C332">
        <v>542.22002999999995</v>
      </c>
      <c r="D332">
        <v>517.66845999999998</v>
      </c>
      <c r="E332">
        <v>0.93868892999999998</v>
      </c>
      <c r="F332">
        <v>673.32854999999995</v>
      </c>
      <c r="G332">
        <v>455.28885000000002</v>
      </c>
      <c r="H332">
        <v>0.87684580000000001</v>
      </c>
      <c r="I332">
        <v>660.84090000000003</v>
      </c>
      <c r="J332">
        <v>599.31500000000005</v>
      </c>
      <c r="K332">
        <v>0.96739220000000004</v>
      </c>
      <c r="L332">
        <f t="shared" si="46"/>
        <v>625.4631599999999</v>
      </c>
      <c r="M332">
        <f t="shared" si="47"/>
        <v>524.09077000000002</v>
      </c>
      <c r="N332">
        <f t="shared" si="48"/>
        <v>-12.108577075414294</v>
      </c>
      <c r="O332">
        <f t="shared" si="49"/>
        <v>2.1595811526773909</v>
      </c>
      <c r="Q332">
        <v>1153.4427000000001</v>
      </c>
      <c r="R332">
        <v>518.95609999999999</v>
      </c>
      <c r="S332">
        <v>0.90510875000000002</v>
      </c>
      <c r="T332">
        <v>1274.3019999999999</v>
      </c>
      <c r="U332">
        <v>440.63882000000001</v>
      </c>
      <c r="V332">
        <v>0.93409260000000005</v>
      </c>
      <c r="W332">
        <v>1280.3040000000001</v>
      </c>
      <c r="X332">
        <v>585.41309999999999</v>
      </c>
      <c r="Y332">
        <v>0.88696264999999996</v>
      </c>
      <c r="Z332">
        <f t="shared" si="50"/>
        <v>1236.0162333333335</v>
      </c>
      <c r="AA332">
        <f t="shared" si="51"/>
        <v>515.00267333333329</v>
      </c>
      <c r="AB332">
        <f t="shared" si="52"/>
        <v>12.782619279939754</v>
      </c>
      <c r="AC332">
        <f t="shared" si="53"/>
        <v>2.3220524000111533</v>
      </c>
    </row>
    <row r="333" spans="1:29" x14ac:dyDescent="0.4">
      <c r="A333">
        <v>330</v>
      </c>
      <c r="B333">
        <f t="shared" si="45"/>
        <v>11</v>
      </c>
      <c r="C333">
        <v>542.63369999999998</v>
      </c>
      <c r="D333">
        <v>517.67010000000005</v>
      </c>
      <c r="E333">
        <v>0.92661183999999996</v>
      </c>
      <c r="F333">
        <v>673.65869999999995</v>
      </c>
      <c r="G333">
        <v>455.29629999999997</v>
      </c>
      <c r="H333">
        <v>0.88586180000000003</v>
      </c>
      <c r="I333">
        <v>661.23375999999996</v>
      </c>
      <c r="J333">
        <v>599.1123</v>
      </c>
      <c r="K333">
        <v>0.95544547000000002</v>
      </c>
      <c r="L333">
        <f t="shared" si="46"/>
        <v>625.8420533333333</v>
      </c>
      <c r="M333">
        <f t="shared" si="47"/>
        <v>524.02623333333338</v>
      </c>
      <c r="N333">
        <f t="shared" si="48"/>
        <v>-12.093251950989112</v>
      </c>
      <c r="O333">
        <f t="shared" si="49"/>
        <v>2.1620895527018269</v>
      </c>
      <c r="Q333">
        <v>1153.2242000000001</v>
      </c>
      <c r="R333">
        <v>518.92529999999999</v>
      </c>
      <c r="S333">
        <v>0.91051369999999998</v>
      </c>
      <c r="T333">
        <v>1273.9619</v>
      </c>
      <c r="U333">
        <v>440.57607999999999</v>
      </c>
      <c r="V333">
        <v>0.92696100000000003</v>
      </c>
      <c r="W333">
        <v>1279.9738</v>
      </c>
      <c r="X333">
        <v>585.38824</v>
      </c>
      <c r="Y333">
        <v>0.87601983999999999</v>
      </c>
      <c r="Z333">
        <f t="shared" si="50"/>
        <v>1235.7199666666666</v>
      </c>
      <c r="AA333">
        <f t="shared" si="51"/>
        <v>514.96320666666668</v>
      </c>
      <c r="AB333">
        <f t="shared" si="52"/>
        <v>12.770445127949959</v>
      </c>
      <c r="AC333">
        <f t="shared" si="53"/>
        <v>2.3237670859821828</v>
      </c>
    </row>
    <row r="334" spans="1:29" x14ac:dyDescent="0.4">
      <c r="A334">
        <v>331</v>
      </c>
      <c r="B334">
        <f t="shared" si="45"/>
        <v>11.033333333333333</v>
      </c>
      <c r="C334">
        <v>542.95579999999995</v>
      </c>
      <c r="D334">
        <v>517.55769999999995</v>
      </c>
      <c r="E334">
        <v>0.92598736000000004</v>
      </c>
      <c r="F334">
        <v>673.99789999999996</v>
      </c>
      <c r="G334">
        <v>455.1438</v>
      </c>
      <c r="H334">
        <v>0.90431415999999998</v>
      </c>
      <c r="I334">
        <v>661.4375</v>
      </c>
      <c r="J334">
        <v>599.20280000000002</v>
      </c>
      <c r="K334">
        <v>0.96114783999999998</v>
      </c>
      <c r="L334">
        <f t="shared" si="46"/>
        <v>626.13040000000001</v>
      </c>
      <c r="M334">
        <f t="shared" si="47"/>
        <v>523.96809999999994</v>
      </c>
      <c r="N334">
        <f t="shared" si="48"/>
        <v>-12.081586136232538</v>
      </c>
      <c r="O334">
        <f t="shared" si="49"/>
        <v>2.1643667197075125</v>
      </c>
      <c r="Q334">
        <v>1152.9475</v>
      </c>
      <c r="R334">
        <v>518.81464000000005</v>
      </c>
      <c r="S334">
        <v>0.91925924999999997</v>
      </c>
      <c r="T334">
        <v>1273.7737</v>
      </c>
      <c r="U334">
        <v>440.47662000000003</v>
      </c>
      <c r="V334">
        <v>0.92010753999999995</v>
      </c>
      <c r="W334">
        <v>1279.7916</v>
      </c>
      <c r="X334">
        <v>585.32069999999999</v>
      </c>
      <c r="Y334">
        <v>0.87126415999999995</v>
      </c>
      <c r="Z334">
        <f t="shared" si="50"/>
        <v>1235.5042666666666</v>
      </c>
      <c r="AA334">
        <f t="shared" si="51"/>
        <v>514.87065333333339</v>
      </c>
      <c r="AB334">
        <f t="shared" si="52"/>
        <v>12.761602359289478</v>
      </c>
      <c r="AC334">
        <f t="shared" si="53"/>
        <v>2.3276206627286564</v>
      </c>
    </row>
    <row r="335" spans="1:29" x14ac:dyDescent="0.4">
      <c r="A335">
        <v>332</v>
      </c>
      <c r="B335">
        <f t="shared" si="45"/>
        <v>11.066666666666666</v>
      </c>
      <c r="C335">
        <v>543.3501</v>
      </c>
      <c r="D335">
        <v>517.31713999999999</v>
      </c>
      <c r="E335">
        <v>0.93338189999999999</v>
      </c>
      <c r="F335">
        <v>674.18619999999999</v>
      </c>
      <c r="G335">
        <v>455.05529999999999</v>
      </c>
      <c r="H335">
        <v>0.90274036000000002</v>
      </c>
      <c r="I335">
        <v>661.73082999999997</v>
      </c>
      <c r="J335">
        <v>599.14279999999997</v>
      </c>
      <c r="K335">
        <v>0.95390980000000003</v>
      </c>
      <c r="L335">
        <f t="shared" si="46"/>
        <v>626.42237666666665</v>
      </c>
      <c r="M335">
        <f t="shared" si="47"/>
        <v>523.83841333333328</v>
      </c>
      <c r="N335">
        <f t="shared" si="48"/>
        <v>-12.069750426523534</v>
      </c>
      <c r="O335">
        <f t="shared" si="49"/>
        <v>2.1695638490689437</v>
      </c>
      <c r="Q335">
        <v>1152.4614999999999</v>
      </c>
      <c r="R335">
        <v>518.81169999999997</v>
      </c>
      <c r="S335">
        <v>0.92288669999999995</v>
      </c>
      <c r="T335">
        <v>1273.5427</v>
      </c>
      <c r="U335">
        <v>440.41275000000002</v>
      </c>
      <c r="V335">
        <v>0.90451300000000001</v>
      </c>
      <c r="W335">
        <v>1279.5409</v>
      </c>
      <c r="X335">
        <v>585.06960000000004</v>
      </c>
      <c r="Y335">
        <v>0.87610509999999997</v>
      </c>
      <c r="Z335">
        <f t="shared" si="50"/>
        <v>1235.1816999999999</v>
      </c>
      <c r="AA335">
        <f t="shared" si="51"/>
        <v>514.76468333333332</v>
      </c>
      <c r="AB335">
        <f t="shared" si="52"/>
        <v>12.748368113082272</v>
      </c>
      <c r="AC335">
        <f t="shared" si="53"/>
        <v>2.3320592888576268</v>
      </c>
    </row>
    <row r="336" spans="1:29" x14ac:dyDescent="0.4">
      <c r="A336">
        <v>333</v>
      </c>
      <c r="B336">
        <f t="shared" si="45"/>
        <v>11.1</v>
      </c>
      <c r="C336">
        <v>543.64635999999996</v>
      </c>
      <c r="D336">
        <v>517.29989999999998</v>
      </c>
      <c r="E336">
        <v>0.94069369999999997</v>
      </c>
      <c r="F336">
        <v>674.52369999999996</v>
      </c>
      <c r="G336">
        <v>455.07904000000002</v>
      </c>
      <c r="H336">
        <v>0.92133410000000004</v>
      </c>
      <c r="I336">
        <v>662.00879999999995</v>
      </c>
      <c r="J336">
        <v>599.09460000000001</v>
      </c>
      <c r="K336">
        <v>0.95049030000000001</v>
      </c>
      <c r="L336">
        <f t="shared" si="46"/>
        <v>626.72628666666662</v>
      </c>
      <c r="M336">
        <f t="shared" si="47"/>
        <v>523.82451333333336</v>
      </c>
      <c r="N336">
        <f t="shared" si="48"/>
        <v>-12.057470076502971</v>
      </c>
      <c r="O336">
        <f t="shared" si="49"/>
        <v>2.1700299859834704</v>
      </c>
      <c r="Q336">
        <v>1152.1683</v>
      </c>
      <c r="R336">
        <v>518.76306</v>
      </c>
      <c r="S336">
        <v>0.89759480000000003</v>
      </c>
      <c r="T336">
        <v>1273.3027</v>
      </c>
      <c r="U336">
        <v>440.29894999999999</v>
      </c>
      <c r="V336">
        <v>0.90081023999999998</v>
      </c>
      <c r="W336">
        <v>1279.2560000000001</v>
      </c>
      <c r="X336">
        <v>584.98749999999995</v>
      </c>
      <c r="Y336">
        <v>0.88346460000000004</v>
      </c>
      <c r="Z336">
        <f t="shared" si="50"/>
        <v>1234.9089999999999</v>
      </c>
      <c r="AA336">
        <f t="shared" si="51"/>
        <v>514.6831699999999</v>
      </c>
      <c r="AB336">
        <f t="shared" si="52"/>
        <v>12.737177276047502</v>
      </c>
      <c r="AC336">
        <f t="shared" si="53"/>
        <v>2.3354821198170304</v>
      </c>
    </row>
    <row r="337" spans="1:29" x14ac:dyDescent="0.4">
      <c r="A337">
        <v>334</v>
      </c>
      <c r="B337">
        <f t="shared" si="45"/>
        <v>11.133333333333333</v>
      </c>
      <c r="C337">
        <v>543.85186999999996</v>
      </c>
      <c r="D337">
        <v>517.38829999999996</v>
      </c>
      <c r="E337">
        <v>0.95002615000000001</v>
      </c>
      <c r="F337">
        <v>674.72940000000006</v>
      </c>
      <c r="G337">
        <v>455.12905999999998</v>
      </c>
      <c r="H337">
        <v>0.91707665000000005</v>
      </c>
      <c r="I337">
        <v>662.25585999999998</v>
      </c>
      <c r="J337">
        <v>599.12220000000002</v>
      </c>
      <c r="K337">
        <v>0.94298820000000005</v>
      </c>
      <c r="L337">
        <f t="shared" si="46"/>
        <v>626.94571000000008</v>
      </c>
      <c r="M337">
        <f t="shared" si="47"/>
        <v>523.87985333333336</v>
      </c>
      <c r="N337">
        <f t="shared" si="48"/>
        <v>-12.048624748632825</v>
      </c>
      <c r="O337">
        <f t="shared" si="49"/>
        <v>2.1676975583372138</v>
      </c>
      <c r="Q337">
        <v>1151.9395</v>
      </c>
      <c r="R337">
        <v>518.81560000000002</v>
      </c>
      <c r="S337">
        <v>0.8975339</v>
      </c>
      <c r="T337">
        <v>1273.0137999999999</v>
      </c>
      <c r="U337">
        <v>440.46039999999999</v>
      </c>
      <c r="V337">
        <v>0.91152650000000002</v>
      </c>
      <c r="W337">
        <v>1278.7283</v>
      </c>
      <c r="X337">
        <v>584.94740000000002</v>
      </c>
      <c r="Y337">
        <v>0.89983250000000004</v>
      </c>
      <c r="Z337">
        <f t="shared" si="50"/>
        <v>1234.5605333333333</v>
      </c>
      <c r="AA337">
        <f t="shared" si="51"/>
        <v>514.74113333333332</v>
      </c>
      <c r="AB337">
        <f t="shared" si="52"/>
        <v>12.72282478305617</v>
      </c>
      <c r="AC337">
        <f t="shared" si="53"/>
        <v>2.3332378330845041</v>
      </c>
    </row>
    <row r="338" spans="1:29" x14ac:dyDescent="0.4">
      <c r="A338">
        <v>335</v>
      </c>
      <c r="B338">
        <f t="shared" si="45"/>
        <v>11.166666666666666</v>
      </c>
      <c r="C338">
        <v>544.17250000000001</v>
      </c>
      <c r="D338">
        <v>517.40369999999996</v>
      </c>
      <c r="E338">
        <v>0.96064585000000002</v>
      </c>
      <c r="F338">
        <v>675.16039999999998</v>
      </c>
      <c r="G338">
        <v>455.19961999999998</v>
      </c>
      <c r="H338">
        <v>0.92076546000000004</v>
      </c>
      <c r="I338">
        <v>662.59879999999998</v>
      </c>
      <c r="J338">
        <v>599.14056000000005</v>
      </c>
      <c r="K338">
        <v>0.93258160000000001</v>
      </c>
      <c r="L338">
        <f t="shared" si="46"/>
        <v>627.31056666666666</v>
      </c>
      <c r="M338">
        <f t="shared" si="47"/>
        <v>523.91462666666666</v>
      </c>
      <c r="N338">
        <f t="shared" si="48"/>
        <v>-12.033898090705604</v>
      </c>
      <c r="O338">
        <f t="shared" si="49"/>
        <v>2.1661562716728819</v>
      </c>
      <c r="Q338">
        <v>1151.6501000000001</v>
      </c>
      <c r="R338">
        <v>518.7319</v>
      </c>
      <c r="S338">
        <v>0.89019746</v>
      </c>
      <c r="T338">
        <v>1272.6760999999999</v>
      </c>
      <c r="U338">
        <v>440.49315999999999</v>
      </c>
      <c r="V338">
        <v>0.91342100000000004</v>
      </c>
      <c r="W338">
        <v>1278.4306999999999</v>
      </c>
      <c r="X338">
        <v>585.04926</v>
      </c>
      <c r="Y338">
        <v>0.90807879999999996</v>
      </c>
      <c r="Z338">
        <f t="shared" si="50"/>
        <v>1234.2522999999999</v>
      </c>
      <c r="AA338">
        <f t="shared" si="51"/>
        <v>514.75810666666666</v>
      </c>
      <c r="AB338">
        <f t="shared" si="52"/>
        <v>12.710140640813441</v>
      </c>
      <c r="AC338">
        <f t="shared" si="53"/>
        <v>2.3326527370329382</v>
      </c>
    </row>
    <row r="339" spans="1:29" x14ac:dyDescent="0.4">
      <c r="A339">
        <v>336</v>
      </c>
      <c r="B339">
        <f t="shared" si="45"/>
        <v>11.2</v>
      </c>
      <c r="C339">
        <v>544.50040000000001</v>
      </c>
      <c r="D339">
        <v>517.32249999999999</v>
      </c>
      <c r="E339">
        <v>0.96612969999999998</v>
      </c>
      <c r="F339">
        <v>675.59204</v>
      </c>
      <c r="G339">
        <v>455.14681999999999</v>
      </c>
      <c r="H339">
        <v>0.92598040000000004</v>
      </c>
      <c r="I339">
        <v>662.84749999999997</v>
      </c>
      <c r="J339">
        <v>599.16094999999996</v>
      </c>
      <c r="K339">
        <v>0.92366890000000001</v>
      </c>
      <c r="L339">
        <f t="shared" si="46"/>
        <v>627.64664666666658</v>
      </c>
      <c r="M339">
        <f t="shared" si="47"/>
        <v>523.87675666666667</v>
      </c>
      <c r="N339">
        <f t="shared" si="48"/>
        <v>-12.020310165454928</v>
      </c>
      <c r="O339">
        <f t="shared" si="49"/>
        <v>2.167590253762357</v>
      </c>
      <c r="Q339">
        <v>1151.2145</v>
      </c>
      <c r="R339">
        <v>518.52495999999996</v>
      </c>
      <c r="S339">
        <v>0.90246000000000004</v>
      </c>
      <c r="T339">
        <v>1272.4583</v>
      </c>
      <c r="U339">
        <v>440.55646000000002</v>
      </c>
      <c r="V339">
        <v>0.92140390000000005</v>
      </c>
      <c r="W339">
        <v>1278.1783</v>
      </c>
      <c r="X339">
        <v>585.05597</v>
      </c>
      <c r="Y339">
        <v>0.90228330000000001</v>
      </c>
      <c r="Z339">
        <f t="shared" si="50"/>
        <v>1233.9503666666667</v>
      </c>
      <c r="AA339">
        <f t="shared" si="51"/>
        <v>514.71246333333329</v>
      </c>
      <c r="AB339">
        <f t="shared" si="52"/>
        <v>12.697736041798681</v>
      </c>
      <c r="AC339">
        <f t="shared" si="53"/>
        <v>2.3346215253307858</v>
      </c>
    </row>
    <row r="340" spans="1:29" x14ac:dyDescent="0.4">
      <c r="A340">
        <v>337</v>
      </c>
      <c r="B340">
        <f t="shared" si="45"/>
        <v>11.233333333333333</v>
      </c>
      <c r="C340">
        <v>544.87869999999998</v>
      </c>
      <c r="D340">
        <v>517.24834999999996</v>
      </c>
      <c r="E340">
        <v>0.97654399999999997</v>
      </c>
      <c r="F340">
        <v>675.97280000000001</v>
      </c>
      <c r="G340">
        <v>455.03546</v>
      </c>
      <c r="H340">
        <v>0.92313343000000003</v>
      </c>
      <c r="I340">
        <v>663.19269999999995</v>
      </c>
      <c r="J340">
        <v>599.14649999999995</v>
      </c>
      <c r="K340">
        <v>0.91113540000000004</v>
      </c>
      <c r="L340">
        <f t="shared" si="46"/>
        <v>628.01473333333331</v>
      </c>
      <c r="M340">
        <f t="shared" si="47"/>
        <v>523.81010333333325</v>
      </c>
      <c r="N340">
        <f t="shared" si="48"/>
        <v>-12.005419880943029</v>
      </c>
      <c r="O340">
        <f t="shared" si="49"/>
        <v>2.1701886426407753</v>
      </c>
      <c r="Q340">
        <v>1150.9502</v>
      </c>
      <c r="R340">
        <v>518.59973000000002</v>
      </c>
      <c r="S340">
        <v>0.90619590000000005</v>
      </c>
      <c r="T340">
        <v>1271.9727</v>
      </c>
      <c r="U340">
        <v>440.49094000000002</v>
      </c>
      <c r="V340">
        <v>0.92377496000000003</v>
      </c>
      <c r="W340">
        <v>1277.9064000000001</v>
      </c>
      <c r="X340">
        <v>585.0838</v>
      </c>
      <c r="Y340">
        <v>0.90698900000000005</v>
      </c>
      <c r="Z340">
        <f t="shared" si="50"/>
        <v>1233.6097666666667</v>
      </c>
      <c r="AA340">
        <f t="shared" si="51"/>
        <v>514.72482333333335</v>
      </c>
      <c r="AB340">
        <f t="shared" si="52"/>
        <v>12.683722307815682</v>
      </c>
      <c r="AC340">
        <f t="shared" si="53"/>
        <v>2.3342360630171219</v>
      </c>
    </row>
    <row r="341" spans="1:29" x14ac:dyDescent="0.4">
      <c r="A341">
        <v>338</v>
      </c>
      <c r="B341">
        <f t="shared" si="45"/>
        <v>11.266666666666667</v>
      </c>
      <c r="C341">
        <v>545.28612999999996</v>
      </c>
      <c r="D341">
        <v>517.2133</v>
      </c>
      <c r="E341">
        <v>0.98557070000000002</v>
      </c>
      <c r="F341">
        <v>676.20399999999995</v>
      </c>
      <c r="G341">
        <v>454.85512999999997</v>
      </c>
      <c r="H341">
        <v>0.92264179999999996</v>
      </c>
      <c r="I341">
        <v>663.6037</v>
      </c>
      <c r="J341">
        <v>598.98670000000004</v>
      </c>
      <c r="K341">
        <v>0.90666460000000004</v>
      </c>
      <c r="L341">
        <f t="shared" si="46"/>
        <v>628.36460999999997</v>
      </c>
      <c r="M341">
        <f t="shared" si="47"/>
        <v>523.6850433333334</v>
      </c>
      <c r="N341">
        <f t="shared" si="48"/>
        <v>-11.991246117308501</v>
      </c>
      <c r="O341">
        <f t="shared" si="49"/>
        <v>2.1751775561813611</v>
      </c>
      <c r="Q341">
        <v>1150.6545000000001</v>
      </c>
      <c r="R341">
        <v>518.73159999999996</v>
      </c>
      <c r="S341">
        <v>0.91278879999999996</v>
      </c>
      <c r="T341">
        <v>1271.9041999999999</v>
      </c>
      <c r="U341">
        <v>440.52010000000001</v>
      </c>
      <c r="V341">
        <v>0.91331819999999997</v>
      </c>
      <c r="W341">
        <v>1277.7448999999999</v>
      </c>
      <c r="X341">
        <v>585.06024000000002</v>
      </c>
      <c r="Y341">
        <v>0.90652860000000002</v>
      </c>
      <c r="Z341">
        <f t="shared" si="50"/>
        <v>1233.4345333333333</v>
      </c>
      <c r="AA341">
        <f t="shared" si="51"/>
        <v>514.77064666666672</v>
      </c>
      <c r="AB341">
        <f t="shared" si="52"/>
        <v>12.676499728769025</v>
      </c>
      <c r="AC341">
        <f t="shared" si="53"/>
        <v>2.3324267655085089</v>
      </c>
    </row>
    <row r="342" spans="1:29" x14ac:dyDescent="0.4">
      <c r="A342">
        <v>339</v>
      </c>
      <c r="B342">
        <f t="shared" si="45"/>
        <v>11.3</v>
      </c>
      <c r="C342">
        <v>545.54629999999997</v>
      </c>
      <c r="D342">
        <v>517.09190000000001</v>
      </c>
      <c r="E342">
        <v>0.98576456000000001</v>
      </c>
      <c r="F342">
        <v>676.65139999999997</v>
      </c>
      <c r="G342">
        <v>454.85748000000001</v>
      </c>
      <c r="H342">
        <v>0.9312492</v>
      </c>
      <c r="I342">
        <v>663.93964000000005</v>
      </c>
      <c r="J342">
        <v>598.97410000000002</v>
      </c>
      <c r="K342">
        <v>0.90064659999999996</v>
      </c>
      <c r="L342">
        <f t="shared" si="46"/>
        <v>628.71244666666666</v>
      </c>
      <c r="M342">
        <f t="shared" si="47"/>
        <v>523.64116000000001</v>
      </c>
      <c r="N342">
        <f t="shared" si="48"/>
        <v>-11.977180895295186</v>
      </c>
      <c r="O342">
        <f t="shared" si="49"/>
        <v>2.1768530990942669</v>
      </c>
      <c r="Q342">
        <v>1150.2775999999999</v>
      </c>
      <c r="R342">
        <v>518.71199999999999</v>
      </c>
      <c r="S342">
        <v>0.92703663999999997</v>
      </c>
      <c r="T342">
        <v>1271.6809000000001</v>
      </c>
      <c r="U342">
        <v>440.52166999999997</v>
      </c>
      <c r="V342">
        <v>0.90191007000000001</v>
      </c>
      <c r="W342">
        <v>1277.3378</v>
      </c>
      <c r="X342">
        <v>585.0643</v>
      </c>
      <c r="Y342">
        <v>0.90749734999999998</v>
      </c>
      <c r="Z342">
        <f t="shared" si="50"/>
        <v>1233.0987666666667</v>
      </c>
      <c r="AA342">
        <f t="shared" si="51"/>
        <v>514.76598999999999</v>
      </c>
      <c r="AB342">
        <f t="shared" si="52"/>
        <v>12.662690526203276</v>
      </c>
      <c r="AC342">
        <f t="shared" si="53"/>
        <v>2.3327342499525323</v>
      </c>
    </row>
    <row r="343" spans="1:29" x14ac:dyDescent="0.4">
      <c r="A343">
        <v>340</v>
      </c>
      <c r="B343">
        <f t="shared" si="45"/>
        <v>11.333333333333334</v>
      </c>
      <c r="C343">
        <v>545.97185999999999</v>
      </c>
      <c r="D343">
        <v>517.05962999999997</v>
      </c>
      <c r="E343">
        <v>0.98922330000000003</v>
      </c>
      <c r="F343">
        <v>677.03539999999998</v>
      </c>
      <c r="G343">
        <v>454.74209999999999</v>
      </c>
      <c r="H343">
        <v>0.93067809999999995</v>
      </c>
      <c r="I343">
        <v>664.20140000000004</v>
      </c>
      <c r="J343">
        <v>598.94824000000006</v>
      </c>
      <c r="K343">
        <v>0.89248525999999995</v>
      </c>
      <c r="L343">
        <f t="shared" si="46"/>
        <v>629.06955333333326</v>
      </c>
      <c r="M343">
        <f t="shared" si="47"/>
        <v>523.58332333333328</v>
      </c>
      <c r="N343">
        <f t="shared" si="48"/>
        <v>-11.962736536332917</v>
      </c>
      <c r="O343">
        <f t="shared" si="49"/>
        <v>2.1790951918198713</v>
      </c>
      <c r="Q343">
        <v>1150.1039000000001</v>
      </c>
      <c r="R343">
        <v>518.7808</v>
      </c>
      <c r="S343">
        <v>0.92642290000000005</v>
      </c>
      <c r="T343">
        <v>1271.1742999999999</v>
      </c>
      <c r="U343">
        <v>440.25459999999998</v>
      </c>
      <c r="V343">
        <v>0.89049909999999999</v>
      </c>
      <c r="W343">
        <v>1277.1853000000001</v>
      </c>
      <c r="X343">
        <v>585.02386000000001</v>
      </c>
      <c r="Y343">
        <v>0.91297054</v>
      </c>
      <c r="Z343">
        <f t="shared" si="50"/>
        <v>1232.8211666666666</v>
      </c>
      <c r="AA343">
        <f t="shared" si="51"/>
        <v>514.68642</v>
      </c>
      <c r="AB343">
        <f t="shared" si="52"/>
        <v>12.651298207606899</v>
      </c>
      <c r="AC343">
        <f t="shared" si="53"/>
        <v>2.3360794496903878</v>
      </c>
    </row>
    <row r="344" spans="1:29" x14ac:dyDescent="0.4">
      <c r="A344">
        <v>341</v>
      </c>
      <c r="B344">
        <f t="shared" si="45"/>
        <v>11.366666666666667</v>
      </c>
      <c r="C344">
        <v>546.07165999999995</v>
      </c>
      <c r="D344">
        <v>516.90026999999998</v>
      </c>
      <c r="E344">
        <v>0.99183339999999998</v>
      </c>
      <c r="F344">
        <v>677.46780000000001</v>
      </c>
      <c r="G344">
        <v>454.70531999999997</v>
      </c>
      <c r="H344">
        <v>0.91925584999999999</v>
      </c>
      <c r="I344">
        <v>664.49774000000002</v>
      </c>
      <c r="J344">
        <v>598.89635999999996</v>
      </c>
      <c r="K344">
        <v>0.89855545999999997</v>
      </c>
      <c r="L344">
        <f t="shared" si="46"/>
        <v>629.34573333333333</v>
      </c>
      <c r="M344">
        <f t="shared" si="47"/>
        <v>523.50064999999995</v>
      </c>
      <c r="N344">
        <f t="shared" si="48"/>
        <v>-11.951553131459583</v>
      </c>
      <c r="O344">
        <f t="shared" si="49"/>
        <v>2.1823782261829865</v>
      </c>
      <c r="Q344">
        <v>1149.9728</v>
      </c>
      <c r="R344">
        <v>518.76056000000005</v>
      </c>
      <c r="S344">
        <v>0.92332219999999998</v>
      </c>
      <c r="T344">
        <v>1270.8948</v>
      </c>
      <c r="U344">
        <v>440.31945999999999</v>
      </c>
      <c r="V344">
        <v>0.88651716999999997</v>
      </c>
      <c r="W344">
        <v>1276.9664</v>
      </c>
      <c r="X344">
        <v>585.08529999999996</v>
      </c>
      <c r="Y344">
        <v>0.90331989999999995</v>
      </c>
      <c r="Z344">
        <f t="shared" si="50"/>
        <v>1232.6113333333333</v>
      </c>
      <c r="AA344">
        <f t="shared" si="51"/>
        <v>514.72177333333332</v>
      </c>
      <c r="AB344">
        <f t="shared" si="52"/>
        <v>12.642656053805338</v>
      </c>
      <c r="AC344">
        <f t="shared" si="53"/>
        <v>2.334709644070089</v>
      </c>
    </row>
    <row r="345" spans="1:29" x14ac:dyDescent="0.4">
      <c r="A345">
        <v>342</v>
      </c>
      <c r="B345">
        <f t="shared" si="45"/>
        <v>11.4</v>
      </c>
      <c r="C345">
        <v>546.55349999999999</v>
      </c>
      <c r="D345">
        <v>516.77779999999996</v>
      </c>
      <c r="E345">
        <v>0.99228965999999996</v>
      </c>
      <c r="F345">
        <v>677.77826000000005</v>
      </c>
      <c r="G345">
        <v>454.69970000000001</v>
      </c>
      <c r="H345">
        <v>0.90863360000000004</v>
      </c>
      <c r="I345">
        <v>664.81129999999996</v>
      </c>
      <c r="J345">
        <v>599.01490000000001</v>
      </c>
      <c r="K345">
        <v>0.91189903000000005</v>
      </c>
      <c r="L345">
        <f t="shared" si="46"/>
        <v>629.71435333333329</v>
      </c>
      <c r="M345">
        <f t="shared" si="47"/>
        <v>523.4974666666667</v>
      </c>
      <c r="N345">
        <f t="shared" si="48"/>
        <v>-11.936661090665057</v>
      </c>
      <c r="O345">
        <f t="shared" si="49"/>
        <v>2.1823852478803465</v>
      </c>
      <c r="Q345">
        <v>1149.7976000000001</v>
      </c>
      <c r="R345">
        <v>518.67999999999995</v>
      </c>
      <c r="S345">
        <v>0.91941640000000002</v>
      </c>
      <c r="T345">
        <v>1270.5034000000001</v>
      </c>
      <c r="U345">
        <v>440.28607</v>
      </c>
      <c r="V345">
        <v>0.89005610000000002</v>
      </c>
      <c r="W345">
        <v>1276.846</v>
      </c>
      <c r="X345">
        <v>585.07249999999999</v>
      </c>
      <c r="Y345">
        <v>0.90069336</v>
      </c>
      <c r="Z345">
        <f t="shared" si="50"/>
        <v>1232.3823333333335</v>
      </c>
      <c r="AA345">
        <f t="shared" si="51"/>
        <v>514.67952333333335</v>
      </c>
      <c r="AB345">
        <f t="shared" si="52"/>
        <v>12.633250761326144</v>
      </c>
      <c r="AC345">
        <f t="shared" si="53"/>
        <v>2.3365144007002812</v>
      </c>
    </row>
    <row r="346" spans="1:29" x14ac:dyDescent="0.4">
      <c r="A346">
        <v>343</v>
      </c>
      <c r="B346">
        <f t="shared" si="45"/>
        <v>11.433333333333334</v>
      </c>
      <c r="C346">
        <v>546.8578</v>
      </c>
      <c r="D346">
        <v>516.86479999999995</v>
      </c>
      <c r="E346">
        <v>0.98817920000000004</v>
      </c>
      <c r="F346">
        <v>677.97329999999999</v>
      </c>
      <c r="G346">
        <v>454.75936999999999</v>
      </c>
      <c r="H346">
        <v>0.90124165999999994</v>
      </c>
      <c r="I346">
        <v>665.12390000000005</v>
      </c>
      <c r="J346">
        <v>599.02264000000002</v>
      </c>
      <c r="K346">
        <v>0.93269192999999995</v>
      </c>
      <c r="L346">
        <f t="shared" si="46"/>
        <v>629.98500000000001</v>
      </c>
      <c r="M346">
        <f t="shared" si="47"/>
        <v>523.54893666666669</v>
      </c>
      <c r="N346">
        <f t="shared" si="48"/>
        <v>-11.925744434404224</v>
      </c>
      <c r="O346">
        <f t="shared" si="49"/>
        <v>2.1801937193410046</v>
      </c>
      <c r="Q346">
        <v>1149.5645</v>
      </c>
      <c r="R346">
        <v>518.68489999999997</v>
      </c>
      <c r="S346">
        <v>0.92770609999999998</v>
      </c>
      <c r="T346">
        <v>1270.0382</v>
      </c>
      <c r="U346">
        <v>440.36</v>
      </c>
      <c r="V346">
        <v>0.9135122</v>
      </c>
      <c r="W346">
        <v>1276.5331000000001</v>
      </c>
      <c r="X346">
        <v>584.97590000000002</v>
      </c>
      <c r="Y346">
        <v>0.89065030000000001</v>
      </c>
      <c r="Z346">
        <f t="shared" si="50"/>
        <v>1232.0452666666667</v>
      </c>
      <c r="AA346">
        <f t="shared" si="51"/>
        <v>514.67359999999996</v>
      </c>
      <c r="AB346">
        <f t="shared" si="52"/>
        <v>12.619388929990846</v>
      </c>
      <c r="AC346">
        <f t="shared" si="53"/>
        <v>2.3368740368654808</v>
      </c>
    </row>
    <row r="347" spans="1:29" x14ac:dyDescent="0.4">
      <c r="A347">
        <v>344</v>
      </c>
      <c r="B347">
        <f t="shared" si="45"/>
        <v>11.466666666666667</v>
      </c>
      <c r="C347">
        <v>547.24639999999999</v>
      </c>
      <c r="D347">
        <v>516.88160000000005</v>
      </c>
      <c r="E347">
        <v>0.98877572999999996</v>
      </c>
      <c r="F347">
        <v>678.16250000000002</v>
      </c>
      <c r="G347">
        <v>454.76209999999998</v>
      </c>
      <c r="H347">
        <v>0.90019629999999995</v>
      </c>
      <c r="I347">
        <v>665.5548</v>
      </c>
      <c r="J347">
        <v>598.92529999999999</v>
      </c>
      <c r="K347">
        <v>0.93861190000000005</v>
      </c>
      <c r="L347">
        <f t="shared" si="46"/>
        <v>630.32123333333323</v>
      </c>
      <c r="M347">
        <f t="shared" si="47"/>
        <v>523.52300000000002</v>
      </c>
      <c r="N347">
        <f t="shared" si="48"/>
        <v>-11.912153083747418</v>
      </c>
      <c r="O347">
        <f t="shared" si="49"/>
        <v>2.1811404419142537</v>
      </c>
      <c r="Q347">
        <v>1149.2467999999999</v>
      </c>
      <c r="R347">
        <v>518.56866000000002</v>
      </c>
      <c r="S347">
        <v>0.93535060000000003</v>
      </c>
      <c r="T347">
        <v>1269.6985</v>
      </c>
      <c r="U347">
        <v>440.40001999999998</v>
      </c>
      <c r="V347">
        <v>0.89133876999999995</v>
      </c>
      <c r="W347">
        <v>1276.2164</v>
      </c>
      <c r="X347">
        <v>584.94629999999995</v>
      </c>
      <c r="Y347">
        <v>0.89154359999999999</v>
      </c>
      <c r="Z347">
        <f t="shared" si="50"/>
        <v>1231.7205666666666</v>
      </c>
      <c r="AA347">
        <f t="shared" si="51"/>
        <v>514.63832666666667</v>
      </c>
      <c r="AB347">
        <f t="shared" si="52"/>
        <v>12.606045389007395</v>
      </c>
      <c r="AC347">
        <f t="shared" si="53"/>
        <v>2.3384274489161934</v>
      </c>
    </row>
    <row r="348" spans="1:29" x14ac:dyDescent="0.4">
      <c r="A348">
        <v>345</v>
      </c>
      <c r="B348">
        <f t="shared" si="45"/>
        <v>11.5</v>
      </c>
      <c r="C348">
        <v>547.52704000000006</v>
      </c>
      <c r="D348">
        <v>516.85595999999998</v>
      </c>
      <c r="E348">
        <v>0.98664059999999998</v>
      </c>
      <c r="F348">
        <v>678.61289999999997</v>
      </c>
      <c r="G348">
        <v>454.71420000000001</v>
      </c>
      <c r="H348">
        <v>0.89096235999999995</v>
      </c>
      <c r="I348">
        <v>665.97149999999999</v>
      </c>
      <c r="J348">
        <v>598.86614999999995</v>
      </c>
      <c r="K348">
        <v>0.94501650000000004</v>
      </c>
      <c r="L348">
        <f t="shared" si="46"/>
        <v>630.70381333333341</v>
      </c>
      <c r="M348">
        <f t="shared" si="47"/>
        <v>523.47877000000005</v>
      </c>
      <c r="N348">
        <f t="shared" si="48"/>
        <v>-11.896683357536533</v>
      </c>
      <c r="O348">
        <f t="shared" si="49"/>
        <v>2.1828185279947974</v>
      </c>
      <c r="Q348">
        <v>1148.9808</v>
      </c>
      <c r="R348">
        <v>518.61834999999996</v>
      </c>
      <c r="S348">
        <v>0.94984000000000002</v>
      </c>
      <c r="T348">
        <v>1269.3456000000001</v>
      </c>
      <c r="U348">
        <v>440.34048000000001</v>
      </c>
      <c r="V348">
        <v>0.89738379999999995</v>
      </c>
      <c r="W348">
        <v>1275.8441</v>
      </c>
      <c r="X348">
        <v>584.94899999999996</v>
      </c>
      <c r="Y348">
        <v>0.8844881</v>
      </c>
      <c r="Z348">
        <f t="shared" si="50"/>
        <v>1231.3901666666668</v>
      </c>
      <c r="AA348">
        <f t="shared" si="51"/>
        <v>514.63594333333333</v>
      </c>
      <c r="AB348">
        <f t="shared" si="52"/>
        <v>12.592456879359434</v>
      </c>
      <c r="AC348">
        <f t="shared" si="53"/>
        <v>2.3386402414888519</v>
      </c>
    </row>
    <row r="349" spans="1:29" x14ac:dyDescent="0.4">
      <c r="A349">
        <v>346</v>
      </c>
      <c r="B349">
        <f t="shared" si="45"/>
        <v>11.533333333333333</v>
      </c>
      <c r="C349">
        <v>547.98879999999997</v>
      </c>
      <c r="D349">
        <v>516.79094999999995</v>
      </c>
      <c r="E349">
        <v>0.98539699999999997</v>
      </c>
      <c r="F349">
        <v>679.07910000000004</v>
      </c>
      <c r="G349">
        <v>454.68529999999998</v>
      </c>
      <c r="H349">
        <v>0.86917529999999998</v>
      </c>
      <c r="I349">
        <v>666.47375</v>
      </c>
      <c r="J349">
        <v>598.90674000000001</v>
      </c>
      <c r="K349">
        <v>0.93264999999999998</v>
      </c>
      <c r="L349">
        <f t="shared" si="46"/>
        <v>631.18055000000004</v>
      </c>
      <c r="M349">
        <f t="shared" si="47"/>
        <v>523.46099666666669</v>
      </c>
      <c r="N349">
        <f t="shared" si="48"/>
        <v>-11.877418222520911</v>
      </c>
      <c r="O349">
        <f t="shared" si="49"/>
        <v>2.1833851104206943</v>
      </c>
      <c r="Q349">
        <v>1148.5814</v>
      </c>
      <c r="R349">
        <v>518.52499999999998</v>
      </c>
      <c r="S349">
        <v>0.95857780000000004</v>
      </c>
      <c r="T349">
        <v>1269.1608000000001</v>
      </c>
      <c r="U349">
        <v>439.90494000000001</v>
      </c>
      <c r="V349">
        <v>0.90489660000000005</v>
      </c>
      <c r="W349">
        <v>1275.4706000000001</v>
      </c>
      <c r="X349">
        <v>584.91129999999998</v>
      </c>
      <c r="Y349">
        <v>0.87844</v>
      </c>
      <c r="Z349">
        <f t="shared" si="50"/>
        <v>1231.0709333333334</v>
      </c>
      <c r="AA349">
        <f t="shared" si="51"/>
        <v>514.44708000000003</v>
      </c>
      <c r="AB349">
        <f t="shared" si="52"/>
        <v>12.579388210329979</v>
      </c>
      <c r="AC349">
        <f t="shared" si="53"/>
        <v>2.3464614555645409</v>
      </c>
    </row>
    <row r="350" spans="1:29" x14ac:dyDescent="0.4">
      <c r="A350">
        <v>347</v>
      </c>
      <c r="B350">
        <f t="shared" si="45"/>
        <v>11.566666666666666</v>
      </c>
      <c r="C350">
        <v>548.23987</v>
      </c>
      <c r="D350">
        <v>516.73410000000001</v>
      </c>
      <c r="E350">
        <v>0.98022240000000005</v>
      </c>
      <c r="F350">
        <v>679.52829999999994</v>
      </c>
      <c r="G350">
        <v>454.64532000000003</v>
      </c>
      <c r="H350">
        <v>0.85398779999999996</v>
      </c>
      <c r="I350">
        <v>666.71100000000001</v>
      </c>
      <c r="J350">
        <v>598.93039999999996</v>
      </c>
      <c r="K350">
        <v>0.93784803000000005</v>
      </c>
      <c r="L350">
        <f t="shared" si="46"/>
        <v>631.49305666666658</v>
      </c>
      <c r="M350">
        <f t="shared" si="47"/>
        <v>523.43660666666665</v>
      </c>
      <c r="N350">
        <f t="shared" si="48"/>
        <v>-11.864785417773382</v>
      </c>
      <c r="O350">
        <f t="shared" si="49"/>
        <v>2.1842765929511465</v>
      </c>
      <c r="Q350">
        <v>1148.3629000000001</v>
      </c>
      <c r="R350">
        <v>518.54785000000004</v>
      </c>
      <c r="S350">
        <v>0.96172930000000001</v>
      </c>
      <c r="T350">
        <v>1268.9384</v>
      </c>
      <c r="U350">
        <v>439.82960000000003</v>
      </c>
      <c r="V350">
        <v>0.90241503999999995</v>
      </c>
      <c r="W350">
        <v>1275.1306999999999</v>
      </c>
      <c r="X350">
        <v>584.88390000000004</v>
      </c>
      <c r="Y350">
        <v>0.88036369999999997</v>
      </c>
      <c r="Z350">
        <f t="shared" si="50"/>
        <v>1230.8106666666665</v>
      </c>
      <c r="AA350">
        <f t="shared" si="51"/>
        <v>514.42045000000007</v>
      </c>
      <c r="AB350">
        <f t="shared" si="52"/>
        <v>12.568692322209658</v>
      </c>
      <c r="AC350">
        <f t="shared" si="53"/>
        <v>2.3476395019629299</v>
      </c>
    </row>
    <row r="351" spans="1:29" x14ac:dyDescent="0.4">
      <c r="A351">
        <v>348</v>
      </c>
      <c r="B351">
        <f t="shared" si="45"/>
        <v>11.6</v>
      </c>
      <c r="C351">
        <v>548.58875</v>
      </c>
      <c r="D351">
        <v>516.77750000000003</v>
      </c>
      <c r="E351">
        <v>0.97541080000000002</v>
      </c>
      <c r="F351">
        <v>679.65179999999998</v>
      </c>
      <c r="G351">
        <v>454.64949999999999</v>
      </c>
      <c r="H351">
        <v>0.86305699999999996</v>
      </c>
      <c r="I351">
        <v>667.02279999999996</v>
      </c>
      <c r="J351">
        <v>598.93589999999995</v>
      </c>
      <c r="K351">
        <v>0.92648629999999998</v>
      </c>
      <c r="L351">
        <f t="shared" si="46"/>
        <v>631.75445000000002</v>
      </c>
      <c r="M351">
        <f t="shared" si="47"/>
        <v>523.45429999999999</v>
      </c>
      <c r="N351">
        <f t="shared" si="48"/>
        <v>-11.854231067445735</v>
      </c>
      <c r="O351">
        <f t="shared" si="49"/>
        <v>2.1834670715288782</v>
      </c>
      <c r="Q351">
        <v>1148.097</v>
      </c>
      <c r="R351">
        <v>518.47844999999995</v>
      </c>
      <c r="S351">
        <v>0.95035857000000001</v>
      </c>
      <c r="T351">
        <v>1268.5681</v>
      </c>
      <c r="U351">
        <v>439.75497000000001</v>
      </c>
      <c r="V351">
        <v>0.91004585999999998</v>
      </c>
      <c r="W351">
        <v>1274.8177000000001</v>
      </c>
      <c r="X351">
        <v>584.82939999999996</v>
      </c>
      <c r="Y351">
        <v>0.87096059999999997</v>
      </c>
      <c r="Z351">
        <f t="shared" si="50"/>
        <v>1230.4942666666668</v>
      </c>
      <c r="AA351">
        <f t="shared" si="51"/>
        <v>514.35427333333337</v>
      </c>
      <c r="AB351">
        <f t="shared" si="52"/>
        <v>12.555700651019533</v>
      </c>
      <c r="AC351">
        <f t="shared" si="53"/>
        <v>2.3504515054954891</v>
      </c>
    </row>
    <row r="352" spans="1:29" x14ac:dyDescent="0.4">
      <c r="A352">
        <v>349</v>
      </c>
      <c r="B352">
        <f t="shared" si="45"/>
        <v>11.633333333333333</v>
      </c>
      <c r="C352">
        <v>549.07709999999997</v>
      </c>
      <c r="D352">
        <v>516.74676999999997</v>
      </c>
      <c r="E352">
        <v>0.97136027000000003</v>
      </c>
      <c r="F352">
        <v>680.11315999999999</v>
      </c>
      <c r="G352">
        <v>454.68126999999998</v>
      </c>
      <c r="H352">
        <v>0.88175504999999998</v>
      </c>
      <c r="I352">
        <v>667.42615000000001</v>
      </c>
      <c r="J352">
        <v>598.79510000000005</v>
      </c>
      <c r="K352">
        <v>0.92456883000000001</v>
      </c>
      <c r="L352">
        <f t="shared" si="46"/>
        <v>632.20546999999999</v>
      </c>
      <c r="M352">
        <f t="shared" si="47"/>
        <v>523.40771333333339</v>
      </c>
      <c r="N352">
        <f t="shared" si="48"/>
        <v>-11.835994944031244</v>
      </c>
      <c r="O352">
        <f t="shared" si="49"/>
        <v>2.1852185223435074</v>
      </c>
      <c r="Q352">
        <v>1147.7164</v>
      </c>
      <c r="R352">
        <v>518.56537000000003</v>
      </c>
      <c r="S352">
        <v>0.93455169999999999</v>
      </c>
      <c r="T352">
        <v>1268.2661000000001</v>
      </c>
      <c r="U352">
        <v>439.62470000000002</v>
      </c>
      <c r="V352">
        <v>0.90561133999999999</v>
      </c>
      <c r="W352">
        <v>1274.4948999999999</v>
      </c>
      <c r="X352">
        <v>584.72550000000001</v>
      </c>
      <c r="Y352">
        <v>0.86257154000000003</v>
      </c>
      <c r="Z352">
        <f t="shared" si="50"/>
        <v>1230.1591333333333</v>
      </c>
      <c r="AA352">
        <f t="shared" si="51"/>
        <v>514.30519000000004</v>
      </c>
      <c r="AB352">
        <f t="shared" si="52"/>
        <v>12.541933095999795</v>
      </c>
      <c r="AC352">
        <f t="shared" si="53"/>
        <v>2.3525722849012114</v>
      </c>
    </row>
    <row r="353" spans="1:29" x14ac:dyDescent="0.4">
      <c r="A353">
        <v>350</v>
      </c>
      <c r="B353">
        <f t="shared" si="45"/>
        <v>11.666666666666666</v>
      </c>
      <c r="C353">
        <v>549.72170000000006</v>
      </c>
      <c r="D353">
        <v>516.69780000000003</v>
      </c>
      <c r="E353">
        <v>0.96810260000000004</v>
      </c>
      <c r="F353">
        <v>680.53110000000004</v>
      </c>
      <c r="G353">
        <v>454.71377999999999</v>
      </c>
      <c r="H353">
        <v>0.89933854000000002</v>
      </c>
      <c r="I353">
        <v>667.75599999999997</v>
      </c>
      <c r="J353">
        <v>598.68206999999995</v>
      </c>
      <c r="K353">
        <v>0.91933180000000003</v>
      </c>
      <c r="L353">
        <f t="shared" si="46"/>
        <v>632.66960000000006</v>
      </c>
      <c r="M353">
        <f t="shared" si="47"/>
        <v>523.36454999999989</v>
      </c>
      <c r="N353">
        <f t="shared" si="48"/>
        <v>-11.817230031294816</v>
      </c>
      <c r="O353">
        <f t="shared" si="49"/>
        <v>2.186825836019032</v>
      </c>
      <c r="Q353">
        <v>1147.3206</v>
      </c>
      <c r="R353">
        <v>518.62645999999995</v>
      </c>
      <c r="S353">
        <v>0.93552170000000001</v>
      </c>
      <c r="T353">
        <v>1268.0088000000001</v>
      </c>
      <c r="U353">
        <v>439.55988000000002</v>
      </c>
      <c r="V353">
        <v>0.90695119999999996</v>
      </c>
      <c r="W353">
        <v>1274.1749</v>
      </c>
      <c r="X353">
        <v>584.71159999999998</v>
      </c>
      <c r="Y353">
        <v>0.85400750000000003</v>
      </c>
      <c r="Z353">
        <f t="shared" si="50"/>
        <v>1229.8347666666666</v>
      </c>
      <c r="AA353">
        <f t="shared" si="51"/>
        <v>514.29931333333332</v>
      </c>
      <c r="AB353">
        <f t="shared" si="52"/>
        <v>12.528594483787645</v>
      </c>
      <c r="AC353">
        <f t="shared" si="53"/>
        <v>2.3529255560106663</v>
      </c>
    </row>
    <row r="354" spans="1:29" x14ac:dyDescent="0.4">
      <c r="A354">
        <v>351</v>
      </c>
      <c r="B354">
        <f t="shared" si="45"/>
        <v>11.7</v>
      </c>
      <c r="C354">
        <v>550.04456000000005</v>
      </c>
      <c r="D354">
        <v>516.74839999999995</v>
      </c>
      <c r="E354">
        <v>0.95702920000000002</v>
      </c>
      <c r="F354">
        <v>680.89800000000002</v>
      </c>
      <c r="G354">
        <v>454.57069999999999</v>
      </c>
      <c r="H354">
        <v>0.90833350000000002</v>
      </c>
      <c r="I354">
        <v>668.03620000000001</v>
      </c>
      <c r="J354">
        <v>598.58954000000006</v>
      </c>
      <c r="K354">
        <v>0.91802229999999996</v>
      </c>
      <c r="L354">
        <f t="shared" si="46"/>
        <v>632.99292000000003</v>
      </c>
      <c r="M354">
        <f t="shared" si="47"/>
        <v>523.30288000000007</v>
      </c>
      <c r="N354">
        <f t="shared" si="48"/>
        <v>-11.804147720759204</v>
      </c>
      <c r="O354">
        <f t="shared" si="49"/>
        <v>2.1892356509290352</v>
      </c>
      <c r="Q354">
        <v>1147.0127</v>
      </c>
      <c r="R354">
        <v>518.59343999999999</v>
      </c>
      <c r="S354">
        <v>0.92448739999999996</v>
      </c>
      <c r="T354">
        <v>1267.5664999999999</v>
      </c>
      <c r="U354">
        <v>439.33807000000002</v>
      </c>
      <c r="V354">
        <v>0.90689310000000001</v>
      </c>
      <c r="W354">
        <v>1274.0875000000001</v>
      </c>
      <c r="X354">
        <v>584.80579999999998</v>
      </c>
      <c r="Y354">
        <v>0.85448990000000002</v>
      </c>
      <c r="Z354">
        <f t="shared" si="50"/>
        <v>1229.5555666666667</v>
      </c>
      <c r="AA354">
        <f t="shared" si="51"/>
        <v>514.24576999999999</v>
      </c>
      <c r="AB354">
        <f t="shared" si="52"/>
        <v>12.517129031407036</v>
      </c>
      <c r="AC354">
        <f t="shared" si="53"/>
        <v>2.3552088398340363</v>
      </c>
    </row>
    <row r="355" spans="1:29" x14ac:dyDescent="0.4">
      <c r="A355">
        <v>352</v>
      </c>
      <c r="B355">
        <f t="shared" si="45"/>
        <v>11.733333333333333</v>
      </c>
      <c r="C355">
        <v>550.26430000000005</v>
      </c>
      <c r="D355">
        <v>516.58019999999999</v>
      </c>
      <c r="E355">
        <v>0.95524909999999996</v>
      </c>
      <c r="F355">
        <v>681.21360000000004</v>
      </c>
      <c r="G355">
        <v>454.39855999999997</v>
      </c>
      <c r="H355">
        <v>0.92273210000000006</v>
      </c>
      <c r="I355">
        <v>668.37085000000002</v>
      </c>
      <c r="J355">
        <v>598.48987</v>
      </c>
      <c r="K355">
        <v>0.91997874000000002</v>
      </c>
      <c r="L355">
        <f t="shared" si="46"/>
        <v>633.28291666666667</v>
      </c>
      <c r="M355">
        <f t="shared" si="47"/>
        <v>523.15620999999999</v>
      </c>
      <c r="N355">
        <f t="shared" si="48"/>
        <v>-11.792384063482533</v>
      </c>
      <c r="O355">
        <f t="shared" si="49"/>
        <v>2.195126692399004</v>
      </c>
      <c r="Q355">
        <v>1146.7873999999999</v>
      </c>
      <c r="R355">
        <v>518.52202999999997</v>
      </c>
      <c r="S355">
        <v>0.89439919999999995</v>
      </c>
      <c r="T355">
        <v>1267.3353999999999</v>
      </c>
      <c r="U355">
        <v>439.32996000000003</v>
      </c>
      <c r="V355">
        <v>0.90655357000000003</v>
      </c>
      <c r="W355">
        <v>1273.8561999999999</v>
      </c>
      <c r="X355">
        <v>584.29780000000005</v>
      </c>
      <c r="Y355">
        <v>0.85050720000000002</v>
      </c>
      <c r="Z355">
        <f t="shared" si="50"/>
        <v>1229.3263333333334</v>
      </c>
      <c r="AA355">
        <f t="shared" si="51"/>
        <v>514.04993000000002</v>
      </c>
      <c r="AB355">
        <f t="shared" si="52"/>
        <v>12.507764770546977</v>
      </c>
      <c r="AC355">
        <f t="shared" si="53"/>
        <v>2.3632833437302043</v>
      </c>
    </row>
    <row r="356" spans="1:29" x14ac:dyDescent="0.4">
      <c r="A356">
        <v>353</v>
      </c>
      <c r="B356">
        <f t="shared" si="45"/>
        <v>11.766666666666667</v>
      </c>
      <c r="C356">
        <v>550.67426</v>
      </c>
      <c r="D356">
        <v>516.75229999999999</v>
      </c>
      <c r="E356">
        <v>0.95489615000000005</v>
      </c>
      <c r="F356">
        <v>681.57384999999999</v>
      </c>
      <c r="G356">
        <v>454.27197000000001</v>
      </c>
      <c r="H356">
        <v>0.92682989999999998</v>
      </c>
      <c r="I356">
        <v>668.93110000000001</v>
      </c>
      <c r="J356">
        <v>598.47295999999994</v>
      </c>
      <c r="K356">
        <v>0.92343549999999996</v>
      </c>
      <c r="L356">
        <f t="shared" si="46"/>
        <v>633.72640333333334</v>
      </c>
      <c r="M356">
        <f t="shared" si="47"/>
        <v>523.16574333333335</v>
      </c>
      <c r="N356">
        <f t="shared" si="48"/>
        <v>-11.774469631822965</v>
      </c>
      <c r="O356">
        <f t="shared" si="49"/>
        <v>2.1945895418363697</v>
      </c>
      <c r="Q356">
        <v>1146.5626999999999</v>
      </c>
      <c r="R356">
        <v>518.38059999999996</v>
      </c>
      <c r="S356">
        <v>0.9048735</v>
      </c>
      <c r="T356">
        <v>1266.9866</v>
      </c>
      <c r="U356">
        <v>439.32135</v>
      </c>
      <c r="V356">
        <v>0.89888979999999996</v>
      </c>
      <c r="W356">
        <v>1273.6558</v>
      </c>
      <c r="X356">
        <v>584.29250000000002</v>
      </c>
      <c r="Y356">
        <v>0.84732556000000003</v>
      </c>
      <c r="Z356">
        <f t="shared" si="50"/>
        <v>1229.0683666666666</v>
      </c>
      <c r="AA356">
        <f t="shared" si="51"/>
        <v>513.99815000000001</v>
      </c>
      <c r="AB356">
        <f t="shared" si="52"/>
        <v>12.497172177900403</v>
      </c>
      <c r="AC356">
        <f t="shared" si="53"/>
        <v>2.3654872157560436</v>
      </c>
    </row>
    <row r="357" spans="1:29" x14ac:dyDescent="0.4">
      <c r="A357">
        <v>354</v>
      </c>
      <c r="B357">
        <f t="shared" si="45"/>
        <v>11.8</v>
      </c>
      <c r="C357">
        <v>551.19060000000002</v>
      </c>
      <c r="D357">
        <v>516.72770000000003</v>
      </c>
      <c r="E357">
        <v>0.95429260000000005</v>
      </c>
      <c r="F357">
        <v>682.02089999999998</v>
      </c>
      <c r="G357">
        <v>454.13405999999998</v>
      </c>
      <c r="H357">
        <v>0.94618946000000004</v>
      </c>
      <c r="I357">
        <v>669.26385000000005</v>
      </c>
      <c r="J357">
        <v>598.54785000000004</v>
      </c>
      <c r="K357">
        <v>0.90980863999999995</v>
      </c>
      <c r="L357">
        <f t="shared" si="46"/>
        <v>634.15845000000002</v>
      </c>
      <c r="M357">
        <f t="shared" si="47"/>
        <v>523.13653666666676</v>
      </c>
      <c r="N357">
        <f t="shared" si="48"/>
        <v>-11.757004618699737</v>
      </c>
      <c r="O357">
        <f t="shared" si="49"/>
        <v>2.1956377575177966</v>
      </c>
      <c r="Q357">
        <v>1146.1670999999999</v>
      </c>
      <c r="R357">
        <v>518.38099999999997</v>
      </c>
      <c r="S357">
        <v>0.89746899999999996</v>
      </c>
      <c r="T357">
        <v>1266.5758000000001</v>
      </c>
      <c r="U357">
        <v>439.27785999999998</v>
      </c>
      <c r="V357">
        <v>0.88855576999999997</v>
      </c>
      <c r="W357">
        <v>1273.5269000000001</v>
      </c>
      <c r="X357">
        <v>584.18209999999999</v>
      </c>
      <c r="Y357">
        <v>0.84374179999999999</v>
      </c>
      <c r="Z357">
        <f t="shared" si="50"/>
        <v>1228.7565999999999</v>
      </c>
      <c r="AA357">
        <f t="shared" si="51"/>
        <v>513.9469866666667</v>
      </c>
      <c r="AB357">
        <f t="shared" si="52"/>
        <v>12.484366865530019</v>
      </c>
      <c r="AC357">
        <f t="shared" si="53"/>
        <v>2.3676847155262575</v>
      </c>
    </row>
    <row r="358" spans="1:29" x14ac:dyDescent="0.4">
      <c r="A358">
        <v>355</v>
      </c>
      <c r="B358">
        <f t="shared" si="45"/>
        <v>11.833333333333334</v>
      </c>
      <c r="C358">
        <v>551.46969999999999</v>
      </c>
      <c r="D358">
        <v>516.62220000000002</v>
      </c>
      <c r="E358">
        <v>0.94795589999999996</v>
      </c>
      <c r="F358">
        <v>682.35209999999995</v>
      </c>
      <c r="G358">
        <v>454.12124999999997</v>
      </c>
      <c r="H358">
        <v>0.94763260000000005</v>
      </c>
      <c r="I358">
        <v>669.65204000000006</v>
      </c>
      <c r="J358">
        <v>598.5</v>
      </c>
      <c r="K358">
        <v>0.90734219999999999</v>
      </c>
      <c r="L358">
        <f t="shared" si="46"/>
        <v>634.49128000000007</v>
      </c>
      <c r="M358">
        <f t="shared" si="47"/>
        <v>523.08114999999998</v>
      </c>
      <c r="N358">
        <f t="shared" si="48"/>
        <v>-11.743539526621019</v>
      </c>
      <c r="O358">
        <f t="shared" si="49"/>
        <v>2.1977878646619167</v>
      </c>
      <c r="Q358">
        <v>1145.8363999999999</v>
      </c>
      <c r="R358">
        <v>518.22370000000001</v>
      </c>
      <c r="S358">
        <v>0.88574684000000004</v>
      </c>
      <c r="T358">
        <v>1266.3726999999999</v>
      </c>
      <c r="U358">
        <v>439.24984999999998</v>
      </c>
      <c r="V358">
        <v>0.87887959999999998</v>
      </c>
      <c r="W358">
        <v>1273.1985999999999</v>
      </c>
      <c r="X358">
        <v>584.16</v>
      </c>
      <c r="Y358">
        <v>0.84373169999999997</v>
      </c>
      <c r="Z358">
        <f t="shared" si="50"/>
        <v>1228.4692333333332</v>
      </c>
      <c r="AA358">
        <f t="shared" si="51"/>
        <v>513.87784999999997</v>
      </c>
      <c r="AB358">
        <f t="shared" si="52"/>
        <v>12.472570971267217</v>
      </c>
      <c r="AC358">
        <f t="shared" si="53"/>
        <v>2.3706073708586333</v>
      </c>
    </row>
    <row r="359" spans="1:29" x14ac:dyDescent="0.4">
      <c r="A359">
        <v>356</v>
      </c>
      <c r="B359">
        <f t="shared" si="45"/>
        <v>11.866666666666667</v>
      </c>
      <c r="C359">
        <v>551.93910000000005</v>
      </c>
      <c r="D359">
        <v>516.47569999999996</v>
      </c>
      <c r="E359">
        <v>0.9338651</v>
      </c>
      <c r="F359">
        <v>682.90314000000001</v>
      </c>
      <c r="G359">
        <v>454.26718</v>
      </c>
      <c r="H359">
        <v>0.94997120000000002</v>
      </c>
      <c r="I359">
        <v>670.00005999999996</v>
      </c>
      <c r="J359">
        <v>598.48119999999994</v>
      </c>
      <c r="K359">
        <v>0.90351086999999997</v>
      </c>
      <c r="L359">
        <f t="shared" si="46"/>
        <v>634.94743333333327</v>
      </c>
      <c r="M359">
        <f t="shared" si="47"/>
        <v>523.07469333333336</v>
      </c>
      <c r="N359">
        <f t="shared" si="48"/>
        <v>-11.725107490481976</v>
      </c>
      <c r="O359">
        <f t="shared" si="49"/>
        <v>2.1978992627149032</v>
      </c>
      <c r="Q359">
        <v>1145.5155</v>
      </c>
      <c r="R359">
        <v>518.26324</v>
      </c>
      <c r="S359">
        <v>0.87077769999999999</v>
      </c>
      <c r="T359">
        <v>1266.1424999999999</v>
      </c>
      <c r="U359">
        <v>439.2</v>
      </c>
      <c r="V359">
        <v>0.88019199999999997</v>
      </c>
      <c r="W359">
        <v>1272.8604</v>
      </c>
      <c r="X359">
        <v>584.14279999999997</v>
      </c>
      <c r="Y359">
        <v>0.84031683000000001</v>
      </c>
      <c r="Z359">
        <f t="shared" si="50"/>
        <v>1228.1728000000001</v>
      </c>
      <c r="AA359">
        <f t="shared" si="51"/>
        <v>513.86868000000004</v>
      </c>
      <c r="AB359">
        <f t="shared" si="52"/>
        <v>12.460382870529331</v>
      </c>
      <c r="AC359">
        <f t="shared" si="53"/>
        <v>2.3710853004848547</v>
      </c>
    </row>
    <row r="360" spans="1:29" x14ac:dyDescent="0.4">
      <c r="A360">
        <v>357</v>
      </c>
      <c r="B360">
        <f t="shared" si="45"/>
        <v>11.9</v>
      </c>
      <c r="C360">
        <v>552.02075000000002</v>
      </c>
      <c r="D360">
        <v>516.55190000000005</v>
      </c>
      <c r="E360">
        <v>0.94720817000000002</v>
      </c>
      <c r="F360">
        <v>683.36945000000003</v>
      </c>
      <c r="G360">
        <v>454.25195000000002</v>
      </c>
      <c r="H360">
        <v>0.95348690000000003</v>
      </c>
      <c r="I360">
        <v>670.35535000000004</v>
      </c>
      <c r="J360">
        <v>598.39829999999995</v>
      </c>
      <c r="K360">
        <v>0.89293259999999997</v>
      </c>
      <c r="L360">
        <f t="shared" si="46"/>
        <v>635.24851666666666</v>
      </c>
      <c r="M360">
        <f t="shared" si="47"/>
        <v>523.0673833333334</v>
      </c>
      <c r="N360">
        <f t="shared" si="48"/>
        <v>-11.712940326402812</v>
      </c>
      <c r="O360">
        <f t="shared" si="49"/>
        <v>2.1980972335227098</v>
      </c>
      <c r="Q360">
        <v>1145.3086000000001</v>
      </c>
      <c r="R360">
        <v>518.36774000000003</v>
      </c>
      <c r="S360">
        <v>0.88258930000000002</v>
      </c>
      <c r="T360">
        <v>1265.8290999999999</v>
      </c>
      <c r="U360">
        <v>439.23671999999999</v>
      </c>
      <c r="V360">
        <v>0.87645286</v>
      </c>
      <c r="W360">
        <v>1272.4572000000001</v>
      </c>
      <c r="X360">
        <v>584.24549999999999</v>
      </c>
      <c r="Y360">
        <v>0.83813389999999999</v>
      </c>
      <c r="Z360">
        <f t="shared" si="50"/>
        <v>1227.8649666666668</v>
      </c>
      <c r="AA360">
        <f t="shared" si="51"/>
        <v>513.94998666666663</v>
      </c>
      <c r="AB360">
        <f t="shared" si="52"/>
        <v>12.447696726263406</v>
      </c>
      <c r="AC360">
        <f t="shared" si="53"/>
        <v>2.3678738750335233</v>
      </c>
    </row>
    <row r="361" spans="1:29" x14ac:dyDescent="0.4">
      <c r="A361">
        <v>358</v>
      </c>
      <c r="B361">
        <f t="shared" si="45"/>
        <v>11.933333333333334</v>
      </c>
      <c r="C361">
        <v>552.56550000000004</v>
      </c>
      <c r="D361">
        <v>516.42729999999995</v>
      </c>
      <c r="E361">
        <v>0.95630910000000002</v>
      </c>
      <c r="F361">
        <v>683.68499999999995</v>
      </c>
      <c r="G361">
        <v>454.12347</v>
      </c>
      <c r="H361">
        <v>0.94662946000000003</v>
      </c>
      <c r="I361">
        <v>670.65909999999997</v>
      </c>
      <c r="J361">
        <v>598.40620000000001</v>
      </c>
      <c r="K361">
        <v>0.88253440000000005</v>
      </c>
      <c r="L361">
        <f t="shared" si="46"/>
        <v>635.63653333333332</v>
      </c>
      <c r="M361">
        <f t="shared" si="47"/>
        <v>522.98565666666661</v>
      </c>
      <c r="N361">
        <f t="shared" si="48"/>
        <v>-11.697236498772863</v>
      </c>
      <c r="O361">
        <f t="shared" si="49"/>
        <v>2.201304239990896</v>
      </c>
      <c r="Q361">
        <v>1145.1210000000001</v>
      </c>
      <c r="R361">
        <v>518.44539999999995</v>
      </c>
      <c r="S361">
        <v>0.87376493</v>
      </c>
      <c r="T361">
        <v>1265.4614999999999</v>
      </c>
      <c r="U361">
        <v>439.21917999999999</v>
      </c>
      <c r="V361">
        <v>0.85690100000000002</v>
      </c>
      <c r="W361">
        <v>1272.1693</v>
      </c>
      <c r="X361">
        <v>584.51610000000005</v>
      </c>
      <c r="Y361">
        <v>0.83988370000000001</v>
      </c>
      <c r="Z361">
        <f t="shared" si="50"/>
        <v>1227.5839333333333</v>
      </c>
      <c r="AA361">
        <f t="shared" si="51"/>
        <v>514.06022666666661</v>
      </c>
      <c r="AB361">
        <f t="shared" si="52"/>
        <v>12.436103469140047</v>
      </c>
      <c r="AC361">
        <f t="shared" si="53"/>
        <v>2.3634719924770131</v>
      </c>
    </row>
    <row r="362" spans="1:29" x14ac:dyDescent="0.4">
      <c r="A362">
        <v>359</v>
      </c>
      <c r="B362">
        <f t="shared" si="45"/>
        <v>11.966666666666667</v>
      </c>
      <c r="C362">
        <v>552.83619999999996</v>
      </c>
      <c r="D362">
        <v>516.28750000000002</v>
      </c>
      <c r="E362">
        <v>0.94909452999999999</v>
      </c>
      <c r="F362">
        <v>684.0462</v>
      </c>
      <c r="G362">
        <v>454.03762999999998</v>
      </c>
      <c r="H362">
        <v>0.95194864000000001</v>
      </c>
      <c r="I362">
        <v>671.14215000000002</v>
      </c>
      <c r="J362">
        <v>598.34533999999996</v>
      </c>
      <c r="K362">
        <v>0.88300380000000001</v>
      </c>
      <c r="L362">
        <f t="shared" si="46"/>
        <v>636.00818333333336</v>
      </c>
      <c r="M362">
        <f t="shared" si="47"/>
        <v>522.89015666666671</v>
      </c>
      <c r="N362">
        <f t="shared" si="48"/>
        <v>-11.682189315299972</v>
      </c>
      <c r="O362">
        <f t="shared" si="49"/>
        <v>2.2050789935926809</v>
      </c>
      <c r="Q362">
        <v>1144.6959999999999</v>
      </c>
      <c r="R362">
        <v>518.47789999999998</v>
      </c>
      <c r="S362">
        <v>0.86196439999999996</v>
      </c>
      <c r="T362">
        <v>1265.1975</v>
      </c>
      <c r="U362">
        <v>439.38164999999998</v>
      </c>
      <c r="V362">
        <v>0.85110414000000001</v>
      </c>
      <c r="W362">
        <v>1271.6472000000001</v>
      </c>
      <c r="X362">
        <v>584.65015000000005</v>
      </c>
      <c r="Y362">
        <v>0.86266284999999998</v>
      </c>
      <c r="Z362">
        <f t="shared" si="50"/>
        <v>1227.1802333333335</v>
      </c>
      <c r="AA362">
        <f t="shared" si="51"/>
        <v>514.16989999999998</v>
      </c>
      <c r="AB362">
        <f t="shared" si="52"/>
        <v>12.419465882613631</v>
      </c>
      <c r="AC362">
        <f t="shared" si="53"/>
        <v>2.3591361024778745</v>
      </c>
    </row>
    <row r="363" spans="1:29" x14ac:dyDescent="0.4">
      <c r="A363">
        <v>360</v>
      </c>
      <c r="B363">
        <f t="shared" si="45"/>
        <v>12</v>
      </c>
      <c r="C363">
        <v>553.17394999999999</v>
      </c>
      <c r="D363">
        <v>516.16565000000003</v>
      </c>
      <c r="E363">
        <v>0.95577323000000003</v>
      </c>
      <c r="F363">
        <v>684.34839999999997</v>
      </c>
      <c r="G363">
        <v>453.98334</v>
      </c>
      <c r="H363">
        <v>0.96203870000000002</v>
      </c>
      <c r="I363">
        <v>671.50653</v>
      </c>
      <c r="J363">
        <v>598.36109999999996</v>
      </c>
      <c r="K363">
        <v>0.87319239999999998</v>
      </c>
      <c r="L363">
        <f t="shared" si="46"/>
        <v>636.34295999999995</v>
      </c>
      <c r="M363">
        <f t="shared" si="47"/>
        <v>522.83669666666663</v>
      </c>
      <c r="N363">
        <f t="shared" si="48"/>
        <v>-11.668645442001981</v>
      </c>
      <c r="O363">
        <f t="shared" si="49"/>
        <v>2.2071497732328904</v>
      </c>
      <c r="Q363">
        <v>1144.3717999999999</v>
      </c>
      <c r="R363">
        <v>518.39679999999998</v>
      </c>
      <c r="S363">
        <v>0.87460420000000005</v>
      </c>
      <c r="T363">
        <v>1264.7583999999999</v>
      </c>
      <c r="U363">
        <v>439.35730000000001</v>
      </c>
      <c r="V363">
        <v>0.84531599999999996</v>
      </c>
      <c r="W363">
        <v>1271.355</v>
      </c>
      <c r="X363">
        <v>584.6644</v>
      </c>
      <c r="Y363">
        <v>0.87288019999999999</v>
      </c>
      <c r="Z363">
        <f t="shared" si="50"/>
        <v>1226.8283999999999</v>
      </c>
      <c r="AA363">
        <f t="shared" si="51"/>
        <v>514.1395</v>
      </c>
      <c r="AB363">
        <f t="shared" si="52"/>
        <v>12.405006854058334</v>
      </c>
      <c r="AC363">
        <f t="shared" si="53"/>
        <v>2.3605000124159212</v>
      </c>
    </row>
    <row r="364" spans="1:29" x14ac:dyDescent="0.4">
      <c r="A364">
        <v>361</v>
      </c>
      <c r="B364">
        <f t="shared" si="45"/>
        <v>12.033333333333333</v>
      </c>
      <c r="C364">
        <v>553.65170000000001</v>
      </c>
      <c r="D364">
        <v>516.16359999999997</v>
      </c>
      <c r="E364">
        <v>0.96513784000000002</v>
      </c>
      <c r="F364">
        <v>684.70910000000003</v>
      </c>
      <c r="G364">
        <v>454.03275000000002</v>
      </c>
      <c r="H364">
        <v>0.96194040000000003</v>
      </c>
      <c r="I364">
        <v>671.82050000000004</v>
      </c>
      <c r="J364">
        <v>598.12023999999997</v>
      </c>
      <c r="K364">
        <v>0.872664</v>
      </c>
      <c r="L364">
        <f t="shared" si="46"/>
        <v>636.72709999999995</v>
      </c>
      <c r="M364">
        <f t="shared" si="47"/>
        <v>522.77219666666667</v>
      </c>
      <c r="N364">
        <f t="shared" si="48"/>
        <v>-11.65310331317651</v>
      </c>
      <c r="O364">
        <f t="shared" si="49"/>
        <v>2.2096547806863178</v>
      </c>
      <c r="Q364">
        <v>1144.0237999999999</v>
      </c>
      <c r="R364">
        <v>518.31619999999998</v>
      </c>
      <c r="S364">
        <v>0.87434100000000003</v>
      </c>
      <c r="T364">
        <v>1264.297</v>
      </c>
      <c r="U364">
        <v>439.31963999999999</v>
      </c>
      <c r="V364">
        <v>0.84745526000000004</v>
      </c>
      <c r="W364">
        <v>1271.1079999999999</v>
      </c>
      <c r="X364">
        <v>584.61847</v>
      </c>
      <c r="Y364">
        <v>0.88202139999999996</v>
      </c>
      <c r="Z364">
        <f t="shared" si="50"/>
        <v>1226.4762666666666</v>
      </c>
      <c r="AA364">
        <f t="shared" si="51"/>
        <v>514.08476999999993</v>
      </c>
      <c r="AB364">
        <f t="shared" si="52"/>
        <v>12.390543524037863</v>
      </c>
      <c r="AC364">
        <f t="shared" si="53"/>
        <v>2.3628571974148658</v>
      </c>
    </row>
    <row r="365" spans="1:29" x14ac:dyDescent="0.4">
      <c r="A365">
        <v>362</v>
      </c>
      <c r="B365">
        <f t="shared" si="45"/>
        <v>12.066666666666666</v>
      </c>
      <c r="C365">
        <v>554.03980000000001</v>
      </c>
      <c r="D365">
        <v>516.26526000000001</v>
      </c>
      <c r="E365">
        <v>0.97019060000000001</v>
      </c>
      <c r="F365">
        <v>685.07619999999997</v>
      </c>
      <c r="G365">
        <v>453.98930000000001</v>
      </c>
      <c r="H365">
        <v>0.96243909999999999</v>
      </c>
      <c r="I365">
        <v>672.20860000000005</v>
      </c>
      <c r="J365">
        <v>598.00210000000004</v>
      </c>
      <c r="K365">
        <v>0.88787704999999995</v>
      </c>
      <c r="L365">
        <f t="shared" si="46"/>
        <v>637.10820000000001</v>
      </c>
      <c r="M365">
        <f t="shared" si="47"/>
        <v>522.75221999999997</v>
      </c>
      <c r="N365">
        <f t="shared" si="48"/>
        <v>-11.637698255692001</v>
      </c>
      <c r="O365">
        <f t="shared" si="49"/>
        <v>2.2103431465315739</v>
      </c>
      <c r="Q365">
        <v>1143.8195000000001</v>
      </c>
      <c r="R365">
        <v>518.28459999999995</v>
      </c>
      <c r="S365">
        <v>0.88879912999999999</v>
      </c>
      <c r="T365">
        <v>1264.0916999999999</v>
      </c>
      <c r="U365">
        <v>439.30045000000001</v>
      </c>
      <c r="V365">
        <v>0.8576511</v>
      </c>
      <c r="W365">
        <v>1270.7723000000001</v>
      </c>
      <c r="X365">
        <v>584.53359999999998</v>
      </c>
      <c r="Y365">
        <v>0.89062244000000002</v>
      </c>
      <c r="Z365">
        <f t="shared" si="50"/>
        <v>1226.2278333333334</v>
      </c>
      <c r="AA365">
        <f t="shared" si="51"/>
        <v>514.03954999999996</v>
      </c>
      <c r="AB365">
        <f t="shared" si="52"/>
        <v>12.380341742793631</v>
      </c>
      <c r="AC365">
        <f t="shared" si="53"/>
        <v>2.3647899339370593</v>
      </c>
    </row>
    <row r="366" spans="1:29" x14ac:dyDescent="0.4">
      <c r="A366">
        <v>363</v>
      </c>
      <c r="B366">
        <f t="shared" si="45"/>
        <v>12.1</v>
      </c>
      <c r="C366">
        <v>554.38239999999996</v>
      </c>
      <c r="D366">
        <v>516.13379999999995</v>
      </c>
      <c r="E366">
        <v>0.97935349999999999</v>
      </c>
      <c r="F366">
        <v>685.51020000000005</v>
      </c>
      <c r="G366">
        <v>453.98343</v>
      </c>
      <c r="H366">
        <v>0.94511160000000005</v>
      </c>
      <c r="I366">
        <v>672.5204</v>
      </c>
      <c r="J366">
        <v>597.92804000000001</v>
      </c>
      <c r="K366">
        <v>0.9147383</v>
      </c>
      <c r="L366">
        <f t="shared" si="46"/>
        <v>637.471</v>
      </c>
      <c r="M366">
        <f t="shared" si="47"/>
        <v>522.68175666666673</v>
      </c>
      <c r="N366">
        <f t="shared" si="48"/>
        <v>-11.623016108671029</v>
      </c>
      <c r="O366">
        <f t="shared" si="49"/>
        <v>2.2130987163910167</v>
      </c>
      <c r="Q366">
        <v>1143.4583</v>
      </c>
      <c r="R366">
        <v>518.20939999999996</v>
      </c>
      <c r="S366">
        <v>0.90497875000000005</v>
      </c>
      <c r="T366">
        <v>1263.6238000000001</v>
      </c>
      <c r="U366">
        <v>439.43297999999999</v>
      </c>
      <c r="V366">
        <v>0.85693330000000001</v>
      </c>
      <c r="W366">
        <v>1270.5102999999999</v>
      </c>
      <c r="X366">
        <v>584.55413999999996</v>
      </c>
      <c r="Y366">
        <v>0.89463559999999998</v>
      </c>
      <c r="Z366">
        <f t="shared" si="50"/>
        <v>1225.8641333333333</v>
      </c>
      <c r="AA366">
        <f t="shared" si="51"/>
        <v>514.06550666666669</v>
      </c>
      <c r="AB366">
        <f t="shared" si="52"/>
        <v>12.365376866990969</v>
      </c>
      <c r="AC366">
        <f t="shared" si="53"/>
        <v>2.3638574480753234</v>
      </c>
    </row>
    <row r="367" spans="1:29" x14ac:dyDescent="0.4">
      <c r="A367">
        <v>364</v>
      </c>
      <c r="B367">
        <f t="shared" si="45"/>
        <v>12.133333333333333</v>
      </c>
      <c r="C367">
        <v>554.8913</v>
      </c>
      <c r="D367">
        <v>516.01244999999994</v>
      </c>
      <c r="E367">
        <v>0.97466903999999999</v>
      </c>
      <c r="F367">
        <v>685.82979999999998</v>
      </c>
      <c r="G367">
        <v>453.86779999999999</v>
      </c>
      <c r="H367">
        <v>0.94270109999999996</v>
      </c>
      <c r="I367">
        <v>672.82740000000001</v>
      </c>
      <c r="J367">
        <v>597.88073999999995</v>
      </c>
      <c r="K367">
        <v>0.93002560000000001</v>
      </c>
      <c r="L367">
        <f t="shared" si="46"/>
        <v>637.84949999999992</v>
      </c>
      <c r="M367">
        <f t="shared" si="47"/>
        <v>522.58699666666655</v>
      </c>
      <c r="N367">
        <f t="shared" si="48"/>
        <v>-11.607691547298488</v>
      </c>
      <c r="O367">
        <f t="shared" si="49"/>
        <v>2.2168409430518716</v>
      </c>
      <c r="Q367">
        <v>1143.1349</v>
      </c>
      <c r="R367">
        <v>518.15729999999996</v>
      </c>
      <c r="S367">
        <v>0.90158839999999996</v>
      </c>
      <c r="T367">
        <v>1263.3699999999999</v>
      </c>
      <c r="U367">
        <v>439.33974999999998</v>
      </c>
      <c r="V367">
        <v>0.85594490000000001</v>
      </c>
      <c r="W367">
        <v>1270.1943000000001</v>
      </c>
      <c r="X367">
        <v>584.49805000000003</v>
      </c>
      <c r="Y367">
        <v>0.89403856000000004</v>
      </c>
      <c r="Z367">
        <f t="shared" si="50"/>
        <v>1225.5663999999999</v>
      </c>
      <c r="AA367">
        <f t="shared" si="51"/>
        <v>513.9983666666667</v>
      </c>
      <c r="AB367">
        <f t="shared" si="52"/>
        <v>12.353155034366351</v>
      </c>
      <c r="AC367">
        <f t="shared" si="53"/>
        <v>2.3667022013233856</v>
      </c>
    </row>
    <row r="368" spans="1:29" x14ac:dyDescent="0.4">
      <c r="A368">
        <v>365</v>
      </c>
      <c r="B368">
        <f t="shared" si="45"/>
        <v>12.166666666666666</v>
      </c>
      <c r="C368">
        <v>555.18960000000004</v>
      </c>
      <c r="D368">
        <v>515.9529</v>
      </c>
      <c r="E368">
        <v>0.97327859999999999</v>
      </c>
      <c r="F368">
        <v>686.15905999999995</v>
      </c>
      <c r="G368">
        <v>453.87813999999997</v>
      </c>
      <c r="H368">
        <v>0.93486570000000002</v>
      </c>
      <c r="I368">
        <v>673.24149999999997</v>
      </c>
      <c r="J368">
        <v>597.92340000000002</v>
      </c>
      <c r="K368">
        <v>0.93835360000000001</v>
      </c>
      <c r="L368">
        <f t="shared" si="46"/>
        <v>638.19672000000003</v>
      </c>
      <c r="M368">
        <f t="shared" si="47"/>
        <v>522.58481333333339</v>
      </c>
      <c r="N368">
        <f t="shared" si="48"/>
        <v>-11.593660727119818</v>
      </c>
      <c r="O368">
        <f t="shared" si="49"/>
        <v>2.2168141972360131</v>
      </c>
      <c r="Q368">
        <v>1142.7221999999999</v>
      </c>
      <c r="R368">
        <v>518.2038</v>
      </c>
      <c r="S368">
        <v>0.89492039999999995</v>
      </c>
      <c r="T368">
        <v>1263.0182</v>
      </c>
      <c r="U368">
        <v>439.34357</v>
      </c>
      <c r="V368">
        <v>0.88005480000000003</v>
      </c>
      <c r="W368">
        <v>1269.9143999999999</v>
      </c>
      <c r="X368">
        <v>584.61255000000006</v>
      </c>
      <c r="Y368">
        <v>0.90346139999999997</v>
      </c>
      <c r="Z368">
        <f t="shared" si="50"/>
        <v>1225.2182666666665</v>
      </c>
      <c r="AA368">
        <f t="shared" si="51"/>
        <v>514.05330666666669</v>
      </c>
      <c r="AB368">
        <f t="shared" si="52"/>
        <v>12.338821191971556</v>
      </c>
      <c r="AC368">
        <f t="shared" si="53"/>
        <v>2.3645811435668</v>
      </c>
    </row>
    <row r="369" spans="1:29" x14ac:dyDescent="0.4">
      <c r="A369">
        <v>366</v>
      </c>
      <c r="B369">
        <f t="shared" si="45"/>
        <v>12.2</v>
      </c>
      <c r="C369">
        <v>555.50120000000004</v>
      </c>
      <c r="D369">
        <v>515.85657000000003</v>
      </c>
      <c r="E369">
        <v>0.96887714000000003</v>
      </c>
      <c r="F369">
        <v>686.42750000000001</v>
      </c>
      <c r="G369">
        <v>453.82413000000003</v>
      </c>
      <c r="H369">
        <v>0.92425793000000001</v>
      </c>
      <c r="I369">
        <v>673.67426</v>
      </c>
      <c r="J369">
        <v>597.95667000000003</v>
      </c>
      <c r="K369">
        <v>0.93687980000000004</v>
      </c>
      <c r="L369">
        <f t="shared" si="46"/>
        <v>638.53431999999998</v>
      </c>
      <c r="M369">
        <f t="shared" si="47"/>
        <v>522.54579000000001</v>
      </c>
      <c r="N369">
        <f t="shared" si="48"/>
        <v>-11.580006551829239</v>
      </c>
      <c r="O369">
        <f t="shared" si="49"/>
        <v>2.2182946370583525</v>
      </c>
      <c r="Q369">
        <v>1142.5391</v>
      </c>
      <c r="R369">
        <v>518.06055000000003</v>
      </c>
      <c r="S369">
        <v>0.90607110000000002</v>
      </c>
      <c r="T369">
        <v>1262.7462</v>
      </c>
      <c r="U369">
        <v>439.3569</v>
      </c>
      <c r="V369">
        <v>0.88051740000000001</v>
      </c>
      <c r="W369">
        <v>1269.7417</v>
      </c>
      <c r="X369">
        <v>584.54205000000002</v>
      </c>
      <c r="Y369">
        <v>0.90933626999999995</v>
      </c>
      <c r="Z369">
        <f t="shared" si="50"/>
        <v>1225.009</v>
      </c>
      <c r="AA369">
        <f t="shared" si="51"/>
        <v>513.98649999999998</v>
      </c>
      <c r="AB369">
        <f t="shared" si="52"/>
        <v>12.330237390742486</v>
      </c>
      <c r="AC369">
        <f t="shared" si="53"/>
        <v>2.3673813735244562</v>
      </c>
    </row>
    <row r="370" spans="1:29" x14ac:dyDescent="0.4">
      <c r="A370">
        <v>367</v>
      </c>
      <c r="B370">
        <f t="shared" si="45"/>
        <v>12.233333333333333</v>
      </c>
      <c r="C370">
        <v>555.82416000000001</v>
      </c>
      <c r="D370">
        <v>515.82460000000003</v>
      </c>
      <c r="E370">
        <v>0.9810238</v>
      </c>
      <c r="F370">
        <v>686.81586000000004</v>
      </c>
      <c r="G370">
        <v>453.77148</v>
      </c>
      <c r="H370">
        <v>0.90974014999999997</v>
      </c>
      <c r="I370">
        <v>674.09514999999999</v>
      </c>
      <c r="J370">
        <v>597.99383999999998</v>
      </c>
      <c r="K370">
        <v>0.94591974999999995</v>
      </c>
      <c r="L370">
        <f t="shared" si="46"/>
        <v>638.91172333333327</v>
      </c>
      <c r="M370">
        <f t="shared" si="47"/>
        <v>522.52997333333326</v>
      </c>
      <c r="N370">
        <f t="shared" si="48"/>
        <v>-11.564751377726461</v>
      </c>
      <c r="O370">
        <f t="shared" si="49"/>
        <v>2.218814386103142</v>
      </c>
      <c r="Q370">
        <v>1142.3050000000001</v>
      </c>
      <c r="R370">
        <v>518.06949999999995</v>
      </c>
      <c r="S370">
        <v>0.90620166000000002</v>
      </c>
      <c r="T370">
        <v>1262.452</v>
      </c>
      <c r="U370">
        <v>439.32898</v>
      </c>
      <c r="V370">
        <v>0.88041559999999996</v>
      </c>
      <c r="W370">
        <v>1269.5082</v>
      </c>
      <c r="X370">
        <v>584.42240000000004</v>
      </c>
      <c r="Y370">
        <v>0.91245940000000003</v>
      </c>
      <c r="Z370">
        <f t="shared" si="50"/>
        <v>1224.7550666666666</v>
      </c>
      <c r="AA370">
        <f t="shared" si="51"/>
        <v>513.94029333333333</v>
      </c>
      <c r="AB370">
        <f t="shared" si="52"/>
        <v>12.319810205001284</v>
      </c>
      <c r="AC370">
        <f t="shared" si="53"/>
        <v>2.3693562967229624</v>
      </c>
    </row>
    <row r="371" spans="1:29" x14ac:dyDescent="0.4">
      <c r="A371">
        <v>368</v>
      </c>
      <c r="B371">
        <f t="shared" si="45"/>
        <v>12.266666666666667</v>
      </c>
      <c r="C371">
        <v>556.23626999999999</v>
      </c>
      <c r="D371">
        <v>515.83989999999994</v>
      </c>
      <c r="E371">
        <v>0.97523360000000003</v>
      </c>
      <c r="F371">
        <v>687.20519999999999</v>
      </c>
      <c r="G371">
        <v>453.74700000000001</v>
      </c>
      <c r="H371">
        <v>0.89341950000000003</v>
      </c>
      <c r="I371">
        <v>674.43615999999997</v>
      </c>
      <c r="J371">
        <v>597.95325000000003</v>
      </c>
      <c r="K371">
        <v>0.95479566000000005</v>
      </c>
      <c r="L371">
        <f t="shared" si="46"/>
        <v>639.29254333333336</v>
      </c>
      <c r="M371">
        <f t="shared" si="47"/>
        <v>522.51338333333331</v>
      </c>
      <c r="N371">
        <f t="shared" si="48"/>
        <v>-11.549357717266838</v>
      </c>
      <c r="O371">
        <f t="shared" si="49"/>
        <v>2.2193645618655626</v>
      </c>
      <c r="Q371">
        <v>1142.0453</v>
      </c>
      <c r="R371">
        <v>518.18115</v>
      </c>
      <c r="S371">
        <v>0.92259060000000004</v>
      </c>
      <c r="T371">
        <v>1262.1842999999999</v>
      </c>
      <c r="U371">
        <v>439.23727000000002</v>
      </c>
      <c r="V371">
        <v>0.88452410000000004</v>
      </c>
      <c r="W371">
        <v>1269.1396</v>
      </c>
      <c r="X371">
        <v>584.29926</v>
      </c>
      <c r="Y371">
        <v>0.92175289999999999</v>
      </c>
      <c r="Z371">
        <f t="shared" si="50"/>
        <v>1224.4563999999998</v>
      </c>
      <c r="AA371">
        <f t="shared" si="51"/>
        <v>513.90589333333332</v>
      </c>
      <c r="AB371">
        <f t="shared" si="52"/>
        <v>12.307539784473388</v>
      </c>
      <c r="AC371">
        <f t="shared" si="53"/>
        <v>2.3708648883668637</v>
      </c>
    </row>
    <row r="372" spans="1:29" x14ac:dyDescent="0.4">
      <c r="A372">
        <v>369</v>
      </c>
      <c r="B372">
        <f t="shared" si="45"/>
        <v>12.3</v>
      </c>
      <c r="C372">
        <v>556.48584000000005</v>
      </c>
      <c r="D372">
        <v>515.84550000000002</v>
      </c>
      <c r="E372">
        <v>0.97800759999999998</v>
      </c>
      <c r="F372">
        <v>687.56650000000002</v>
      </c>
      <c r="G372">
        <v>453.73453000000001</v>
      </c>
      <c r="H372">
        <v>0.88078475000000001</v>
      </c>
      <c r="I372">
        <v>674.93280000000004</v>
      </c>
      <c r="J372">
        <v>597.91909999999996</v>
      </c>
      <c r="K372">
        <v>0.96439149999999996</v>
      </c>
      <c r="L372">
        <f t="shared" si="46"/>
        <v>639.66171333333341</v>
      </c>
      <c r="M372">
        <f t="shared" si="47"/>
        <v>522.49971000000005</v>
      </c>
      <c r="N372">
        <f t="shared" si="48"/>
        <v>-11.534435589369618</v>
      </c>
      <c r="O372">
        <f t="shared" si="49"/>
        <v>2.2197995505025743</v>
      </c>
      <c r="Q372">
        <v>1141.6389999999999</v>
      </c>
      <c r="R372">
        <v>518.24929999999995</v>
      </c>
      <c r="S372">
        <v>0.93840539999999995</v>
      </c>
      <c r="T372">
        <v>1261.7406000000001</v>
      </c>
      <c r="U372">
        <v>439.23590000000002</v>
      </c>
      <c r="V372">
        <v>0.89287335000000001</v>
      </c>
      <c r="W372">
        <v>1268.8058000000001</v>
      </c>
      <c r="X372">
        <v>584.22955000000002</v>
      </c>
      <c r="Y372">
        <v>0.92549247000000001</v>
      </c>
      <c r="Z372">
        <f t="shared" si="50"/>
        <v>1224.0618000000002</v>
      </c>
      <c r="AA372">
        <f t="shared" si="51"/>
        <v>513.90491666666674</v>
      </c>
      <c r="AB372">
        <f t="shared" si="52"/>
        <v>12.291313792778157</v>
      </c>
      <c r="AC372">
        <f t="shared" si="53"/>
        <v>2.3710426251497929</v>
      </c>
    </row>
    <row r="373" spans="1:29" x14ac:dyDescent="0.4">
      <c r="A373">
        <v>370</v>
      </c>
      <c r="B373">
        <f t="shared" si="45"/>
        <v>12.333333333333334</v>
      </c>
      <c r="C373">
        <v>556.78380000000004</v>
      </c>
      <c r="D373">
        <v>515.98929999999996</v>
      </c>
      <c r="E373">
        <v>0.97678229999999999</v>
      </c>
      <c r="F373">
        <v>687.90344000000005</v>
      </c>
      <c r="G373">
        <v>453.59057999999999</v>
      </c>
      <c r="H373">
        <v>0.87222699999999997</v>
      </c>
      <c r="I373">
        <v>675.37559999999996</v>
      </c>
      <c r="J373">
        <v>597.90674000000001</v>
      </c>
      <c r="K373">
        <v>0.96300269999999999</v>
      </c>
      <c r="L373">
        <f t="shared" si="46"/>
        <v>640.02094666666665</v>
      </c>
      <c r="M373">
        <f t="shared" si="47"/>
        <v>522.49554000000001</v>
      </c>
      <c r="N373">
        <f t="shared" si="48"/>
        <v>-11.519917907859712</v>
      </c>
      <c r="O373">
        <f t="shared" si="49"/>
        <v>2.2198498827033246</v>
      </c>
      <c r="Q373">
        <v>1141.1627000000001</v>
      </c>
      <c r="R373">
        <v>518.28049999999996</v>
      </c>
      <c r="S373">
        <v>0.95080655999999997</v>
      </c>
      <c r="T373">
        <v>1261.5554</v>
      </c>
      <c r="U373">
        <v>439.28284000000002</v>
      </c>
      <c r="V373">
        <v>0.89912740000000002</v>
      </c>
      <c r="W373">
        <v>1268.5376000000001</v>
      </c>
      <c r="X373">
        <v>584.13729999999998</v>
      </c>
      <c r="Y373">
        <v>0.92537873999999998</v>
      </c>
      <c r="Z373">
        <f t="shared" si="50"/>
        <v>1223.7519</v>
      </c>
      <c r="AA373">
        <f t="shared" si="51"/>
        <v>513.90021333333334</v>
      </c>
      <c r="AB373">
        <f t="shared" si="52"/>
        <v>12.278572082238451</v>
      </c>
      <c r="AC373">
        <f t="shared" si="53"/>
        <v>2.3713428916725636</v>
      </c>
    </row>
    <row r="374" spans="1:29" x14ac:dyDescent="0.4">
      <c r="A374">
        <v>371</v>
      </c>
      <c r="B374">
        <f t="shared" si="45"/>
        <v>12.366666666666667</v>
      </c>
      <c r="C374">
        <v>557.56679999999994</v>
      </c>
      <c r="D374">
        <v>515.86159999999995</v>
      </c>
      <c r="E374">
        <v>0.96065739999999999</v>
      </c>
      <c r="F374">
        <v>688.32339999999999</v>
      </c>
      <c r="G374">
        <v>453.56945999999999</v>
      </c>
      <c r="H374">
        <v>0.88504269999999996</v>
      </c>
      <c r="I374">
        <v>675.83150000000001</v>
      </c>
      <c r="J374">
        <v>597.73519999999996</v>
      </c>
      <c r="K374">
        <v>0.95910079999999998</v>
      </c>
      <c r="L374">
        <f t="shared" si="46"/>
        <v>640.57389999999998</v>
      </c>
      <c r="M374">
        <f t="shared" si="47"/>
        <v>522.38875333333328</v>
      </c>
      <c r="N374">
        <f t="shared" si="48"/>
        <v>-11.497538619518902</v>
      </c>
      <c r="O374">
        <f t="shared" si="49"/>
        <v>2.2240248262714912</v>
      </c>
      <c r="Q374">
        <v>1140.752</v>
      </c>
      <c r="R374">
        <v>518.2115</v>
      </c>
      <c r="S374">
        <v>0.95943177000000002</v>
      </c>
      <c r="T374">
        <v>1261.2304999999999</v>
      </c>
      <c r="U374">
        <v>439.26035000000002</v>
      </c>
      <c r="V374">
        <v>0.91566890000000001</v>
      </c>
      <c r="W374">
        <v>1268.2547999999999</v>
      </c>
      <c r="X374">
        <v>584.08636000000001</v>
      </c>
      <c r="Y374">
        <v>0.92935884000000002</v>
      </c>
      <c r="Z374">
        <f t="shared" si="50"/>
        <v>1223.4124333333332</v>
      </c>
      <c r="AA374">
        <f t="shared" si="51"/>
        <v>513.85273666666671</v>
      </c>
      <c r="AB374">
        <f t="shared" si="52"/>
        <v>12.264628572810363</v>
      </c>
      <c r="AC374">
        <f t="shared" si="53"/>
        <v>2.3733995295793391</v>
      </c>
    </row>
    <row r="375" spans="1:29" x14ac:dyDescent="0.4">
      <c r="A375">
        <v>372</v>
      </c>
      <c r="B375">
        <f t="shared" si="45"/>
        <v>12.4</v>
      </c>
      <c r="C375">
        <v>557.88873000000001</v>
      </c>
      <c r="D375">
        <v>515.91327000000001</v>
      </c>
      <c r="E375">
        <v>0.94872909999999999</v>
      </c>
      <c r="F375">
        <v>688.81269999999995</v>
      </c>
      <c r="G375">
        <v>453.54834</v>
      </c>
      <c r="H375">
        <v>0.90558254999999999</v>
      </c>
      <c r="I375">
        <v>676.11310000000003</v>
      </c>
      <c r="J375">
        <v>597.75287000000003</v>
      </c>
      <c r="K375">
        <v>0.97555530000000001</v>
      </c>
      <c r="L375">
        <f t="shared" si="46"/>
        <v>640.93817666666666</v>
      </c>
      <c r="M375">
        <f t="shared" si="47"/>
        <v>522.40482666666674</v>
      </c>
      <c r="N375">
        <f t="shared" si="48"/>
        <v>-11.482823290457196</v>
      </c>
      <c r="O375">
        <f t="shared" si="49"/>
        <v>2.2232470415212728</v>
      </c>
      <c r="Q375">
        <v>1140.3623</v>
      </c>
      <c r="R375">
        <v>518.37854000000004</v>
      </c>
      <c r="S375">
        <v>0.96454746000000002</v>
      </c>
      <c r="T375">
        <v>1260.7949000000001</v>
      </c>
      <c r="U375">
        <v>439.14672999999999</v>
      </c>
      <c r="V375">
        <v>0.92467540000000004</v>
      </c>
      <c r="W375">
        <v>1267.9319</v>
      </c>
      <c r="X375">
        <v>583.89300000000003</v>
      </c>
      <c r="Y375">
        <v>0.92523</v>
      </c>
      <c r="Z375">
        <f t="shared" si="50"/>
        <v>1223.0297</v>
      </c>
      <c r="AA375">
        <f t="shared" si="51"/>
        <v>513.80609000000004</v>
      </c>
      <c r="AB375">
        <f t="shared" si="52"/>
        <v>12.248905834040556</v>
      </c>
      <c r="AC375">
        <f t="shared" si="53"/>
        <v>2.3754373975952308</v>
      </c>
    </row>
    <row r="376" spans="1:29" x14ac:dyDescent="0.4">
      <c r="A376">
        <v>373</v>
      </c>
      <c r="B376">
        <f t="shared" si="45"/>
        <v>12.433333333333334</v>
      </c>
      <c r="C376">
        <v>558.25019999999995</v>
      </c>
      <c r="D376">
        <v>515.96465999999998</v>
      </c>
      <c r="E376">
        <v>0.94766116</v>
      </c>
      <c r="F376">
        <v>689.30524000000003</v>
      </c>
      <c r="G376">
        <v>453.5489</v>
      </c>
      <c r="H376">
        <v>0.91677344000000005</v>
      </c>
      <c r="I376">
        <v>676.42846999999995</v>
      </c>
      <c r="J376">
        <v>597.76940000000002</v>
      </c>
      <c r="K376">
        <v>0.97290564000000002</v>
      </c>
      <c r="L376">
        <f t="shared" si="46"/>
        <v>641.32796999999994</v>
      </c>
      <c r="M376">
        <f t="shared" si="47"/>
        <v>522.4276533333333</v>
      </c>
      <c r="N376">
        <f t="shared" si="48"/>
        <v>-11.467078832826779</v>
      </c>
      <c r="O376">
        <f t="shared" si="49"/>
        <v>2.2221850333508382</v>
      </c>
      <c r="Q376">
        <v>1140.0624</v>
      </c>
      <c r="R376">
        <v>518.35149999999999</v>
      </c>
      <c r="S376">
        <v>0.98749509999999996</v>
      </c>
      <c r="T376">
        <v>1260.5236</v>
      </c>
      <c r="U376">
        <v>439.07312000000002</v>
      </c>
      <c r="V376">
        <v>0.91774964000000003</v>
      </c>
      <c r="W376">
        <v>1267.5175999999999</v>
      </c>
      <c r="X376">
        <v>583.87305000000003</v>
      </c>
      <c r="Y376">
        <v>0.92379062999999995</v>
      </c>
      <c r="Z376">
        <f t="shared" si="50"/>
        <v>1222.7012000000002</v>
      </c>
      <c r="AA376">
        <f t="shared" si="51"/>
        <v>513.76589000000001</v>
      </c>
      <c r="AB376">
        <f t="shared" si="52"/>
        <v>12.235411203373689</v>
      </c>
      <c r="AC376">
        <f t="shared" si="53"/>
        <v>2.3771931564107316</v>
      </c>
    </row>
    <row r="377" spans="1:29" x14ac:dyDescent="0.4">
      <c r="A377">
        <v>374</v>
      </c>
      <c r="B377">
        <f t="shared" si="45"/>
        <v>12.466666666666667</v>
      </c>
      <c r="C377">
        <v>558.70780000000002</v>
      </c>
      <c r="D377">
        <v>515.99969999999996</v>
      </c>
      <c r="E377">
        <v>0.93368779999999996</v>
      </c>
      <c r="F377">
        <v>689.71960000000001</v>
      </c>
      <c r="G377">
        <v>453.51479999999998</v>
      </c>
      <c r="H377">
        <v>0.92640789999999995</v>
      </c>
      <c r="I377">
        <v>676.94146999999998</v>
      </c>
      <c r="J377">
        <v>597.80619999999999</v>
      </c>
      <c r="K377">
        <v>0.96571430000000003</v>
      </c>
      <c r="L377">
        <f t="shared" si="46"/>
        <v>641.78962333333334</v>
      </c>
      <c r="M377">
        <f t="shared" si="47"/>
        <v>522.44023333333337</v>
      </c>
      <c r="N377">
        <f t="shared" si="48"/>
        <v>-11.448426899659832</v>
      </c>
      <c r="O377">
        <f t="shared" si="49"/>
        <v>2.2215173470543279</v>
      </c>
      <c r="Q377">
        <v>1139.7262000000001</v>
      </c>
      <c r="R377">
        <v>518.40380000000005</v>
      </c>
      <c r="S377">
        <v>0.98544480000000001</v>
      </c>
      <c r="T377">
        <v>1260.2013999999999</v>
      </c>
      <c r="U377">
        <v>439.03705000000002</v>
      </c>
      <c r="V377">
        <v>0.90653163000000003</v>
      </c>
      <c r="W377">
        <v>1267.1583000000001</v>
      </c>
      <c r="X377">
        <v>583.83545000000004</v>
      </c>
      <c r="Y377">
        <v>0.92834439999999996</v>
      </c>
      <c r="Z377">
        <f t="shared" si="50"/>
        <v>1222.3619666666666</v>
      </c>
      <c r="AA377">
        <f t="shared" si="51"/>
        <v>513.7587666666667</v>
      </c>
      <c r="AB377">
        <f t="shared" si="52"/>
        <v>12.221464644734105</v>
      </c>
      <c r="AC377">
        <f t="shared" si="53"/>
        <v>2.3776024449964237</v>
      </c>
    </row>
    <row r="378" spans="1:29" x14ac:dyDescent="0.4">
      <c r="A378">
        <v>375</v>
      </c>
      <c r="B378">
        <f t="shared" si="45"/>
        <v>12.5</v>
      </c>
      <c r="C378">
        <v>559.40967000000001</v>
      </c>
      <c r="D378">
        <v>515.75469999999996</v>
      </c>
      <c r="E378">
        <v>0.93376475999999997</v>
      </c>
      <c r="F378">
        <v>690.10659999999996</v>
      </c>
      <c r="G378">
        <v>453.51100000000002</v>
      </c>
      <c r="H378">
        <v>0.92553794</v>
      </c>
      <c r="I378">
        <v>677.31389999999999</v>
      </c>
      <c r="J378">
        <v>597.79645000000005</v>
      </c>
      <c r="K378">
        <v>0.95566136000000002</v>
      </c>
      <c r="L378">
        <f t="shared" si="46"/>
        <v>642.27672333333339</v>
      </c>
      <c r="M378">
        <f t="shared" si="47"/>
        <v>522.35405000000003</v>
      </c>
      <c r="N378">
        <f t="shared" si="48"/>
        <v>-11.428714370431628</v>
      </c>
      <c r="O378">
        <f t="shared" si="49"/>
        <v>2.2248731262345025</v>
      </c>
      <c r="Q378">
        <v>1139.2219</v>
      </c>
      <c r="R378">
        <v>518.44129999999996</v>
      </c>
      <c r="S378">
        <v>0.97992146000000002</v>
      </c>
      <c r="T378">
        <v>1259.9476</v>
      </c>
      <c r="U378">
        <v>438.99020000000002</v>
      </c>
      <c r="V378">
        <v>0.9030939</v>
      </c>
      <c r="W378">
        <v>1266.9357</v>
      </c>
      <c r="X378">
        <v>583.87536999999998</v>
      </c>
      <c r="Y378">
        <v>0.93055975000000002</v>
      </c>
      <c r="Z378">
        <f t="shared" si="50"/>
        <v>1222.0350666666666</v>
      </c>
      <c r="AA378">
        <f t="shared" si="51"/>
        <v>513.76895666666667</v>
      </c>
      <c r="AB378">
        <f t="shared" si="52"/>
        <v>12.208019739478869</v>
      </c>
      <c r="AC378">
        <f t="shared" si="53"/>
        <v>2.3773006777441199</v>
      </c>
    </row>
    <row r="379" spans="1:29" x14ac:dyDescent="0.4">
      <c r="A379">
        <v>376</v>
      </c>
      <c r="B379">
        <f t="shared" si="45"/>
        <v>12.533333333333333</v>
      </c>
      <c r="C379">
        <v>559.67474000000004</v>
      </c>
      <c r="D379">
        <v>515.68053999999995</v>
      </c>
      <c r="E379">
        <v>0.93967250000000002</v>
      </c>
      <c r="F379">
        <v>690.47680000000003</v>
      </c>
      <c r="G379">
        <v>453.44279999999998</v>
      </c>
      <c r="H379">
        <v>0.93402856999999995</v>
      </c>
      <c r="I379">
        <v>677.60455000000002</v>
      </c>
      <c r="J379">
        <v>597.88130000000001</v>
      </c>
      <c r="K379">
        <v>0.95475699999999997</v>
      </c>
      <c r="L379">
        <f t="shared" si="46"/>
        <v>642.58536333333336</v>
      </c>
      <c r="M379">
        <f t="shared" si="47"/>
        <v>522.33488</v>
      </c>
      <c r="N379">
        <f t="shared" si="48"/>
        <v>-11.416235294190487</v>
      </c>
      <c r="O379">
        <f t="shared" si="49"/>
        <v>2.2255526916077089</v>
      </c>
      <c r="Q379">
        <v>1138.7246</v>
      </c>
      <c r="R379">
        <v>518.39509999999996</v>
      </c>
      <c r="S379">
        <v>0.97312295000000004</v>
      </c>
      <c r="T379">
        <v>1259.5835999999999</v>
      </c>
      <c r="U379">
        <v>438.92403999999999</v>
      </c>
      <c r="V379">
        <v>0.88680046999999995</v>
      </c>
      <c r="W379">
        <v>1266.7264</v>
      </c>
      <c r="X379">
        <v>583.79319999999996</v>
      </c>
      <c r="Y379">
        <v>0.92572754999999995</v>
      </c>
      <c r="Z379">
        <f t="shared" si="50"/>
        <v>1221.6782000000001</v>
      </c>
      <c r="AA379">
        <f t="shared" si="51"/>
        <v>513.70411333333334</v>
      </c>
      <c r="AB379">
        <f t="shared" si="52"/>
        <v>12.193367119155724</v>
      </c>
      <c r="AC379">
        <f t="shared" si="53"/>
        <v>2.380072296681178</v>
      </c>
    </row>
    <row r="380" spans="1:29" x14ac:dyDescent="0.4">
      <c r="A380">
        <v>377</v>
      </c>
      <c r="B380">
        <f t="shared" si="45"/>
        <v>12.566666666666666</v>
      </c>
      <c r="C380">
        <v>559.98473999999999</v>
      </c>
      <c r="D380">
        <v>515.58270000000005</v>
      </c>
      <c r="E380">
        <v>0.95153253999999998</v>
      </c>
      <c r="F380">
        <v>690.83190000000002</v>
      </c>
      <c r="G380">
        <v>453.46643</v>
      </c>
      <c r="H380">
        <v>0.94477040000000001</v>
      </c>
      <c r="I380">
        <v>678.10109999999997</v>
      </c>
      <c r="J380">
        <v>597.84690000000001</v>
      </c>
      <c r="K380">
        <v>0.95245820000000003</v>
      </c>
      <c r="L380">
        <f t="shared" si="46"/>
        <v>642.97257999999999</v>
      </c>
      <c r="M380">
        <f t="shared" si="47"/>
        <v>522.29867666666667</v>
      </c>
      <c r="N380">
        <f t="shared" si="48"/>
        <v>-11.400575070050463</v>
      </c>
      <c r="O380">
        <f t="shared" si="49"/>
        <v>2.2269013972830995</v>
      </c>
      <c r="Q380">
        <v>1138.4567999999999</v>
      </c>
      <c r="R380">
        <v>518.34454000000005</v>
      </c>
      <c r="S380">
        <v>0.96038999999999997</v>
      </c>
      <c r="T380">
        <v>1259.2556999999999</v>
      </c>
      <c r="U380">
        <v>438.95236</v>
      </c>
      <c r="V380">
        <v>0.89393009999999995</v>
      </c>
      <c r="W380">
        <v>1266.5565999999999</v>
      </c>
      <c r="X380">
        <v>583.83119999999997</v>
      </c>
      <c r="Y380">
        <v>0.92607510000000004</v>
      </c>
      <c r="Z380">
        <f t="shared" si="50"/>
        <v>1221.4230333333333</v>
      </c>
      <c r="AA380">
        <f t="shared" si="51"/>
        <v>513.7093666666666</v>
      </c>
      <c r="AB380">
        <f t="shared" si="52"/>
        <v>12.182873574557462</v>
      </c>
      <c r="AC380">
        <f t="shared" si="53"/>
        <v>2.3799469851049135</v>
      </c>
    </row>
    <row r="381" spans="1:29" x14ac:dyDescent="0.4">
      <c r="A381">
        <v>378</v>
      </c>
      <c r="B381">
        <f t="shared" si="45"/>
        <v>12.6</v>
      </c>
      <c r="C381">
        <v>560.25494000000003</v>
      </c>
      <c r="D381">
        <v>515.4683</v>
      </c>
      <c r="E381">
        <v>0.94712335000000003</v>
      </c>
      <c r="F381">
        <v>691.30070000000001</v>
      </c>
      <c r="G381">
        <v>453.50112999999999</v>
      </c>
      <c r="H381">
        <v>0.94889319999999999</v>
      </c>
      <c r="I381">
        <v>678.50670000000002</v>
      </c>
      <c r="J381">
        <v>597.58540000000005</v>
      </c>
      <c r="K381">
        <v>0.94610316000000005</v>
      </c>
      <c r="L381">
        <f t="shared" si="46"/>
        <v>643.35411333333332</v>
      </c>
      <c r="M381">
        <f t="shared" si="47"/>
        <v>522.18494333333331</v>
      </c>
      <c r="N381">
        <f t="shared" si="48"/>
        <v>-11.385119239985123</v>
      </c>
      <c r="O381">
        <f t="shared" si="49"/>
        <v>2.2314171156738807</v>
      </c>
      <c r="Q381">
        <v>1138.1306999999999</v>
      </c>
      <c r="R381">
        <v>518.34289999999999</v>
      </c>
      <c r="S381">
        <v>0.95337620000000001</v>
      </c>
      <c r="T381">
        <v>1258.9121</v>
      </c>
      <c r="U381">
        <v>438.93290000000002</v>
      </c>
      <c r="V381">
        <v>0.89579929999999997</v>
      </c>
      <c r="W381">
        <v>1266.4047</v>
      </c>
      <c r="X381">
        <v>583.73429999999996</v>
      </c>
      <c r="Y381">
        <v>0.91442716000000002</v>
      </c>
      <c r="Z381">
        <f t="shared" si="50"/>
        <v>1221.1491666666668</v>
      </c>
      <c r="AA381">
        <f t="shared" si="51"/>
        <v>513.67003333333332</v>
      </c>
      <c r="AB381">
        <f t="shared" si="52"/>
        <v>12.171625669129368</v>
      </c>
      <c r="AC381">
        <f t="shared" si="53"/>
        <v>2.3816482665127503</v>
      </c>
    </row>
    <row r="382" spans="1:29" x14ac:dyDescent="0.4">
      <c r="A382">
        <v>379</v>
      </c>
      <c r="B382">
        <f t="shared" si="45"/>
        <v>12.633333333333333</v>
      </c>
      <c r="C382">
        <v>560.50570000000005</v>
      </c>
      <c r="D382">
        <v>515.33699999999999</v>
      </c>
      <c r="E382">
        <v>0.94846430000000004</v>
      </c>
      <c r="F382">
        <v>691.55840000000001</v>
      </c>
      <c r="G382">
        <v>453.34575999999998</v>
      </c>
      <c r="H382">
        <v>0.94552219999999998</v>
      </c>
      <c r="I382">
        <v>678.99839999999995</v>
      </c>
      <c r="J382">
        <v>597.55255</v>
      </c>
      <c r="K382">
        <v>0.93274520000000005</v>
      </c>
      <c r="L382">
        <f t="shared" si="46"/>
        <v>643.6875</v>
      </c>
      <c r="M382">
        <f t="shared" si="47"/>
        <v>522.07843666666668</v>
      </c>
      <c r="N382">
        <f t="shared" si="48"/>
        <v>-11.371611367646693</v>
      </c>
      <c r="O382">
        <f t="shared" si="49"/>
        <v>2.235653875927079</v>
      </c>
      <c r="Q382">
        <v>1137.9792</v>
      </c>
      <c r="R382">
        <v>518.36400000000003</v>
      </c>
      <c r="S382">
        <v>0.95619100000000001</v>
      </c>
      <c r="T382">
        <v>1258.5437999999999</v>
      </c>
      <c r="U382">
        <v>438.81563999999997</v>
      </c>
      <c r="V382">
        <v>0.90268254000000003</v>
      </c>
      <c r="W382">
        <v>1265.8263999999999</v>
      </c>
      <c r="X382">
        <v>583.8134</v>
      </c>
      <c r="Y382">
        <v>0.90477644999999995</v>
      </c>
      <c r="Z382">
        <f t="shared" si="50"/>
        <v>1220.7831333333334</v>
      </c>
      <c r="AA382">
        <f t="shared" si="51"/>
        <v>513.66434666666669</v>
      </c>
      <c r="AB382">
        <f t="shared" si="52"/>
        <v>12.15657735888642</v>
      </c>
      <c r="AC382">
        <f t="shared" si="53"/>
        <v>2.382008256017198</v>
      </c>
    </row>
    <row r="383" spans="1:29" x14ac:dyDescent="0.4">
      <c r="A383">
        <v>380</v>
      </c>
      <c r="B383">
        <f t="shared" si="45"/>
        <v>12.666666666666666</v>
      </c>
      <c r="C383">
        <v>561.11199999999997</v>
      </c>
      <c r="D383">
        <v>515.3528</v>
      </c>
      <c r="E383">
        <v>0.95024169999999997</v>
      </c>
      <c r="F383">
        <v>691.98955999999998</v>
      </c>
      <c r="G383">
        <v>453.25916000000001</v>
      </c>
      <c r="H383">
        <v>0.94935170000000002</v>
      </c>
      <c r="I383">
        <v>679.43010000000004</v>
      </c>
      <c r="J383">
        <v>597.505</v>
      </c>
      <c r="K383">
        <v>0.93324470000000004</v>
      </c>
      <c r="L383">
        <f t="shared" si="46"/>
        <v>644.17722000000003</v>
      </c>
      <c r="M383">
        <f t="shared" si="47"/>
        <v>522.03898666666657</v>
      </c>
      <c r="N383">
        <f t="shared" si="48"/>
        <v>-11.351806959703307</v>
      </c>
      <c r="O383">
        <f t="shared" si="49"/>
        <v>2.2371008836739663</v>
      </c>
      <c r="Q383">
        <v>1137.6482000000001</v>
      </c>
      <c r="R383">
        <v>518.39189999999996</v>
      </c>
      <c r="S383">
        <v>0.95231615999999997</v>
      </c>
      <c r="T383">
        <v>1258.1857</v>
      </c>
      <c r="U383">
        <v>438.83713</v>
      </c>
      <c r="V383">
        <v>0.91045176999999999</v>
      </c>
      <c r="W383">
        <v>1265.3164999999999</v>
      </c>
      <c r="X383">
        <v>583.8098</v>
      </c>
      <c r="Y383">
        <v>0.90429210000000004</v>
      </c>
      <c r="Z383">
        <f t="shared" si="50"/>
        <v>1220.3834666666667</v>
      </c>
      <c r="AA383">
        <f t="shared" si="51"/>
        <v>513.67961000000003</v>
      </c>
      <c r="AB383">
        <f t="shared" si="52"/>
        <v>12.140139547101908</v>
      </c>
      <c r="AC383">
        <f t="shared" si="53"/>
        <v>2.3815247943026701</v>
      </c>
    </row>
    <row r="384" spans="1:29" x14ac:dyDescent="0.4">
      <c r="A384">
        <v>381</v>
      </c>
      <c r="B384">
        <f t="shared" si="45"/>
        <v>12.7</v>
      </c>
      <c r="C384">
        <v>561.40970000000004</v>
      </c>
      <c r="D384">
        <v>515.29944</v>
      </c>
      <c r="E384">
        <v>0.94937015000000002</v>
      </c>
      <c r="F384">
        <v>692.38469999999995</v>
      </c>
      <c r="G384">
        <v>453.15206999999998</v>
      </c>
      <c r="H384">
        <v>0.94321010000000005</v>
      </c>
      <c r="I384">
        <v>679.82159999999999</v>
      </c>
      <c r="J384">
        <v>597.45249999999999</v>
      </c>
      <c r="K384">
        <v>0.92218226000000003</v>
      </c>
      <c r="L384">
        <f t="shared" si="46"/>
        <v>644.5386666666667</v>
      </c>
      <c r="M384">
        <f t="shared" si="47"/>
        <v>521.96800333333329</v>
      </c>
      <c r="N384">
        <f t="shared" si="48"/>
        <v>-11.337176214388881</v>
      </c>
      <c r="O384">
        <f t="shared" si="49"/>
        <v>2.2398780440054145</v>
      </c>
      <c r="Q384">
        <v>1137.2963999999999</v>
      </c>
      <c r="R384">
        <v>518.4289</v>
      </c>
      <c r="S384">
        <v>0.92912399999999995</v>
      </c>
      <c r="T384">
        <v>1258.0071</v>
      </c>
      <c r="U384">
        <v>438.72692999999998</v>
      </c>
      <c r="V384">
        <v>0.91358702999999997</v>
      </c>
      <c r="W384">
        <v>1265.1119000000001</v>
      </c>
      <c r="X384">
        <v>583.70180000000005</v>
      </c>
      <c r="Y384">
        <v>0.90185386000000001</v>
      </c>
      <c r="Z384">
        <f t="shared" si="50"/>
        <v>1220.1384666666665</v>
      </c>
      <c r="AA384">
        <f t="shared" si="51"/>
        <v>513.61920999999995</v>
      </c>
      <c r="AB384">
        <f t="shared" si="52"/>
        <v>12.130085694012728</v>
      </c>
      <c r="AC384">
        <f t="shared" si="53"/>
        <v>2.3840759424373772</v>
      </c>
    </row>
    <row r="385" spans="1:29" x14ac:dyDescent="0.4">
      <c r="A385">
        <v>382</v>
      </c>
      <c r="B385">
        <f t="shared" si="45"/>
        <v>12.733333333333333</v>
      </c>
      <c r="C385">
        <v>562.09105999999997</v>
      </c>
      <c r="D385">
        <v>515.27059999999994</v>
      </c>
      <c r="E385">
        <v>0.9741824</v>
      </c>
      <c r="F385">
        <v>692.90089999999998</v>
      </c>
      <c r="G385">
        <v>453.23842999999999</v>
      </c>
      <c r="H385">
        <v>0.93794010000000005</v>
      </c>
      <c r="I385">
        <v>680.22064</v>
      </c>
      <c r="J385">
        <v>597.21857</v>
      </c>
      <c r="K385">
        <v>0.90512543999999995</v>
      </c>
      <c r="L385">
        <f t="shared" si="46"/>
        <v>645.07086666666657</v>
      </c>
      <c r="M385">
        <f t="shared" si="47"/>
        <v>521.90919999999994</v>
      </c>
      <c r="N385">
        <f t="shared" si="48"/>
        <v>-11.315648179114403</v>
      </c>
      <c r="O385">
        <f t="shared" si="49"/>
        <v>2.2421009403960315</v>
      </c>
      <c r="Q385">
        <v>1137.0725</v>
      </c>
      <c r="R385">
        <v>518.40129999999999</v>
      </c>
      <c r="S385">
        <v>0.92673605999999997</v>
      </c>
      <c r="T385">
        <v>1257.5588</v>
      </c>
      <c r="U385">
        <v>438.50885</v>
      </c>
      <c r="V385">
        <v>0.90856146999999998</v>
      </c>
      <c r="W385">
        <v>1264.9061999999999</v>
      </c>
      <c r="X385">
        <v>583.67740000000003</v>
      </c>
      <c r="Y385">
        <v>0.89572870000000004</v>
      </c>
      <c r="Z385">
        <f t="shared" si="50"/>
        <v>1219.8458333333333</v>
      </c>
      <c r="AA385">
        <f t="shared" si="51"/>
        <v>513.52918333333332</v>
      </c>
      <c r="AB385">
        <f t="shared" si="52"/>
        <v>12.118083044968387</v>
      </c>
      <c r="AC385">
        <f t="shared" si="53"/>
        <v>2.387853106220895</v>
      </c>
    </row>
    <row r="386" spans="1:29" x14ac:dyDescent="0.4">
      <c r="A386">
        <v>383</v>
      </c>
      <c r="B386">
        <f t="shared" si="45"/>
        <v>12.766666666666667</v>
      </c>
      <c r="C386">
        <v>562.39189999999996</v>
      </c>
      <c r="D386">
        <v>515.19100000000003</v>
      </c>
      <c r="E386">
        <v>0.97522379999999997</v>
      </c>
      <c r="F386">
        <v>693.26404000000002</v>
      </c>
      <c r="G386">
        <v>453.18191999999999</v>
      </c>
      <c r="H386">
        <v>0.93326909999999996</v>
      </c>
      <c r="I386">
        <v>680.44759999999997</v>
      </c>
      <c r="J386">
        <v>597.07056</v>
      </c>
      <c r="K386">
        <v>0.90610120000000005</v>
      </c>
      <c r="L386">
        <f t="shared" si="46"/>
        <v>645.36784666666665</v>
      </c>
      <c r="M386">
        <f t="shared" si="47"/>
        <v>521.8144933333333</v>
      </c>
      <c r="N386">
        <f t="shared" si="48"/>
        <v>-11.303614840288345</v>
      </c>
      <c r="O386">
        <f t="shared" si="49"/>
        <v>2.245868103663772</v>
      </c>
      <c r="Q386">
        <v>1136.5608999999999</v>
      </c>
      <c r="R386">
        <v>518.2568</v>
      </c>
      <c r="S386">
        <v>0.92479219999999995</v>
      </c>
      <c r="T386">
        <v>1257.3287</v>
      </c>
      <c r="U386">
        <v>438.53683000000001</v>
      </c>
      <c r="V386">
        <v>0.89984136999999997</v>
      </c>
      <c r="W386">
        <v>1264.5734</v>
      </c>
      <c r="X386">
        <v>583.70623999999998</v>
      </c>
      <c r="Y386">
        <v>0.88984640000000004</v>
      </c>
      <c r="Z386">
        <f t="shared" si="50"/>
        <v>1219.4876666666667</v>
      </c>
      <c r="AA386">
        <f t="shared" si="51"/>
        <v>513.49995666666666</v>
      </c>
      <c r="AB386">
        <f t="shared" si="52"/>
        <v>12.103366383643429</v>
      </c>
      <c r="AC386">
        <f t="shared" si="53"/>
        <v>2.389171254580587</v>
      </c>
    </row>
    <row r="387" spans="1:29" x14ac:dyDescent="0.4">
      <c r="A387">
        <v>384</v>
      </c>
      <c r="B387">
        <f t="shared" si="45"/>
        <v>12.8</v>
      </c>
      <c r="C387">
        <v>562.61992999999995</v>
      </c>
      <c r="D387">
        <v>515.005</v>
      </c>
      <c r="E387">
        <v>0.96881609999999996</v>
      </c>
      <c r="F387">
        <v>693.73175000000003</v>
      </c>
      <c r="G387">
        <v>453.35930000000002</v>
      </c>
      <c r="H387">
        <v>0.91727689999999995</v>
      </c>
      <c r="I387">
        <v>680.75710000000004</v>
      </c>
      <c r="J387">
        <v>597.04552999999999</v>
      </c>
      <c r="K387">
        <v>0.91337069999999998</v>
      </c>
      <c r="L387">
        <f t="shared" si="46"/>
        <v>645.70292666666671</v>
      </c>
      <c r="M387">
        <f t="shared" si="47"/>
        <v>521.80327666666665</v>
      </c>
      <c r="N387">
        <f t="shared" si="48"/>
        <v>-11.290068570004825</v>
      </c>
      <c r="O387">
        <f t="shared" si="49"/>
        <v>2.2462141207249369</v>
      </c>
      <c r="Q387">
        <v>1136.2070000000001</v>
      </c>
      <c r="R387">
        <v>518.23670000000004</v>
      </c>
      <c r="S387">
        <v>0.91607970000000005</v>
      </c>
      <c r="T387">
        <v>1257.1052</v>
      </c>
      <c r="U387">
        <v>438.44366000000002</v>
      </c>
      <c r="V387">
        <v>0.89732593000000005</v>
      </c>
      <c r="W387">
        <v>1264.423</v>
      </c>
      <c r="X387">
        <v>583.45965999999999</v>
      </c>
      <c r="Y387">
        <v>0.88784116999999996</v>
      </c>
      <c r="Z387">
        <f t="shared" si="50"/>
        <v>1219.2450666666666</v>
      </c>
      <c r="AA387">
        <f t="shared" si="51"/>
        <v>513.38000666666665</v>
      </c>
      <c r="AB387">
        <f t="shared" si="52"/>
        <v>12.09343077381706</v>
      </c>
      <c r="AC387">
        <f t="shared" si="53"/>
        <v>2.3941524244953478</v>
      </c>
    </row>
    <row r="388" spans="1:29" x14ac:dyDescent="0.4">
      <c r="A388">
        <v>385</v>
      </c>
      <c r="B388">
        <f t="shared" ref="B388:B451" si="54">A388/30</f>
        <v>12.833333333333334</v>
      </c>
      <c r="C388">
        <v>563.05975000000001</v>
      </c>
      <c r="D388">
        <v>515.01589999999999</v>
      </c>
      <c r="E388">
        <v>0.97840899999999997</v>
      </c>
      <c r="F388">
        <v>694.03470000000004</v>
      </c>
      <c r="G388">
        <v>453.35910000000001</v>
      </c>
      <c r="H388">
        <v>0.90839000000000003</v>
      </c>
      <c r="I388">
        <v>681.10144000000003</v>
      </c>
      <c r="J388">
        <v>596.9819</v>
      </c>
      <c r="K388">
        <v>0.92935219999999996</v>
      </c>
      <c r="L388">
        <f t="shared" ref="L388:L451" si="55">(C388+F388+I388)/3</f>
        <v>646.06529666666665</v>
      </c>
      <c r="M388">
        <f t="shared" ref="M388:M451" si="56">(D388+G388+J388)/3</f>
        <v>521.78563333333329</v>
      </c>
      <c r="N388">
        <f t="shared" ref="N388:N451" si="57" xml:space="preserve"> -36.96+0.03963*L388-0.0003398*M388+6.089*10^(-7)*L388^2+1.529*10^(-8)*M388^2</f>
        <v>-11.275417108322248</v>
      </c>
      <c r="O388">
        <f t="shared" ref="O388:O451" si="58" xml:space="preserve"> 23.7-0.0003167*L388-0.0406*M388-1.335*10^(-8)*L388^2-2.149*10^(-7)*M388^2</f>
        <v>2.246813385192254</v>
      </c>
      <c r="Q388">
        <v>1135.6719000000001</v>
      </c>
      <c r="R388">
        <v>518.17359999999996</v>
      </c>
      <c r="S388">
        <v>0.91516489999999995</v>
      </c>
      <c r="T388">
        <v>1256.7318</v>
      </c>
      <c r="U388">
        <v>438.49588</v>
      </c>
      <c r="V388">
        <v>0.89646490000000001</v>
      </c>
      <c r="W388">
        <v>1263.9293</v>
      </c>
      <c r="X388">
        <v>583.45640000000003</v>
      </c>
      <c r="Y388">
        <v>0.8761736</v>
      </c>
      <c r="Z388">
        <f t="shared" ref="Z388:Z451" si="59">(Q388+T388+W388)/3</f>
        <v>1218.7776666666666</v>
      </c>
      <c r="AA388">
        <f t="shared" ref="AA388:AA451" si="60">(R388+U388+X388)/3</f>
        <v>513.37529333333339</v>
      </c>
      <c r="AB388">
        <f t="shared" ref="AB388:AB451" si="61" xml:space="preserve"> -36.96+0.03963*Z388-0.0003398*AA388+6.089*10^(-7)*Z388^2+1.529*10^(-8)*AA388^2</f>
        <v>12.074215378484105</v>
      </c>
      <c r="AC388">
        <f t="shared" ref="AC388:AC451" si="62" xml:space="preserve"> 23.7-0.0003167*Z388-0.0406*AA388-1.335*10^(-8)*Z388^2-2.149*10^(-7)*AA388^2</f>
        <v>2.3945080641541994</v>
      </c>
    </row>
    <row r="389" spans="1:29" x14ac:dyDescent="0.4">
      <c r="A389">
        <v>386</v>
      </c>
      <c r="B389">
        <f t="shared" si="54"/>
        <v>12.866666666666667</v>
      </c>
      <c r="C389">
        <v>563.45450000000005</v>
      </c>
      <c r="D389">
        <v>514.83965999999998</v>
      </c>
      <c r="E389">
        <v>0.97577910000000001</v>
      </c>
      <c r="F389">
        <v>694.38214000000005</v>
      </c>
      <c r="G389">
        <v>453.27145000000002</v>
      </c>
      <c r="H389">
        <v>0.89602786000000001</v>
      </c>
      <c r="I389">
        <v>681.35979999999995</v>
      </c>
      <c r="J389">
        <v>596.94579999999996</v>
      </c>
      <c r="K389">
        <v>0.93770189999999998</v>
      </c>
      <c r="L389">
        <f t="shared" si="55"/>
        <v>646.39881333333335</v>
      </c>
      <c r="M389">
        <f t="shared" si="56"/>
        <v>521.68563666666671</v>
      </c>
      <c r="N389">
        <f t="shared" si="57"/>
        <v>-11.261904987957186</v>
      </c>
      <c r="O389">
        <f t="shared" si="58"/>
        <v>2.2507842939521083</v>
      </c>
      <c r="Q389">
        <v>1135.1216999999999</v>
      </c>
      <c r="R389">
        <v>518.32885999999996</v>
      </c>
      <c r="S389">
        <v>0.93470012999999996</v>
      </c>
      <c r="T389">
        <v>1256.242</v>
      </c>
      <c r="U389">
        <v>438.49182000000002</v>
      </c>
      <c r="V389">
        <v>0.91596010000000005</v>
      </c>
      <c r="W389">
        <v>1263.5027</v>
      </c>
      <c r="X389">
        <v>583.67345999999998</v>
      </c>
      <c r="Y389">
        <v>0.88493310000000003</v>
      </c>
      <c r="Z389">
        <f t="shared" si="59"/>
        <v>1218.2888</v>
      </c>
      <c r="AA389">
        <f t="shared" si="60"/>
        <v>513.49804666666671</v>
      </c>
      <c r="AB389">
        <f t="shared" si="61"/>
        <v>12.054076364437455</v>
      </c>
      <c r="AC389">
        <f t="shared" si="62"/>
        <v>2.3896679194899315</v>
      </c>
    </row>
    <row r="390" spans="1:29" x14ac:dyDescent="0.4">
      <c r="A390">
        <v>387</v>
      </c>
      <c r="B390">
        <f t="shared" si="54"/>
        <v>12.9</v>
      </c>
      <c r="C390">
        <v>564.11080000000004</v>
      </c>
      <c r="D390">
        <v>514.65060000000005</v>
      </c>
      <c r="E390">
        <v>0.98171275999999996</v>
      </c>
      <c r="F390">
        <v>694.81949999999995</v>
      </c>
      <c r="G390">
        <v>452.99808000000002</v>
      </c>
      <c r="H390">
        <v>0.87460510000000002</v>
      </c>
      <c r="I390">
        <v>681.87199999999996</v>
      </c>
      <c r="J390">
        <v>596.98749999999995</v>
      </c>
      <c r="K390">
        <v>0.94051874000000002</v>
      </c>
      <c r="L390">
        <f t="shared" si="55"/>
        <v>646.93409999999994</v>
      </c>
      <c r="M390">
        <f t="shared" si="56"/>
        <v>521.54539333333332</v>
      </c>
      <c r="N390">
        <f t="shared" si="57"/>
        <v>-11.240224615871446</v>
      </c>
      <c r="O390">
        <f t="shared" si="58"/>
        <v>2.2563308469432797</v>
      </c>
      <c r="Q390">
        <v>1134.9770000000001</v>
      </c>
      <c r="R390">
        <v>518.30039999999997</v>
      </c>
      <c r="S390">
        <v>0.94320360000000003</v>
      </c>
      <c r="T390">
        <v>1255.8276000000001</v>
      </c>
      <c r="U390">
        <v>438.45684999999997</v>
      </c>
      <c r="V390">
        <v>0.91632617000000005</v>
      </c>
      <c r="W390">
        <v>1263.0531000000001</v>
      </c>
      <c r="X390">
        <v>583.6902</v>
      </c>
      <c r="Y390">
        <v>0.88581604000000003</v>
      </c>
      <c r="Z390">
        <f t="shared" si="59"/>
        <v>1217.9525666666668</v>
      </c>
      <c r="AA390">
        <f t="shared" si="60"/>
        <v>513.48248333333333</v>
      </c>
      <c r="AB390">
        <f t="shared" si="61"/>
        <v>12.040257703745629</v>
      </c>
      <c r="AC390">
        <f t="shared" si="62"/>
        <v>2.3904206463114401</v>
      </c>
    </row>
    <row r="391" spans="1:29" x14ac:dyDescent="0.4">
      <c r="A391">
        <v>388</v>
      </c>
      <c r="B391">
        <f t="shared" si="54"/>
        <v>12.933333333333334</v>
      </c>
      <c r="C391">
        <v>564.39795000000004</v>
      </c>
      <c r="D391">
        <v>514.57939999999996</v>
      </c>
      <c r="E391">
        <v>0.97699559999999996</v>
      </c>
      <c r="F391">
        <v>695.3075</v>
      </c>
      <c r="G391">
        <v>452.99515000000002</v>
      </c>
      <c r="H391">
        <v>0.87196390000000001</v>
      </c>
      <c r="I391">
        <v>682.32180000000005</v>
      </c>
      <c r="J391">
        <v>596.94809999999995</v>
      </c>
      <c r="K391">
        <v>0.9427643</v>
      </c>
      <c r="L391">
        <f t="shared" si="55"/>
        <v>647.34241666666674</v>
      </c>
      <c r="M391">
        <f t="shared" si="56"/>
        <v>521.50754999999992</v>
      </c>
      <c r="N391">
        <f t="shared" si="57"/>
        <v>-11.223708982514422</v>
      </c>
      <c r="O391">
        <f t="shared" si="58"/>
        <v>2.2577393999131834</v>
      </c>
      <c r="Q391">
        <v>1134.5433</v>
      </c>
      <c r="R391">
        <v>518.36614999999995</v>
      </c>
      <c r="S391">
        <v>0.95398134000000001</v>
      </c>
      <c r="T391">
        <v>1255.3828000000001</v>
      </c>
      <c r="U391">
        <v>438.46057000000002</v>
      </c>
      <c r="V391">
        <v>0.92398787000000004</v>
      </c>
      <c r="W391">
        <v>1262.8702000000001</v>
      </c>
      <c r="X391">
        <v>583.65470000000005</v>
      </c>
      <c r="Y391">
        <v>0.88917299999999999</v>
      </c>
      <c r="Z391">
        <f t="shared" si="59"/>
        <v>1217.5987666666667</v>
      </c>
      <c r="AA391">
        <f t="shared" si="60"/>
        <v>513.49380666666673</v>
      </c>
      <c r="AB391">
        <f t="shared" si="61"/>
        <v>12.025708251931439</v>
      </c>
      <c r="AC391">
        <f t="shared" si="62"/>
        <v>2.3900819720792139</v>
      </c>
    </row>
    <row r="392" spans="1:29" x14ac:dyDescent="0.4">
      <c r="A392">
        <v>389</v>
      </c>
      <c r="B392">
        <f t="shared" si="54"/>
        <v>12.966666666666667</v>
      </c>
      <c r="C392">
        <v>564.64124000000004</v>
      </c>
      <c r="D392">
        <v>514.62519999999995</v>
      </c>
      <c r="E392">
        <v>0.97597115999999995</v>
      </c>
      <c r="F392">
        <v>695.66625999999997</v>
      </c>
      <c r="G392">
        <v>453.00378000000001</v>
      </c>
      <c r="H392">
        <v>0.86733970000000005</v>
      </c>
      <c r="I392">
        <v>682.76080000000002</v>
      </c>
      <c r="J392">
        <v>597.01969999999994</v>
      </c>
      <c r="K392">
        <v>0.94709209999999999</v>
      </c>
      <c r="L392">
        <f t="shared" si="55"/>
        <v>647.68943333333334</v>
      </c>
      <c r="M392">
        <f t="shared" si="56"/>
        <v>521.54955999999993</v>
      </c>
      <c r="N392">
        <f t="shared" si="57"/>
        <v>-11.20969667880208</v>
      </c>
      <c r="O392">
        <f t="shared" si="58"/>
        <v>2.2559084776100207</v>
      </c>
      <c r="Q392">
        <v>1134.5</v>
      </c>
      <c r="R392">
        <v>518.26930000000004</v>
      </c>
      <c r="S392">
        <v>0.94516929999999999</v>
      </c>
      <c r="T392">
        <v>1255.1360999999999</v>
      </c>
      <c r="U392">
        <v>438.46564000000001</v>
      </c>
      <c r="V392">
        <v>0.93209529999999996</v>
      </c>
      <c r="W392">
        <v>1262.461</v>
      </c>
      <c r="X392">
        <v>583.62572999999998</v>
      </c>
      <c r="Y392">
        <v>0.89057370000000002</v>
      </c>
      <c r="Z392">
        <f t="shared" si="59"/>
        <v>1217.3657000000001</v>
      </c>
      <c r="AA392">
        <f t="shared" si="60"/>
        <v>513.45355666666671</v>
      </c>
      <c r="AB392">
        <f t="shared" si="61"/>
        <v>12.016139308613345</v>
      </c>
      <c r="AC392">
        <f t="shared" si="62"/>
        <v>2.3918063933506706</v>
      </c>
    </row>
    <row r="393" spans="1:29" x14ac:dyDescent="0.4">
      <c r="A393">
        <v>390</v>
      </c>
      <c r="B393">
        <f t="shared" si="54"/>
        <v>13</v>
      </c>
      <c r="C393">
        <v>564.89589999999998</v>
      </c>
      <c r="D393">
        <v>514.63933999999995</v>
      </c>
      <c r="E393">
        <v>0.97565460000000004</v>
      </c>
      <c r="F393">
        <v>696.05615</v>
      </c>
      <c r="G393">
        <v>452.96834999999999</v>
      </c>
      <c r="H393">
        <v>0.89474326000000004</v>
      </c>
      <c r="I393">
        <v>683.16729999999995</v>
      </c>
      <c r="J393">
        <v>597.02350000000001</v>
      </c>
      <c r="K393">
        <v>0.95302253999999997</v>
      </c>
      <c r="L393">
        <f t="shared" si="55"/>
        <v>648.03978333333328</v>
      </c>
      <c r="M393">
        <f t="shared" si="56"/>
        <v>521.54372999999998</v>
      </c>
      <c r="N393">
        <f t="shared" si="57"/>
        <v>-11.195534004778807</v>
      </c>
      <c r="O393">
        <f t="shared" si="58"/>
        <v>2.2560294662731177</v>
      </c>
      <c r="Q393">
        <v>1134.2997</v>
      </c>
      <c r="R393">
        <v>518.18462999999997</v>
      </c>
      <c r="S393">
        <v>0.94895309999999999</v>
      </c>
      <c r="T393">
        <v>1254.7389000000001</v>
      </c>
      <c r="U393">
        <v>438.47762999999998</v>
      </c>
      <c r="V393">
        <v>0.93894659999999996</v>
      </c>
      <c r="W393">
        <v>1262.0617999999999</v>
      </c>
      <c r="X393">
        <v>583.61450000000002</v>
      </c>
      <c r="Y393">
        <v>0.89346119999999996</v>
      </c>
      <c r="Z393">
        <f t="shared" si="59"/>
        <v>1217.0334666666665</v>
      </c>
      <c r="AA393">
        <f t="shared" si="60"/>
        <v>513.42558666666662</v>
      </c>
      <c r="AB393">
        <f t="shared" si="61"/>
        <v>12.002489495314892</v>
      </c>
      <c r="AC393">
        <f t="shared" si="62"/>
        <v>2.3930641632913727</v>
      </c>
    </row>
    <row r="394" spans="1:29" x14ac:dyDescent="0.4">
      <c r="A394">
        <v>391</v>
      </c>
      <c r="B394">
        <f t="shared" si="54"/>
        <v>13.033333333333333</v>
      </c>
      <c r="C394">
        <v>565.48553000000004</v>
      </c>
      <c r="D394">
        <v>514.73609999999996</v>
      </c>
      <c r="E394">
        <v>0.96807339999999997</v>
      </c>
      <c r="F394">
        <v>696.48626999999999</v>
      </c>
      <c r="G394">
        <v>452.91415000000001</v>
      </c>
      <c r="H394">
        <v>0.92370940000000001</v>
      </c>
      <c r="I394">
        <v>683.60590000000002</v>
      </c>
      <c r="J394">
        <v>596.93899999999996</v>
      </c>
      <c r="K394">
        <v>0.96178140000000001</v>
      </c>
      <c r="L394">
        <f t="shared" si="55"/>
        <v>648.52589999999998</v>
      </c>
      <c r="M394">
        <f t="shared" si="56"/>
        <v>521.52975000000004</v>
      </c>
      <c r="N394">
        <f t="shared" si="57"/>
        <v>-11.175880895011813</v>
      </c>
      <c r="O394">
        <f t="shared" si="58"/>
        <v>2.2564378205653171</v>
      </c>
      <c r="Q394">
        <v>1133.9482</v>
      </c>
      <c r="R394">
        <v>518.24850000000004</v>
      </c>
      <c r="S394">
        <v>0.95892080000000002</v>
      </c>
      <c r="T394">
        <v>1254.1176</v>
      </c>
      <c r="U394">
        <v>438.27289999999999</v>
      </c>
      <c r="V394">
        <v>0.93788826000000003</v>
      </c>
      <c r="W394">
        <v>1261.7565999999999</v>
      </c>
      <c r="X394">
        <v>583.50340000000006</v>
      </c>
      <c r="Y394">
        <v>0.89352030000000005</v>
      </c>
      <c r="Z394">
        <f t="shared" si="59"/>
        <v>1216.6074666666666</v>
      </c>
      <c r="AA394">
        <f t="shared" si="60"/>
        <v>513.34160000000008</v>
      </c>
      <c r="AB394">
        <f t="shared" si="61"/>
        <v>11.985003069926051</v>
      </c>
      <c r="AC394">
        <f t="shared" si="62"/>
        <v>2.3966413083659024</v>
      </c>
    </row>
    <row r="395" spans="1:29" x14ac:dyDescent="0.4">
      <c r="A395">
        <v>392</v>
      </c>
      <c r="B395">
        <f t="shared" si="54"/>
        <v>13.066666666666666</v>
      </c>
      <c r="C395">
        <v>565.80960000000005</v>
      </c>
      <c r="D395">
        <v>514.70123000000001</v>
      </c>
      <c r="E395">
        <v>0.95905035999999999</v>
      </c>
      <c r="F395">
        <v>696.96400000000006</v>
      </c>
      <c r="G395">
        <v>452.91458</v>
      </c>
      <c r="H395">
        <v>0.93978094999999995</v>
      </c>
      <c r="I395">
        <v>684.06464000000005</v>
      </c>
      <c r="J395">
        <v>596.77679999999998</v>
      </c>
      <c r="K395">
        <v>0.96580385999999996</v>
      </c>
      <c r="L395">
        <f t="shared" si="55"/>
        <v>648.94608000000005</v>
      </c>
      <c r="M395">
        <f t="shared" si="56"/>
        <v>521.46420333333333</v>
      </c>
      <c r="N395">
        <f t="shared" si="57"/>
        <v>-11.15887597905717</v>
      </c>
      <c r="O395">
        <f t="shared" si="58"/>
        <v>2.2589733577733435</v>
      </c>
      <c r="Q395">
        <v>1133.7086999999999</v>
      </c>
      <c r="R395">
        <v>518.3587</v>
      </c>
      <c r="S395">
        <v>0.94442320000000002</v>
      </c>
      <c r="T395">
        <v>1253.7517</v>
      </c>
      <c r="U395">
        <v>438.18642999999997</v>
      </c>
      <c r="V395">
        <v>0.94339967000000002</v>
      </c>
      <c r="W395">
        <v>1261.5623000000001</v>
      </c>
      <c r="X395">
        <v>583.42560000000003</v>
      </c>
      <c r="Y395">
        <v>0.88572059999999997</v>
      </c>
      <c r="Z395">
        <f t="shared" si="59"/>
        <v>1216.3408999999999</v>
      </c>
      <c r="AA395">
        <f t="shared" si="60"/>
        <v>513.32357666666667</v>
      </c>
      <c r="AB395">
        <f t="shared" si="61"/>
        <v>11.974049976535756</v>
      </c>
      <c r="AC395">
        <f t="shared" si="62"/>
        <v>2.3974701119050472</v>
      </c>
    </row>
    <row r="396" spans="1:29" x14ac:dyDescent="0.4">
      <c r="A396">
        <v>393</v>
      </c>
      <c r="B396">
        <f t="shared" si="54"/>
        <v>13.1</v>
      </c>
      <c r="C396">
        <v>566.23559999999998</v>
      </c>
      <c r="D396">
        <v>514.94899999999996</v>
      </c>
      <c r="E396">
        <v>0.95622739999999995</v>
      </c>
      <c r="F396">
        <v>697.53689999999995</v>
      </c>
      <c r="G396">
        <v>452.93472000000003</v>
      </c>
      <c r="H396">
        <v>0.93178886000000005</v>
      </c>
      <c r="I396">
        <v>684.47879999999998</v>
      </c>
      <c r="J396">
        <v>596.68129999999996</v>
      </c>
      <c r="K396">
        <v>0.96137410000000001</v>
      </c>
      <c r="L396">
        <f t="shared" si="55"/>
        <v>649.4171</v>
      </c>
      <c r="M396">
        <f t="shared" si="56"/>
        <v>521.5216733333333</v>
      </c>
      <c r="N396">
        <f t="shared" si="57"/>
        <v>-11.139855692419733</v>
      </c>
      <c r="O396">
        <f t="shared" si="58"/>
        <v>2.2564698582881593</v>
      </c>
      <c r="Q396">
        <v>1133.4348</v>
      </c>
      <c r="R396">
        <v>518.38120000000004</v>
      </c>
      <c r="S396">
        <v>0.96433480000000005</v>
      </c>
      <c r="T396">
        <v>1253.6292000000001</v>
      </c>
      <c r="U396">
        <v>438.17412999999999</v>
      </c>
      <c r="V396">
        <v>0.95257526999999997</v>
      </c>
      <c r="W396">
        <v>1261.1954000000001</v>
      </c>
      <c r="X396">
        <v>583.44349999999997</v>
      </c>
      <c r="Y396">
        <v>0.88547664999999998</v>
      </c>
      <c r="Z396">
        <f t="shared" si="59"/>
        <v>1216.0864666666669</v>
      </c>
      <c r="AA396">
        <f t="shared" si="60"/>
        <v>513.33294333333333</v>
      </c>
      <c r="AB396">
        <f t="shared" si="61"/>
        <v>11.963586905288251</v>
      </c>
      <c r="AC396">
        <f t="shared" si="62"/>
        <v>2.397176599911111</v>
      </c>
    </row>
    <row r="397" spans="1:29" x14ac:dyDescent="0.4">
      <c r="A397">
        <v>394</v>
      </c>
      <c r="B397">
        <f t="shared" si="54"/>
        <v>13.133333333333333</v>
      </c>
      <c r="C397">
        <v>566.63930000000005</v>
      </c>
      <c r="D397">
        <v>514.83105</v>
      </c>
      <c r="E397">
        <v>0.94002850000000004</v>
      </c>
      <c r="F397">
        <v>697.97569999999996</v>
      </c>
      <c r="G397">
        <v>452.78424000000001</v>
      </c>
      <c r="H397">
        <v>0.92942630000000004</v>
      </c>
      <c r="I397">
        <v>684.83150000000001</v>
      </c>
      <c r="J397">
        <v>596.68200000000002</v>
      </c>
      <c r="K397">
        <v>0.95081729999999998</v>
      </c>
      <c r="L397">
        <f t="shared" si="55"/>
        <v>649.81550000000004</v>
      </c>
      <c r="M397">
        <f t="shared" si="56"/>
        <v>521.43242999999995</v>
      </c>
      <c r="N397">
        <f t="shared" si="57"/>
        <v>-11.123723023350129</v>
      </c>
      <c r="O397">
        <f t="shared" si="58"/>
        <v>2.2599800563739936</v>
      </c>
      <c r="Q397">
        <v>1133.1128000000001</v>
      </c>
      <c r="R397">
        <v>518.35540000000003</v>
      </c>
      <c r="S397">
        <v>0.96155780000000002</v>
      </c>
      <c r="T397">
        <v>1253.2627</v>
      </c>
      <c r="U397">
        <v>438.30484000000001</v>
      </c>
      <c r="V397">
        <v>0.96474870000000001</v>
      </c>
      <c r="W397">
        <v>1260.9326000000001</v>
      </c>
      <c r="X397">
        <v>583.44353999999998</v>
      </c>
      <c r="Y397">
        <v>0.89477735999999997</v>
      </c>
      <c r="Z397">
        <f t="shared" si="59"/>
        <v>1215.7693666666667</v>
      </c>
      <c r="AA397">
        <f t="shared" si="60"/>
        <v>513.36792666666668</v>
      </c>
      <c r="AB397">
        <f t="shared" si="61"/>
        <v>11.950539346078845</v>
      </c>
      <c r="AC397">
        <f t="shared" si="62"/>
        <v>2.3958592782333046</v>
      </c>
    </row>
    <row r="398" spans="1:29" x14ac:dyDescent="0.4">
      <c r="A398">
        <v>395</v>
      </c>
      <c r="B398">
        <f t="shared" si="54"/>
        <v>13.166666666666666</v>
      </c>
      <c r="C398">
        <v>567.28612999999996</v>
      </c>
      <c r="D398">
        <v>514.68640000000005</v>
      </c>
      <c r="E398">
        <v>0.92971280000000001</v>
      </c>
      <c r="F398">
        <v>698.38570000000004</v>
      </c>
      <c r="G398">
        <v>452.75783999999999</v>
      </c>
      <c r="H398">
        <v>0.93290779999999995</v>
      </c>
      <c r="I398">
        <v>685.29660000000001</v>
      </c>
      <c r="J398">
        <v>596.75684000000001</v>
      </c>
      <c r="K398">
        <v>0.93325119999999995</v>
      </c>
      <c r="L398">
        <f t="shared" si="55"/>
        <v>650.32281</v>
      </c>
      <c r="M398">
        <f t="shared" si="56"/>
        <v>521.40035999999998</v>
      </c>
      <c r="N398">
        <f t="shared" si="57"/>
        <v>-11.103206327916698</v>
      </c>
      <c r="O398">
        <f t="shared" si="58"/>
        <v>2.2611198150350922</v>
      </c>
      <c r="Q398">
        <v>1132.7961</v>
      </c>
      <c r="R398">
        <v>518.36084000000005</v>
      </c>
      <c r="S398">
        <v>0.96949624999999995</v>
      </c>
      <c r="T398">
        <v>1252.7738999999999</v>
      </c>
      <c r="U398">
        <v>438.25412</v>
      </c>
      <c r="V398">
        <v>0.97833420000000004</v>
      </c>
      <c r="W398">
        <v>1260.6393</v>
      </c>
      <c r="X398">
        <v>583.24390000000005</v>
      </c>
      <c r="Y398">
        <v>0.89093727</v>
      </c>
      <c r="Z398">
        <f t="shared" si="59"/>
        <v>1215.4030999999998</v>
      </c>
      <c r="AA398">
        <f t="shared" si="60"/>
        <v>513.2862866666668</v>
      </c>
      <c r="AB398">
        <f t="shared" si="61"/>
        <v>11.935508458270981</v>
      </c>
      <c r="AC398">
        <f t="shared" si="62"/>
        <v>2.3993197585625374</v>
      </c>
    </row>
    <row r="399" spans="1:29" x14ac:dyDescent="0.4">
      <c r="A399">
        <v>396</v>
      </c>
      <c r="B399">
        <f t="shared" si="54"/>
        <v>13.2</v>
      </c>
      <c r="C399">
        <v>567.56910000000005</v>
      </c>
      <c r="D399">
        <v>514.42944</v>
      </c>
      <c r="E399">
        <v>0.92091036000000004</v>
      </c>
      <c r="F399">
        <v>698.79816000000005</v>
      </c>
      <c r="G399">
        <v>452.8014</v>
      </c>
      <c r="H399">
        <v>0.94147519999999996</v>
      </c>
      <c r="I399">
        <v>685.55679999999995</v>
      </c>
      <c r="J399">
        <v>596.80083999999999</v>
      </c>
      <c r="K399">
        <v>0.94981199999999999</v>
      </c>
      <c r="L399">
        <f t="shared" si="55"/>
        <v>650.64135333333331</v>
      </c>
      <c r="M399">
        <f t="shared" si="56"/>
        <v>521.34389333333331</v>
      </c>
      <c r="N399">
        <f t="shared" si="57"/>
        <v>-11.090311832166549</v>
      </c>
      <c r="O399">
        <f t="shared" si="58"/>
        <v>2.2633185999831733</v>
      </c>
      <c r="Q399">
        <v>1132.3588</v>
      </c>
      <c r="R399">
        <v>518.37969999999996</v>
      </c>
      <c r="S399">
        <v>0.97726922999999999</v>
      </c>
      <c r="T399">
        <v>1252.2148</v>
      </c>
      <c r="U399">
        <v>438.06036</v>
      </c>
      <c r="V399">
        <v>0.97059550000000006</v>
      </c>
      <c r="W399">
        <v>1260.2317</v>
      </c>
      <c r="X399">
        <v>583.08090000000004</v>
      </c>
      <c r="Y399">
        <v>0.89326130000000004</v>
      </c>
      <c r="Z399">
        <f t="shared" si="59"/>
        <v>1214.9350999999999</v>
      </c>
      <c r="AA399">
        <f t="shared" si="60"/>
        <v>513.17365333333328</v>
      </c>
      <c r="AB399">
        <f t="shared" si="61"/>
        <v>11.916305561534413</v>
      </c>
      <c r="AC399">
        <f t="shared" si="62"/>
        <v>2.4040809171265072</v>
      </c>
    </row>
    <row r="400" spans="1:29" x14ac:dyDescent="0.4">
      <c r="A400">
        <v>397</v>
      </c>
      <c r="B400">
        <f t="shared" si="54"/>
        <v>13.233333333333333</v>
      </c>
      <c r="C400">
        <v>568.09680000000003</v>
      </c>
      <c r="D400">
        <v>514.67523000000006</v>
      </c>
      <c r="E400">
        <v>0.91995645000000004</v>
      </c>
      <c r="F400">
        <v>699.26199999999994</v>
      </c>
      <c r="G400">
        <v>452.81457999999998</v>
      </c>
      <c r="H400">
        <v>0.93339649999999996</v>
      </c>
      <c r="I400">
        <v>686.15689999999995</v>
      </c>
      <c r="J400">
        <v>596.76070000000004</v>
      </c>
      <c r="K400">
        <v>0.93942619999999999</v>
      </c>
      <c r="L400">
        <f t="shared" si="55"/>
        <v>651.17189999999994</v>
      </c>
      <c r="M400">
        <f t="shared" si="56"/>
        <v>521.41683666666665</v>
      </c>
      <c r="N400">
        <f t="shared" si="57"/>
        <v>-11.068889340320277</v>
      </c>
      <c r="O400">
        <f t="shared" si="58"/>
        <v>2.2601635102210862</v>
      </c>
      <c r="Q400">
        <v>1131.7992999999999</v>
      </c>
      <c r="R400">
        <v>518.38570000000004</v>
      </c>
      <c r="S400">
        <v>0.97688823999999996</v>
      </c>
      <c r="T400">
        <v>1251.624</v>
      </c>
      <c r="U400">
        <v>438.09820000000002</v>
      </c>
      <c r="V400">
        <v>0.95807830000000005</v>
      </c>
      <c r="W400">
        <v>1259.6013</v>
      </c>
      <c r="X400">
        <v>582.98800000000006</v>
      </c>
      <c r="Y400">
        <v>0.88637142999999996</v>
      </c>
      <c r="Z400">
        <f t="shared" si="59"/>
        <v>1214.3415333333332</v>
      </c>
      <c r="AA400">
        <f t="shared" si="60"/>
        <v>513.15729999999996</v>
      </c>
      <c r="AB400">
        <f t="shared" si="61"/>
        <v>11.891909818945615</v>
      </c>
      <c r="AC400">
        <f t="shared" si="62"/>
        <v>2.4049557017576095</v>
      </c>
    </row>
    <row r="401" spans="1:29" x14ac:dyDescent="0.4">
      <c r="A401">
        <v>398</v>
      </c>
      <c r="B401">
        <f t="shared" si="54"/>
        <v>13.266666666666667</v>
      </c>
      <c r="C401">
        <v>568.65300000000002</v>
      </c>
      <c r="D401">
        <v>514.75819999999999</v>
      </c>
      <c r="E401">
        <v>0.93245650000000002</v>
      </c>
      <c r="F401">
        <v>699.71969999999999</v>
      </c>
      <c r="G401">
        <v>452.71143000000001</v>
      </c>
      <c r="H401">
        <v>0.94028590000000001</v>
      </c>
      <c r="I401">
        <v>686.71356000000003</v>
      </c>
      <c r="J401">
        <v>596.80286000000001</v>
      </c>
      <c r="K401">
        <v>0.93164824999999996</v>
      </c>
      <c r="L401">
        <f t="shared" si="55"/>
        <v>651.69542000000001</v>
      </c>
      <c r="M401">
        <f t="shared" si="56"/>
        <v>521.42416333333335</v>
      </c>
      <c r="N401">
        <f t="shared" si="57"/>
        <v>-11.047729298751817</v>
      </c>
      <c r="O401">
        <f t="shared" si="58"/>
        <v>2.2596895010872946</v>
      </c>
      <c r="Q401">
        <v>1131.3875</v>
      </c>
      <c r="R401">
        <v>518.37580000000003</v>
      </c>
      <c r="S401">
        <v>0.97188030000000003</v>
      </c>
      <c r="T401">
        <v>1251.3040000000001</v>
      </c>
      <c r="U401">
        <v>438.08242999999999</v>
      </c>
      <c r="V401">
        <v>0.94578134999999997</v>
      </c>
      <c r="W401">
        <v>1259.2678000000001</v>
      </c>
      <c r="X401">
        <v>582.9982</v>
      </c>
      <c r="Y401">
        <v>0.88559399999999999</v>
      </c>
      <c r="Z401">
        <f t="shared" si="59"/>
        <v>1213.9864333333333</v>
      </c>
      <c r="AA401">
        <f t="shared" si="60"/>
        <v>513.15214333333336</v>
      </c>
      <c r="AB401">
        <f t="shared" si="61"/>
        <v>11.87731382324114</v>
      </c>
      <c r="AC401">
        <f t="shared" si="62"/>
        <v>2.4052901716123523</v>
      </c>
    </row>
    <row r="402" spans="1:29" x14ac:dyDescent="0.4">
      <c r="A402">
        <v>399</v>
      </c>
      <c r="B402">
        <f t="shared" si="54"/>
        <v>13.3</v>
      </c>
      <c r="C402">
        <v>569.06335000000001</v>
      </c>
      <c r="D402">
        <v>514.69510000000002</v>
      </c>
      <c r="E402">
        <v>0.93143140000000002</v>
      </c>
      <c r="F402">
        <v>700.15309999999999</v>
      </c>
      <c r="G402">
        <v>452.65517999999997</v>
      </c>
      <c r="H402">
        <v>0.9379731</v>
      </c>
      <c r="I402">
        <v>687.20510000000002</v>
      </c>
      <c r="J402">
        <v>596.87490000000003</v>
      </c>
      <c r="K402">
        <v>0.92206376999999995</v>
      </c>
      <c r="L402">
        <f t="shared" si="55"/>
        <v>652.14051666666671</v>
      </c>
      <c r="M402">
        <f t="shared" si="56"/>
        <v>521.40839333333327</v>
      </c>
      <c r="N402">
        <f t="shared" si="57"/>
        <v>-11.029731645875506</v>
      </c>
      <c r="O402">
        <f t="shared" si="58"/>
        <v>2.2601845876583995</v>
      </c>
      <c r="Q402">
        <v>1131.0044</v>
      </c>
      <c r="R402">
        <v>518.33996999999999</v>
      </c>
      <c r="S402">
        <v>0.95504206000000003</v>
      </c>
      <c r="T402">
        <v>1250.9854</v>
      </c>
      <c r="U402">
        <v>438.02478000000002</v>
      </c>
      <c r="V402">
        <v>0.95032095999999999</v>
      </c>
      <c r="W402">
        <v>1258.8197</v>
      </c>
      <c r="X402">
        <v>582.99976000000004</v>
      </c>
      <c r="Y402">
        <v>0.8875016</v>
      </c>
      <c r="Z402">
        <f t="shared" si="59"/>
        <v>1213.6031666666668</v>
      </c>
      <c r="AA402">
        <f t="shared" si="60"/>
        <v>513.12150333333329</v>
      </c>
      <c r="AB402">
        <f t="shared" si="61"/>
        <v>11.861568366728156</v>
      </c>
      <c r="AC402">
        <f t="shared" si="62"/>
        <v>2.4066747147306806</v>
      </c>
    </row>
    <row r="403" spans="1:29" x14ac:dyDescent="0.4">
      <c r="A403">
        <v>400</v>
      </c>
      <c r="B403">
        <f t="shared" si="54"/>
        <v>13.333333333333334</v>
      </c>
      <c r="C403">
        <v>569.40093999999999</v>
      </c>
      <c r="D403">
        <v>514.47469999999998</v>
      </c>
      <c r="E403">
        <v>0.91806334000000001</v>
      </c>
      <c r="F403">
        <v>700.58720000000005</v>
      </c>
      <c r="G403">
        <v>452.59958</v>
      </c>
      <c r="H403">
        <v>0.94364590000000004</v>
      </c>
      <c r="I403">
        <v>687.68610000000001</v>
      </c>
      <c r="J403">
        <v>596.90740000000005</v>
      </c>
      <c r="K403">
        <v>0.91386400000000001</v>
      </c>
      <c r="L403">
        <f t="shared" si="55"/>
        <v>652.5580799999999</v>
      </c>
      <c r="M403">
        <f t="shared" si="56"/>
        <v>521.32722666666666</v>
      </c>
      <c r="N403">
        <f t="shared" si="57"/>
        <v>-11.012825599370817</v>
      </c>
      <c r="O403">
        <f t="shared" si="58"/>
        <v>2.2633586271555375</v>
      </c>
      <c r="Q403">
        <v>1130.576</v>
      </c>
      <c r="R403">
        <v>518.47155999999995</v>
      </c>
      <c r="S403">
        <v>0.95291349999999997</v>
      </c>
      <c r="T403">
        <v>1250.5145</v>
      </c>
      <c r="U403">
        <v>437.98038000000003</v>
      </c>
      <c r="V403">
        <v>0.94210654000000005</v>
      </c>
      <c r="W403">
        <v>1258.4367999999999</v>
      </c>
      <c r="X403">
        <v>582.93259999999998</v>
      </c>
      <c r="Y403">
        <v>0.89632710000000004</v>
      </c>
      <c r="Z403">
        <f t="shared" si="59"/>
        <v>1213.1757666666667</v>
      </c>
      <c r="AA403">
        <f t="shared" si="60"/>
        <v>513.12818000000004</v>
      </c>
      <c r="AB403">
        <f t="shared" si="61"/>
        <v>11.84399678644581</v>
      </c>
      <c r="AC403">
        <f t="shared" si="62"/>
        <v>2.4065513738558564</v>
      </c>
    </row>
    <row r="404" spans="1:29" x14ac:dyDescent="0.4">
      <c r="A404">
        <v>401</v>
      </c>
      <c r="B404">
        <f t="shared" si="54"/>
        <v>13.366666666666667</v>
      </c>
      <c r="C404">
        <v>570.10973999999999</v>
      </c>
      <c r="D404">
        <v>514.63670000000002</v>
      </c>
      <c r="E404">
        <v>0.93761870000000003</v>
      </c>
      <c r="F404">
        <v>700.92330000000004</v>
      </c>
      <c r="G404">
        <v>452.58884</v>
      </c>
      <c r="H404">
        <v>0.94414324000000005</v>
      </c>
      <c r="I404">
        <v>688.0684</v>
      </c>
      <c r="J404">
        <v>596.94635000000005</v>
      </c>
      <c r="K404">
        <v>0.90557770000000004</v>
      </c>
      <c r="L404">
        <f t="shared" si="55"/>
        <v>653.03381333333334</v>
      </c>
      <c r="M404">
        <f t="shared" si="56"/>
        <v>521.39062999999999</v>
      </c>
      <c r="N404">
        <f t="shared" si="57"/>
        <v>-10.993614624913318</v>
      </c>
      <c r="O404">
        <f t="shared" si="58"/>
        <v>2.2606112877859932</v>
      </c>
      <c r="Q404">
        <v>1130.2565999999999</v>
      </c>
      <c r="R404">
        <v>518.41010000000006</v>
      </c>
      <c r="S404">
        <v>0.94240210000000002</v>
      </c>
      <c r="T404">
        <v>1250.0719999999999</v>
      </c>
      <c r="U404">
        <v>438.00209999999998</v>
      </c>
      <c r="V404">
        <v>0.92346119999999998</v>
      </c>
      <c r="W404">
        <v>1258.0336</v>
      </c>
      <c r="X404">
        <v>582.87130000000002</v>
      </c>
      <c r="Y404">
        <v>0.89774710000000002</v>
      </c>
      <c r="Z404">
        <f t="shared" si="59"/>
        <v>1212.7873999999999</v>
      </c>
      <c r="AA404">
        <f t="shared" si="60"/>
        <v>513.09450000000004</v>
      </c>
      <c r="AB404">
        <f t="shared" si="61"/>
        <v>11.828043048248949</v>
      </c>
      <c r="AC404">
        <f t="shared" si="62"/>
        <v>2.4080617830856434</v>
      </c>
    </row>
    <row r="405" spans="1:29" x14ac:dyDescent="0.4">
      <c r="A405">
        <v>402</v>
      </c>
      <c r="B405">
        <f t="shared" si="54"/>
        <v>13.4</v>
      </c>
      <c r="C405">
        <v>570.33640000000003</v>
      </c>
      <c r="D405">
        <v>514.51620000000003</v>
      </c>
      <c r="E405">
        <v>0.9334983</v>
      </c>
      <c r="F405">
        <v>701.34479999999996</v>
      </c>
      <c r="G405">
        <v>452.46625</v>
      </c>
      <c r="H405">
        <v>0.94808303999999999</v>
      </c>
      <c r="I405">
        <v>688.38800000000003</v>
      </c>
      <c r="J405">
        <v>596.69889999999998</v>
      </c>
      <c r="K405">
        <v>0.91192985000000004</v>
      </c>
      <c r="L405">
        <f t="shared" si="55"/>
        <v>653.35640000000001</v>
      </c>
      <c r="M405">
        <f t="shared" si="56"/>
        <v>521.22711666666657</v>
      </c>
      <c r="N405">
        <f t="shared" si="57"/>
        <v>-10.980520955038211</v>
      </c>
      <c r="O405">
        <f t="shared" si="58"/>
        <v>2.2671787764717246</v>
      </c>
      <c r="Q405">
        <v>1129.9148</v>
      </c>
      <c r="R405">
        <v>518.3501</v>
      </c>
      <c r="S405">
        <v>0.92462659999999997</v>
      </c>
      <c r="T405">
        <v>1249.7503999999999</v>
      </c>
      <c r="U405">
        <v>437.96267999999998</v>
      </c>
      <c r="V405">
        <v>0.92685574000000004</v>
      </c>
      <c r="W405">
        <v>1257.6475</v>
      </c>
      <c r="X405">
        <v>582.90039999999999</v>
      </c>
      <c r="Y405">
        <v>0.89426773999999998</v>
      </c>
      <c r="Z405">
        <f t="shared" si="59"/>
        <v>1212.4375666666667</v>
      </c>
      <c r="AA405">
        <f t="shared" si="60"/>
        <v>513.07105999999999</v>
      </c>
      <c r="AB405">
        <f t="shared" si="61"/>
        <v>11.813670144686826</v>
      </c>
      <c r="AC405">
        <f t="shared" si="62"/>
        <v>2.4091407348284677</v>
      </c>
    </row>
    <row r="406" spans="1:29" x14ac:dyDescent="0.4">
      <c r="A406">
        <v>403</v>
      </c>
      <c r="B406">
        <f t="shared" si="54"/>
        <v>13.433333333333334</v>
      </c>
      <c r="C406">
        <v>570.74689999999998</v>
      </c>
      <c r="D406">
        <v>514.55840000000001</v>
      </c>
      <c r="E406">
        <v>0.94065659999999995</v>
      </c>
      <c r="F406">
        <v>701.60400000000004</v>
      </c>
      <c r="G406">
        <v>452.41354000000001</v>
      </c>
      <c r="H406">
        <v>0.93936850000000005</v>
      </c>
      <c r="I406">
        <v>688.71169999999995</v>
      </c>
      <c r="J406">
        <v>596.67285000000004</v>
      </c>
      <c r="K406">
        <v>0.91679440000000001</v>
      </c>
      <c r="L406">
        <f t="shared" si="55"/>
        <v>653.68753333333325</v>
      </c>
      <c r="M406">
        <f t="shared" si="56"/>
        <v>521.21492999999998</v>
      </c>
      <c r="N406">
        <f t="shared" si="57"/>
        <v>-10.967130658790992</v>
      </c>
      <c r="O406">
        <f t="shared" si="58"/>
        <v>2.2675656373208639</v>
      </c>
      <c r="Q406">
        <v>1129.6919</v>
      </c>
      <c r="R406">
        <v>518.35879999999997</v>
      </c>
      <c r="S406">
        <v>0.90861119999999995</v>
      </c>
      <c r="T406">
        <v>1249.4801</v>
      </c>
      <c r="U406">
        <v>437.86806999999999</v>
      </c>
      <c r="V406">
        <v>0.9154101</v>
      </c>
      <c r="W406">
        <v>1257.3809000000001</v>
      </c>
      <c r="X406">
        <v>582.88367000000005</v>
      </c>
      <c r="Y406">
        <v>0.89294123999999997</v>
      </c>
      <c r="Z406">
        <f t="shared" si="59"/>
        <v>1212.1843000000001</v>
      </c>
      <c r="AA406">
        <f t="shared" si="60"/>
        <v>513.03684666666675</v>
      </c>
      <c r="AB406">
        <f t="shared" si="61"/>
        <v>11.803270364783664</v>
      </c>
      <c r="AC406">
        <f t="shared" si="62"/>
        <v>2.4106257480306637</v>
      </c>
    </row>
    <row r="407" spans="1:29" x14ac:dyDescent="0.4">
      <c r="A407">
        <v>404</v>
      </c>
      <c r="B407">
        <f t="shared" si="54"/>
        <v>13.466666666666667</v>
      </c>
      <c r="C407">
        <v>570.92444</v>
      </c>
      <c r="D407">
        <v>514.46704</v>
      </c>
      <c r="E407">
        <v>0.93976210000000004</v>
      </c>
      <c r="F407">
        <v>701.96280000000002</v>
      </c>
      <c r="G407">
        <v>452.30761999999999</v>
      </c>
      <c r="H407">
        <v>0.92850864</v>
      </c>
      <c r="I407">
        <v>689.21387000000004</v>
      </c>
      <c r="J407">
        <v>596.49220000000003</v>
      </c>
      <c r="K407">
        <v>0.92200183999999996</v>
      </c>
      <c r="L407">
        <f t="shared" si="55"/>
        <v>654.03370333333339</v>
      </c>
      <c r="M407">
        <f t="shared" si="56"/>
        <v>521.08895333333339</v>
      </c>
      <c r="N407">
        <f t="shared" si="57"/>
        <v>-10.953095497196259</v>
      </c>
      <c r="O407">
        <f t="shared" si="58"/>
        <v>2.2725928321381978</v>
      </c>
      <c r="Q407">
        <v>1129.3242</v>
      </c>
      <c r="R407">
        <v>518.30895999999996</v>
      </c>
      <c r="S407">
        <v>0.89533839999999998</v>
      </c>
      <c r="T407">
        <v>1249.1876</v>
      </c>
      <c r="U407">
        <v>437.77987999999999</v>
      </c>
      <c r="V407">
        <v>0.90048980000000001</v>
      </c>
      <c r="W407">
        <v>1257.2873999999999</v>
      </c>
      <c r="X407">
        <v>582.93690000000004</v>
      </c>
      <c r="Y407">
        <v>0.88956959999999996</v>
      </c>
      <c r="Z407">
        <f t="shared" si="59"/>
        <v>1211.9330666666667</v>
      </c>
      <c r="AA407">
        <f t="shared" si="60"/>
        <v>513.00858000000005</v>
      </c>
      <c r="AB407">
        <f t="shared" si="61"/>
        <v>11.792952317621172</v>
      </c>
      <c r="AC407">
        <f t="shared" si="62"/>
        <v>2.411867303418584</v>
      </c>
    </row>
    <row r="408" spans="1:29" x14ac:dyDescent="0.4">
      <c r="A408">
        <v>405</v>
      </c>
      <c r="B408">
        <f t="shared" si="54"/>
        <v>13.5</v>
      </c>
      <c r="C408">
        <v>571.36536000000001</v>
      </c>
      <c r="D408">
        <v>514.24009999999998</v>
      </c>
      <c r="E408">
        <v>0.95064526999999999</v>
      </c>
      <c r="F408">
        <v>702.40499999999997</v>
      </c>
      <c r="G408">
        <v>452.31369999999998</v>
      </c>
      <c r="H408">
        <v>0.92132440000000004</v>
      </c>
      <c r="I408">
        <v>689.67523000000006</v>
      </c>
      <c r="J408">
        <v>596.36689999999999</v>
      </c>
      <c r="K408">
        <v>0.92726209999999998</v>
      </c>
      <c r="L408">
        <f t="shared" si="55"/>
        <v>654.48186333333331</v>
      </c>
      <c r="M408">
        <f t="shared" si="56"/>
        <v>520.97356666666667</v>
      </c>
      <c r="N408">
        <f t="shared" si="57"/>
        <v>-10.934940472699967</v>
      </c>
      <c r="O408">
        <f t="shared" si="58"/>
        <v>2.2771536093699045</v>
      </c>
      <c r="Q408">
        <v>1129.1158</v>
      </c>
      <c r="R408">
        <v>518.30005000000006</v>
      </c>
      <c r="S408">
        <v>0.89793789999999996</v>
      </c>
      <c r="T408">
        <v>1248.838</v>
      </c>
      <c r="U408">
        <v>437.84910000000002</v>
      </c>
      <c r="V408">
        <v>0.90506690000000001</v>
      </c>
      <c r="W408">
        <v>1256.9160999999999</v>
      </c>
      <c r="X408">
        <v>582.78959999999995</v>
      </c>
      <c r="Y408">
        <v>0.89843494000000002</v>
      </c>
      <c r="Z408">
        <f t="shared" si="59"/>
        <v>1211.6233</v>
      </c>
      <c r="AA408">
        <f t="shared" si="60"/>
        <v>512.97958333333338</v>
      </c>
      <c r="AB408">
        <f t="shared" si="61"/>
        <v>11.780228539061977</v>
      </c>
      <c r="AC408">
        <f t="shared" si="62"/>
        <v>2.4131590868531116</v>
      </c>
    </row>
    <row r="409" spans="1:29" x14ac:dyDescent="0.4">
      <c r="A409">
        <v>406</v>
      </c>
      <c r="B409">
        <f t="shared" si="54"/>
        <v>13.533333333333333</v>
      </c>
      <c r="C409">
        <v>571.99225000000001</v>
      </c>
      <c r="D409">
        <v>514.05269999999996</v>
      </c>
      <c r="E409">
        <v>0.95476377000000001</v>
      </c>
      <c r="F409">
        <v>702.82270000000005</v>
      </c>
      <c r="G409">
        <v>452.27789999999999</v>
      </c>
      <c r="H409">
        <v>0.90992969999999995</v>
      </c>
      <c r="I409">
        <v>690.02459999999996</v>
      </c>
      <c r="J409">
        <v>596.30219999999997</v>
      </c>
      <c r="K409">
        <v>0.94037557000000005</v>
      </c>
      <c r="L409">
        <f t="shared" si="55"/>
        <v>654.94651666666664</v>
      </c>
      <c r="M409">
        <f t="shared" si="56"/>
        <v>520.87759999999992</v>
      </c>
      <c r="N409">
        <f t="shared" si="57"/>
        <v>-10.916124707180211</v>
      </c>
      <c r="O409">
        <f t="shared" si="58"/>
        <v>2.2809160641250976</v>
      </c>
      <c r="Q409">
        <v>1128.7914000000001</v>
      </c>
      <c r="R409">
        <v>518.29669999999999</v>
      </c>
      <c r="S409">
        <v>0.88968575000000005</v>
      </c>
      <c r="T409">
        <v>1248.4525000000001</v>
      </c>
      <c r="U409">
        <v>437.89055999999999</v>
      </c>
      <c r="V409">
        <v>0.89422349999999995</v>
      </c>
      <c r="W409">
        <v>1256.6157000000001</v>
      </c>
      <c r="X409">
        <v>582.72119999999995</v>
      </c>
      <c r="Y409">
        <v>0.90008025999999997</v>
      </c>
      <c r="Z409">
        <f t="shared" si="59"/>
        <v>1211.2865333333336</v>
      </c>
      <c r="AA409">
        <f t="shared" si="60"/>
        <v>512.96948666666663</v>
      </c>
      <c r="AB409">
        <f t="shared" si="61"/>
        <v>11.766388913362515</v>
      </c>
      <c r="AC409">
        <f t="shared" si="62"/>
        <v>2.4136887846032233</v>
      </c>
    </row>
    <row r="410" spans="1:29" x14ac:dyDescent="0.4">
      <c r="A410">
        <v>407</v>
      </c>
      <c r="B410">
        <f t="shared" si="54"/>
        <v>13.566666666666666</v>
      </c>
      <c r="C410">
        <v>572.29565000000002</v>
      </c>
      <c r="D410">
        <v>514.01089999999999</v>
      </c>
      <c r="E410">
        <v>0.95425486999999998</v>
      </c>
      <c r="F410">
        <v>703.32950000000005</v>
      </c>
      <c r="G410">
        <v>452.23630000000003</v>
      </c>
      <c r="H410">
        <v>0.89370154999999996</v>
      </c>
      <c r="I410">
        <v>690.57056</v>
      </c>
      <c r="J410">
        <v>596.19949999999994</v>
      </c>
      <c r="K410">
        <v>0.94177060000000001</v>
      </c>
      <c r="L410">
        <f t="shared" si="55"/>
        <v>655.39856999999995</v>
      </c>
      <c r="M410">
        <f t="shared" si="56"/>
        <v>520.81556666666665</v>
      </c>
      <c r="N410">
        <f t="shared" si="57"/>
        <v>-10.897829063292008</v>
      </c>
      <c r="O410">
        <f t="shared" si="58"/>
        <v>2.2832974311238847</v>
      </c>
      <c r="Q410">
        <v>1128.393</v>
      </c>
      <c r="R410">
        <v>518.30944999999997</v>
      </c>
      <c r="S410">
        <v>0.88894445</v>
      </c>
      <c r="T410">
        <v>1248.0323000000001</v>
      </c>
      <c r="U410">
        <v>437.76772999999997</v>
      </c>
      <c r="V410">
        <v>0.88498390000000005</v>
      </c>
      <c r="W410">
        <v>1256.1694</v>
      </c>
      <c r="X410">
        <v>582.86609999999996</v>
      </c>
      <c r="Y410">
        <v>0.8890479</v>
      </c>
      <c r="Z410">
        <f t="shared" si="59"/>
        <v>1210.8648999999998</v>
      </c>
      <c r="AA410">
        <f t="shared" si="60"/>
        <v>512.98109333333332</v>
      </c>
      <c r="AB410">
        <f t="shared" si="61"/>
        <v>11.749053977406765</v>
      </c>
      <c r="AC410">
        <f t="shared" si="62"/>
        <v>2.413362160030831</v>
      </c>
    </row>
    <row r="411" spans="1:29" x14ac:dyDescent="0.4">
      <c r="A411">
        <v>408</v>
      </c>
      <c r="B411">
        <f t="shared" si="54"/>
        <v>13.6</v>
      </c>
      <c r="C411">
        <v>572.67290000000003</v>
      </c>
      <c r="D411">
        <v>513.95669999999996</v>
      </c>
      <c r="E411">
        <v>0.94588649999999996</v>
      </c>
      <c r="F411">
        <v>703.80840000000001</v>
      </c>
      <c r="G411">
        <v>452.14490000000001</v>
      </c>
      <c r="H411">
        <v>0.87643384999999996</v>
      </c>
      <c r="I411">
        <v>691.07074</v>
      </c>
      <c r="J411">
        <v>596.25409999999999</v>
      </c>
      <c r="K411">
        <v>0.96372389999999997</v>
      </c>
      <c r="L411">
        <f t="shared" si="55"/>
        <v>655.85068000000001</v>
      </c>
      <c r="M411">
        <f t="shared" si="56"/>
        <v>520.78523333333339</v>
      </c>
      <c r="N411">
        <f t="shared" si="57"/>
        <v>-10.879541146300072</v>
      </c>
      <c r="O411">
        <f t="shared" si="58"/>
        <v>2.2843846567681174</v>
      </c>
      <c r="Q411">
        <v>1127.8665000000001</v>
      </c>
      <c r="R411">
        <v>518.43726000000004</v>
      </c>
      <c r="S411">
        <v>0.91109289999999998</v>
      </c>
      <c r="T411">
        <v>1247.5681999999999</v>
      </c>
      <c r="U411">
        <v>437.43900000000002</v>
      </c>
      <c r="V411">
        <v>0.89267129999999995</v>
      </c>
      <c r="W411">
        <v>1255.8267000000001</v>
      </c>
      <c r="X411">
        <v>583.02340000000004</v>
      </c>
      <c r="Y411">
        <v>0.89546113999999999</v>
      </c>
      <c r="Z411">
        <f t="shared" si="59"/>
        <v>1210.4204666666667</v>
      </c>
      <c r="AA411">
        <f t="shared" si="60"/>
        <v>512.96655333333331</v>
      </c>
      <c r="AB411">
        <f t="shared" si="61"/>
        <v>11.730790559768366</v>
      </c>
      <c r="AC411">
        <f t="shared" si="62"/>
        <v>2.4141108077247244</v>
      </c>
    </row>
    <row r="412" spans="1:29" x14ac:dyDescent="0.4">
      <c r="A412">
        <v>409</v>
      </c>
      <c r="B412">
        <f t="shared" si="54"/>
        <v>13.633333333333333</v>
      </c>
      <c r="C412">
        <v>573.34546</v>
      </c>
      <c r="D412">
        <v>514.125</v>
      </c>
      <c r="E412">
        <v>0.95533204000000005</v>
      </c>
      <c r="F412">
        <v>704.01764000000003</v>
      </c>
      <c r="G412">
        <v>452.05524000000003</v>
      </c>
      <c r="H412">
        <v>0.88226503000000001</v>
      </c>
      <c r="I412">
        <v>691.59094000000005</v>
      </c>
      <c r="J412">
        <v>596.21673999999996</v>
      </c>
      <c r="K412">
        <v>0.96346120000000002</v>
      </c>
      <c r="L412">
        <f t="shared" si="55"/>
        <v>656.3180133333334</v>
      </c>
      <c r="M412">
        <f t="shared" si="56"/>
        <v>520.79899333333333</v>
      </c>
      <c r="N412">
        <f t="shared" si="57"/>
        <v>-10.86065179304763</v>
      </c>
      <c r="O412">
        <f t="shared" si="58"/>
        <v>2.283666729822635</v>
      </c>
      <c r="Q412">
        <v>1127.5082</v>
      </c>
      <c r="R412">
        <v>518.32320000000004</v>
      </c>
      <c r="S412">
        <v>0.91099465000000002</v>
      </c>
      <c r="T412">
        <v>1247.2025000000001</v>
      </c>
      <c r="U412">
        <v>437.55817000000002</v>
      </c>
      <c r="V412">
        <v>0.90270170000000005</v>
      </c>
      <c r="W412">
        <v>1255.3931</v>
      </c>
      <c r="X412">
        <v>582.90935999999999</v>
      </c>
      <c r="Y412">
        <v>0.91102684</v>
      </c>
      <c r="Z412">
        <f t="shared" si="59"/>
        <v>1210.0346</v>
      </c>
      <c r="AA412">
        <f t="shared" si="60"/>
        <v>512.93024333333335</v>
      </c>
      <c r="AB412">
        <f t="shared" si="61"/>
        <v>11.71494173623298</v>
      </c>
      <c r="AC412">
        <f t="shared" si="62"/>
        <v>2.415727671328848</v>
      </c>
    </row>
    <row r="413" spans="1:29" x14ac:dyDescent="0.4">
      <c r="A413">
        <v>410</v>
      </c>
      <c r="B413">
        <f t="shared" si="54"/>
        <v>13.666666666666666</v>
      </c>
      <c r="C413">
        <v>573.97109999999998</v>
      </c>
      <c r="D413">
        <v>513.98773000000006</v>
      </c>
      <c r="E413">
        <v>0.94971019999999995</v>
      </c>
      <c r="F413">
        <v>704.40279999999996</v>
      </c>
      <c r="G413">
        <v>452.01758000000001</v>
      </c>
      <c r="H413">
        <v>0.88603054999999997</v>
      </c>
      <c r="I413">
        <v>692.0403</v>
      </c>
      <c r="J413">
        <v>596.28179999999998</v>
      </c>
      <c r="K413">
        <v>0.97226100000000004</v>
      </c>
      <c r="L413">
        <f t="shared" si="55"/>
        <v>656.80473333333339</v>
      </c>
      <c r="M413">
        <f t="shared" si="56"/>
        <v>520.76237000000003</v>
      </c>
      <c r="N413">
        <f t="shared" si="57"/>
        <v>-10.840962056025308</v>
      </c>
      <c r="O413">
        <f t="shared" si="58"/>
        <v>2.2849991580955273</v>
      </c>
      <c r="Q413">
        <v>1127.2285999999999</v>
      </c>
      <c r="R413">
        <v>518.31524999999999</v>
      </c>
      <c r="S413">
        <v>0.92398643000000003</v>
      </c>
      <c r="T413">
        <v>1246.7850000000001</v>
      </c>
      <c r="U413">
        <v>437.61867999999998</v>
      </c>
      <c r="V413">
        <v>0.90887879999999999</v>
      </c>
      <c r="W413">
        <v>1255.0288</v>
      </c>
      <c r="X413">
        <v>582.79750000000001</v>
      </c>
      <c r="Y413">
        <v>0.92180662999999996</v>
      </c>
      <c r="Z413">
        <f t="shared" si="59"/>
        <v>1209.6808000000001</v>
      </c>
      <c r="AA413">
        <f t="shared" si="60"/>
        <v>512.91047666666657</v>
      </c>
      <c r="AB413">
        <f t="shared" si="61"/>
        <v>11.700405772470729</v>
      </c>
      <c r="AC413">
        <f t="shared" si="62"/>
        <v>2.4166580329522294</v>
      </c>
    </row>
    <row r="414" spans="1:29" x14ac:dyDescent="0.4">
      <c r="A414">
        <v>411</v>
      </c>
      <c r="B414">
        <f t="shared" si="54"/>
        <v>13.7</v>
      </c>
      <c r="C414">
        <v>574.19479999999999</v>
      </c>
      <c r="D414">
        <v>514.02589999999998</v>
      </c>
      <c r="E414">
        <v>0.9355618</v>
      </c>
      <c r="F414">
        <v>704.92169999999999</v>
      </c>
      <c r="G414">
        <v>451.86005</v>
      </c>
      <c r="H414">
        <v>0.90528386999999999</v>
      </c>
      <c r="I414">
        <v>692.43010000000004</v>
      </c>
      <c r="J414">
        <v>596.20276000000001</v>
      </c>
      <c r="K414">
        <v>0.97316855000000002</v>
      </c>
      <c r="L414">
        <f t="shared" si="55"/>
        <v>657.18220000000008</v>
      </c>
      <c r="M414">
        <f t="shared" si="56"/>
        <v>520.69623666666666</v>
      </c>
      <c r="N414">
        <f t="shared" si="57"/>
        <v>-10.82567962698092</v>
      </c>
      <c r="O414">
        <f t="shared" si="58"/>
        <v>2.2875728075841155</v>
      </c>
      <c r="Q414">
        <v>1126.9617000000001</v>
      </c>
      <c r="R414">
        <v>518.12840000000006</v>
      </c>
      <c r="S414">
        <v>0.92745889999999997</v>
      </c>
      <c r="T414">
        <v>1246.3558</v>
      </c>
      <c r="U414">
        <v>437.49700000000001</v>
      </c>
      <c r="V414">
        <v>0.90721786000000004</v>
      </c>
      <c r="W414">
        <v>1254.6905999999999</v>
      </c>
      <c r="X414">
        <v>582.60990000000004</v>
      </c>
      <c r="Y414">
        <v>0.93375319999999995</v>
      </c>
      <c r="Z414">
        <f t="shared" si="59"/>
        <v>1209.3360333333333</v>
      </c>
      <c r="AA414">
        <f t="shared" si="60"/>
        <v>512.74510000000009</v>
      </c>
      <c r="AB414">
        <f t="shared" si="61"/>
        <v>11.686288450590055</v>
      </c>
      <c r="AC414">
        <f t="shared" si="62"/>
        <v>2.4235290983044053</v>
      </c>
    </row>
    <row r="415" spans="1:29" x14ac:dyDescent="0.4">
      <c r="A415">
        <v>412</v>
      </c>
      <c r="B415">
        <f t="shared" si="54"/>
        <v>13.733333333333333</v>
      </c>
      <c r="C415">
        <v>574.60895000000005</v>
      </c>
      <c r="D415">
        <v>514.02264000000002</v>
      </c>
      <c r="E415">
        <v>0.92221399999999998</v>
      </c>
      <c r="F415">
        <v>705.52246000000002</v>
      </c>
      <c r="G415">
        <v>451.76028000000002</v>
      </c>
      <c r="H415">
        <v>0.93053810000000003</v>
      </c>
      <c r="I415">
        <v>692.9674</v>
      </c>
      <c r="J415">
        <v>596.05290000000002</v>
      </c>
      <c r="K415">
        <v>0.98786043999999995</v>
      </c>
      <c r="L415">
        <f t="shared" si="55"/>
        <v>657.69960333333336</v>
      </c>
      <c r="M415">
        <f t="shared" si="56"/>
        <v>520.61194000000012</v>
      </c>
      <c r="N415">
        <f t="shared" si="57"/>
        <v>-10.804733381589147</v>
      </c>
      <c r="O415">
        <f t="shared" si="58"/>
        <v>2.2908411719525632</v>
      </c>
      <c r="Q415">
        <v>1126.6809000000001</v>
      </c>
      <c r="R415">
        <v>518.14419999999996</v>
      </c>
      <c r="S415">
        <v>0.92460960000000003</v>
      </c>
      <c r="T415">
        <v>1246.0023000000001</v>
      </c>
      <c r="U415">
        <v>437.55153999999999</v>
      </c>
      <c r="V415">
        <v>0.91634000000000004</v>
      </c>
      <c r="W415">
        <v>1254.3815999999999</v>
      </c>
      <c r="X415">
        <v>582.6499</v>
      </c>
      <c r="Y415">
        <v>0.9363515</v>
      </c>
      <c r="Z415">
        <f t="shared" si="59"/>
        <v>1209.0216</v>
      </c>
      <c r="AA415">
        <f t="shared" si="60"/>
        <v>512.78188</v>
      </c>
      <c r="AB415">
        <f t="shared" si="61"/>
        <v>11.673352521447622</v>
      </c>
      <c r="AC415">
        <f t="shared" si="62"/>
        <v>2.4221374570568264</v>
      </c>
    </row>
    <row r="416" spans="1:29" x14ac:dyDescent="0.4">
      <c r="A416">
        <v>413</v>
      </c>
      <c r="B416">
        <f t="shared" si="54"/>
        <v>13.766666666666667</v>
      </c>
      <c r="C416">
        <v>575.24663999999996</v>
      </c>
      <c r="D416">
        <v>513.67412999999999</v>
      </c>
      <c r="E416">
        <v>0.91444999999999999</v>
      </c>
      <c r="F416">
        <v>705.83540000000005</v>
      </c>
      <c r="G416">
        <v>451.59840000000003</v>
      </c>
      <c r="H416">
        <v>0.91683619999999999</v>
      </c>
      <c r="I416">
        <v>693.46389999999997</v>
      </c>
      <c r="J416">
        <v>595.97059999999999</v>
      </c>
      <c r="K416">
        <v>0.97183710000000001</v>
      </c>
      <c r="L416">
        <f t="shared" si="55"/>
        <v>658.18197999999995</v>
      </c>
      <c r="M416">
        <f t="shared" si="56"/>
        <v>520.41437666666661</v>
      </c>
      <c r="N416">
        <f t="shared" si="57"/>
        <v>-10.785166307318596</v>
      </c>
      <c r="O416">
        <f t="shared" si="58"/>
        <v>2.2987451988638528</v>
      </c>
      <c r="Q416">
        <v>1126.4069</v>
      </c>
      <c r="R416">
        <v>518.17610000000002</v>
      </c>
      <c r="S416">
        <v>0.94046359999999996</v>
      </c>
      <c r="T416">
        <v>1245.665</v>
      </c>
      <c r="U416">
        <v>437.55797999999999</v>
      </c>
      <c r="V416">
        <v>0.93073070000000002</v>
      </c>
      <c r="W416">
        <v>1254.0608</v>
      </c>
      <c r="X416">
        <v>582.60015999999996</v>
      </c>
      <c r="Y416">
        <v>0.93540365000000003</v>
      </c>
      <c r="Z416">
        <f t="shared" si="59"/>
        <v>1208.7109</v>
      </c>
      <c r="AA416">
        <f t="shared" si="60"/>
        <v>512.77807999999993</v>
      </c>
      <c r="AB416">
        <f t="shared" si="61"/>
        <v>11.66058331282145</v>
      </c>
      <c r="AC416">
        <f t="shared" si="62"/>
        <v>2.4224010016192628</v>
      </c>
    </row>
    <row r="417" spans="1:29" x14ac:dyDescent="0.4">
      <c r="A417">
        <v>414</v>
      </c>
      <c r="B417">
        <f t="shared" si="54"/>
        <v>13.8</v>
      </c>
      <c r="C417">
        <v>575.68359999999996</v>
      </c>
      <c r="D417">
        <v>513.48737000000006</v>
      </c>
      <c r="E417">
        <v>0.91768472999999995</v>
      </c>
      <c r="F417">
        <v>706.23289999999997</v>
      </c>
      <c r="G417">
        <v>451.50970000000001</v>
      </c>
      <c r="H417">
        <v>0.91591339999999999</v>
      </c>
      <c r="I417">
        <v>693.79539999999997</v>
      </c>
      <c r="J417">
        <v>596.01184000000001</v>
      </c>
      <c r="K417">
        <v>0.98438689999999995</v>
      </c>
      <c r="L417">
        <f t="shared" si="55"/>
        <v>658.57063333333326</v>
      </c>
      <c r="M417">
        <f t="shared" si="56"/>
        <v>520.33630333333338</v>
      </c>
      <c r="N417">
        <f t="shared" si="57"/>
        <v>-10.769427077944954</v>
      </c>
      <c r="O417">
        <f t="shared" si="58"/>
        <v>2.3018025193591956</v>
      </c>
      <c r="Q417">
        <v>1126.1603</v>
      </c>
      <c r="R417">
        <v>518.31213000000002</v>
      </c>
      <c r="S417">
        <v>0.94032009999999999</v>
      </c>
      <c r="T417">
        <v>1245.2701</v>
      </c>
      <c r="U417">
        <v>437.50385</v>
      </c>
      <c r="V417">
        <v>0.93600760000000005</v>
      </c>
      <c r="W417">
        <v>1253.7191</v>
      </c>
      <c r="X417">
        <v>582.54645000000005</v>
      </c>
      <c r="Y417">
        <v>0.94088464999999999</v>
      </c>
      <c r="Z417">
        <f t="shared" si="59"/>
        <v>1208.3831666666667</v>
      </c>
      <c r="AA417">
        <f t="shared" si="60"/>
        <v>512.78747666666675</v>
      </c>
      <c r="AB417">
        <f t="shared" si="61"/>
        <v>11.647109847560584</v>
      </c>
      <c r="AC417">
        <f t="shared" si="62"/>
        <v>2.4221317944965928</v>
      </c>
    </row>
    <row r="418" spans="1:29" x14ac:dyDescent="0.4">
      <c r="A418">
        <v>415</v>
      </c>
      <c r="B418">
        <f t="shared" si="54"/>
        <v>13.833333333333334</v>
      </c>
      <c r="C418">
        <v>576.04499999999996</v>
      </c>
      <c r="D418">
        <v>513.47040000000004</v>
      </c>
      <c r="E418">
        <v>0.92230343999999997</v>
      </c>
      <c r="F418">
        <v>706.74554000000001</v>
      </c>
      <c r="G418">
        <v>451.6207</v>
      </c>
      <c r="H418">
        <v>0.92250496000000004</v>
      </c>
      <c r="I418">
        <v>694.35204999999996</v>
      </c>
      <c r="J418">
        <v>595.91863999999998</v>
      </c>
      <c r="K418">
        <v>0.97607166000000001</v>
      </c>
      <c r="L418">
        <f t="shared" si="55"/>
        <v>659.04752999999994</v>
      </c>
      <c r="M418">
        <f t="shared" si="56"/>
        <v>520.33658000000003</v>
      </c>
      <c r="N418">
        <f t="shared" si="57"/>
        <v>-10.750145139555361</v>
      </c>
      <c r="O418">
        <f t="shared" si="58"/>
        <v>2.3016318029353684</v>
      </c>
      <c r="Q418">
        <v>1125.7831000000001</v>
      </c>
      <c r="R418">
        <v>518.28045999999995</v>
      </c>
      <c r="S418">
        <v>0.96204590000000001</v>
      </c>
      <c r="T418">
        <v>1244.923</v>
      </c>
      <c r="U418">
        <v>437.33069999999998</v>
      </c>
      <c r="V418">
        <v>0.94709635000000003</v>
      </c>
      <c r="W418">
        <v>1253.4688000000001</v>
      </c>
      <c r="X418">
        <v>582.53216999999995</v>
      </c>
      <c r="Y418">
        <v>0.93900275</v>
      </c>
      <c r="Z418">
        <f t="shared" si="59"/>
        <v>1208.0583000000001</v>
      </c>
      <c r="AA418">
        <f t="shared" si="60"/>
        <v>512.71444333333329</v>
      </c>
      <c r="AB418">
        <f t="shared" si="61"/>
        <v>11.633781053669994</v>
      </c>
      <c r="AC418">
        <f t="shared" si="62"/>
        <v>2.4252264082498898</v>
      </c>
    </row>
    <row r="419" spans="1:29" x14ac:dyDescent="0.4">
      <c r="A419">
        <v>416</v>
      </c>
      <c r="B419">
        <f t="shared" si="54"/>
        <v>13.866666666666667</v>
      </c>
      <c r="C419">
        <v>576.56479999999999</v>
      </c>
      <c r="D419">
        <v>513.42773</v>
      </c>
      <c r="E419">
        <v>0.92547420000000002</v>
      </c>
      <c r="F419">
        <v>707.35149999999999</v>
      </c>
      <c r="G419">
        <v>451.6001</v>
      </c>
      <c r="H419">
        <v>0.92455430000000005</v>
      </c>
      <c r="I419">
        <v>694.85599999999999</v>
      </c>
      <c r="J419">
        <v>595.89954</v>
      </c>
      <c r="K419">
        <v>0.9753674</v>
      </c>
      <c r="L419">
        <f t="shared" si="55"/>
        <v>659.59076666666658</v>
      </c>
      <c r="M419">
        <f t="shared" si="56"/>
        <v>520.30912333333333</v>
      </c>
      <c r="N419">
        <f t="shared" si="57"/>
        <v>-10.72817160259155</v>
      </c>
      <c r="O419">
        <f t="shared" si="58"/>
        <v>2.3025710777736297</v>
      </c>
      <c r="Q419">
        <v>1125.5327</v>
      </c>
      <c r="R419">
        <v>518.29345999999998</v>
      </c>
      <c r="S419">
        <v>0.96594120000000006</v>
      </c>
      <c r="T419">
        <v>1244.6395</v>
      </c>
      <c r="U419">
        <v>437.26177999999999</v>
      </c>
      <c r="V419">
        <v>0.95030177000000005</v>
      </c>
      <c r="W419">
        <v>1253.1903</v>
      </c>
      <c r="X419">
        <v>582.46190000000001</v>
      </c>
      <c r="Y419">
        <v>0.93839662999999995</v>
      </c>
      <c r="Z419">
        <f t="shared" si="59"/>
        <v>1207.7875000000001</v>
      </c>
      <c r="AA419">
        <f t="shared" si="60"/>
        <v>512.67237999999998</v>
      </c>
      <c r="AB419">
        <f t="shared" si="61"/>
        <v>11.622664534210942</v>
      </c>
      <c r="AC419">
        <f t="shared" si="62"/>
        <v>2.4270379445528896</v>
      </c>
    </row>
    <row r="420" spans="1:29" x14ac:dyDescent="0.4">
      <c r="A420">
        <v>417</v>
      </c>
      <c r="B420">
        <f t="shared" si="54"/>
        <v>13.9</v>
      </c>
      <c r="C420">
        <v>576.94934000000001</v>
      </c>
      <c r="D420">
        <v>513.43039999999996</v>
      </c>
      <c r="E420">
        <v>0.93499887000000004</v>
      </c>
      <c r="F420">
        <v>707.91669999999999</v>
      </c>
      <c r="G420">
        <v>451.73649999999998</v>
      </c>
      <c r="H420">
        <v>0.92286230000000002</v>
      </c>
      <c r="I420">
        <v>695.39746000000002</v>
      </c>
      <c r="J420">
        <v>595.86030000000005</v>
      </c>
      <c r="K420">
        <v>0.95960809999999996</v>
      </c>
      <c r="L420">
        <f t="shared" si="55"/>
        <v>660.08783333333338</v>
      </c>
      <c r="M420">
        <f t="shared" si="56"/>
        <v>520.3424</v>
      </c>
      <c r="N420">
        <f t="shared" si="57"/>
        <v>-10.708084209456118</v>
      </c>
      <c r="O420">
        <f t="shared" si="58"/>
        <v>2.3010464250565472</v>
      </c>
      <c r="Q420">
        <v>1125.0934</v>
      </c>
      <c r="R420">
        <v>518.11289999999997</v>
      </c>
      <c r="S420">
        <v>0.98648469999999999</v>
      </c>
      <c r="T420">
        <v>1244.2720999999999</v>
      </c>
      <c r="U420">
        <v>437.26891999999998</v>
      </c>
      <c r="V420">
        <v>0.94584170000000001</v>
      </c>
      <c r="W420">
        <v>1252.8452</v>
      </c>
      <c r="X420">
        <v>582.41679999999997</v>
      </c>
      <c r="Y420">
        <v>0.94904279999999996</v>
      </c>
      <c r="Z420">
        <f t="shared" si="59"/>
        <v>1207.4035666666666</v>
      </c>
      <c r="AA420">
        <f t="shared" si="60"/>
        <v>512.59954000000005</v>
      </c>
      <c r="AB420">
        <f t="shared" si="61"/>
        <v>11.606908249235307</v>
      </c>
      <c r="AC420">
        <f t="shared" si="62"/>
        <v>2.43014526823087</v>
      </c>
    </row>
    <row r="421" spans="1:29" x14ac:dyDescent="0.4">
      <c r="A421">
        <v>418</v>
      </c>
      <c r="B421">
        <f t="shared" si="54"/>
        <v>13.933333333333334</v>
      </c>
      <c r="C421">
        <v>577.4153</v>
      </c>
      <c r="D421">
        <v>513.55029999999999</v>
      </c>
      <c r="E421">
        <v>0.95318793999999996</v>
      </c>
      <c r="F421">
        <v>708.31320000000005</v>
      </c>
      <c r="G421">
        <v>451.88630000000001</v>
      </c>
      <c r="H421">
        <v>0.93289599999999995</v>
      </c>
      <c r="I421">
        <v>695.88256999999999</v>
      </c>
      <c r="J421">
        <v>595.8492</v>
      </c>
      <c r="K421">
        <v>0.94464049999999999</v>
      </c>
      <c r="L421">
        <f t="shared" si="55"/>
        <v>660.53702333333342</v>
      </c>
      <c r="M421">
        <f t="shared" si="56"/>
        <v>520.42860000000007</v>
      </c>
      <c r="N421">
        <f t="shared" si="57"/>
        <v>-10.689949522312233</v>
      </c>
      <c r="O421">
        <f t="shared" si="58"/>
        <v>2.2973772475727992</v>
      </c>
      <c r="Q421">
        <v>1124.5815</v>
      </c>
      <c r="R421">
        <v>518.17039999999997</v>
      </c>
      <c r="S421">
        <v>0.99298154999999999</v>
      </c>
      <c r="T421">
        <v>1243.8833</v>
      </c>
      <c r="U421">
        <v>437.20553999999998</v>
      </c>
      <c r="V421">
        <v>0.92748576000000005</v>
      </c>
      <c r="W421">
        <v>1252.5291999999999</v>
      </c>
      <c r="X421">
        <v>582.37729999999999</v>
      </c>
      <c r="Y421">
        <v>0.953179</v>
      </c>
      <c r="Z421">
        <f t="shared" si="59"/>
        <v>1206.9979999999998</v>
      </c>
      <c r="AA421">
        <f t="shared" si="60"/>
        <v>512.58441333333337</v>
      </c>
      <c r="AB421">
        <f t="shared" si="61"/>
        <v>11.590244309800875</v>
      </c>
      <c r="AC421">
        <f t="shared" si="62"/>
        <v>2.4309042587781531</v>
      </c>
    </row>
    <row r="422" spans="1:29" x14ac:dyDescent="0.4">
      <c r="A422">
        <v>419</v>
      </c>
      <c r="B422">
        <f t="shared" si="54"/>
        <v>13.966666666666667</v>
      </c>
      <c r="C422">
        <v>577.90173000000004</v>
      </c>
      <c r="D422">
        <v>513.49676999999997</v>
      </c>
      <c r="E422">
        <v>0.93740182999999999</v>
      </c>
      <c r="F422">
        <v>708.79047000000003</v>
      </c>
      <c r="G422">
        <v>451.80783000000002</v>
      </c>
      <c r="H422">
        <v>0.92232630000000004</v>
      </c>
      <c r="I422">
        <v>696.18506000000002</v>
      </c>
      <c r="J422">
        <v>595.73839999999996</v>
      </c>
      <c r="K422">
        <v>0.90989165999999999</v>
      </c>
      <c r="L422">
        <f t="shared" si="55"/>
        <v>660.95908666666662</v>
      </c>
      <c r="M422">
        <f t="shared" si="56"/>
        <v>520.34766666666667</v>
      </c>
      <c r="N422">
        <f t="shared" si="57"/>
        <v>-10.672857322143795</v>
      </c>
      <c r="O422">
        <f t="shared" si="58"/>
        <v>2.3005401291960506</v>
      </c>
      <c r="Q422">
        <v>1124.1829</v>
      </c>
      <c r="R422">
        <v>518.22125000000005</v>
      </c>
      <c r="S422">
        <v>1</v>
      </c>
      <c r="T422">
        <v>1243.4185</v>
      </c>
      <c r="U422">
        <v>437.28082000000001</v>
      </c>
      <c r="V422">
        <v>0.91930909999999999</v>
      </c>
      <c r="W422">
        <v>1252.3554999999999</v>
      </c>
      <c r="X422">
        <v>582.34559999999999</v>
      </c>
      <c r="Y422">
        <v>0.95437324000000001</v>
      </c>
      <c r="Z422">
        <f t="shared" si="59"/>
        <v>1206.6523</v>
      </c>
      <c r="AA422">
        <f t="shared" si="60"/>
        <v>512.61589000000004</v>
      </c>
      <c r="AB422">
        <f t="shared" si="61"/>
        <v>11.576025950940622</v>
      </c>
      <c r="AC422">
        <f t="shared" si="62"/>
        <v>2.42973999372794</v>
      </c>
    </row>
    <row r="423" spans="1:29" x14ac:dyDescent="0.4">
      <c r="A423">
        <v>420</v>
      </c>
      <c r="B423">
        <f t="shared" si="54"/>
        <v>14</v>
      </c>
      <c r="C423">
        <v>578.47820000000002</v>
      </c>
      <c r="D423">
        <v>513.53449999999998</v>
      </c>
      <c r="E423">
        <v>0.94571035999999997</v>
      </c>
      <c r="F423">
        <v>709.42759999999998</v>
      </c>
      <c r="G423">
        <v>451.90906000000001</v>
      </c>
      <c r="H423">
        <v>0.91706589999999999</v>
      </c>
      <c r="I423">
        <v>696.70600000000002</v>
      </c>
      <c r="J423">
        <v>595.57934999999998</v>
      </c>
      <c r="K423">
        <v>0.90318966000000001</v>
      </c>
      <c r="L423">
        <f t="shared" si="55"/>
        <v>661.53726666666671</v>
      </c>
      <c r="M423">
        <f t="shared" si="56"/>
        <v>520.34096999999997</v>
      </c>
      <c r="N423">
        <f t="shared" si="57"/>
        <v>-10.649476289905362</v>
      </c>
      <c r="O423">
        <f t="shared" si="58"/>
        <v>2.3006201939693884</v>
      </c>
      <c r="Q423">
        <v>1123.7094</v>
      </c>
      <c r="R423">
        <v>518.30193999999995</v>
      </c>
      <c r="S423">
        <v>1</v>
      </c>
      <c r="T423">
        <v>1243.1542999999999</v>
      </c>
      <c r="U423">
        <v>437.16289999999998</v>
      </c>
      <c r="V423">
        <v>0.91575825</v>
      </c>
      <c r="W423">
        <v>1251.9025999999999</v>
      </c>
      <c r="X423">
        <v>582.31195000000002</v>
      </c>
      <c r="Y423">
        <v>0.96057970000000004</v>
      </c>
      <c r="Z423">
        <f t="shared" si="59"/>
        <v>1206.2554333333333</v>
      </c>
      <c r="AA423">
        <f t="shared" si="60"/>
        <v>512.59226333333334</v>
      </c>
      <c r="AB423">
        <f t="shared" si="61"/>
        <v>11.559722698670694</v>
      </c>
      <c r="AC423">
        <f t="shared" si="62"/>
        <v>2.4308429134251095</v>
      </c>
    </row>
    <row r="424" spans="1:29" x14ac:dyDescent="0.4">
      <c r="A424">
        <v>421</v>
      </c>
      <c r="B424">
        <f t="shared" si="54"/>
        <v>14.033333333333333</v>
      </c>
      <c r="C424">
        <v>578.97753999999998</v>
      </c>
      <c r="D424">
        <v>513.53905999999995</v>
      </c>
      <c r="E424">
        <v>0.95246500000000001</v>
      </c>
      <c r="F424">
        <v>709.74659999999994</v>
      </c>
      <c r="G424">
        <v>451.84109999999998</v>
      </c>
      <c r="H424">
        <v>0.91199450000000004</v>
      </c>
      <c r="I424">
        <v>697.12199999999996</v>
      </c>
      <c r="J424">
        <v>595.54570000000001</v>
      </c>
      <c r="K424">
        <v>0.90054230000000002</v>
      </c>
      <c r="L424">
        <f t="shared" si="55"/>
        <v>661.94871333333322</v>
      </c>
      <c r="M424">
        <f t="shared" si="56"/>
        <v>520.30861999999991</v>
      </c>
      <c r="N424">
        <f t="shared" si="57"/>
        <v>-10.63282860793586</v>
      </c>
      <c r="O424">
        <f t="shared" si="58"/>
        <v>2.3018032637606223</v>
      </c>
      <c r="Q424">
        <v>1123.3069</v>
      </c>
      <c r="R424">
        <v>518.33249999999998</v>
      </c>
      <c r="S424">
        <v>0.99503739999999996</v>
      </c>
      <c r="T424">
        <v>1242.7292</v>
      </c>
      <c r="U424">
        <v>437.25060000000002</v>
      </c>
      <c r="V424">
        <v>0.94576806000000002</v>
      </c>
      <c r="W424">
        <v>1251.4039</v>
      </c>
      <c r="X424">
        <v>582.21699999999998</v>
      </c>
      <c r="Y424">
        <v>0.96081865</v>
      </c>
      <c r="Z424">
        <f t="shared" si="59"/>
        <v>1205.8133333333335</v>
      </c>
      <c r="AA424">
        <f t="shared" si="60"/>
        <v>512.60003333333327</v>
      </c>
      <c r="AB424">
        <f t="shared" si="61"/>
        <v>11.541550441117034</v>
      </c>
      <c r="AC424">
        <f t="shared" si="62"/>
        <v>2.430679988770982</v>
      </c>
    </row>
    <row r="425" spans="1:29" x14ac:dyDescent="0.4">
      <c r="A425">
        <v>422</v>
      </c>
      <c r="B425">
        <f t="shared" si="54"/>
        <v>14.066666666666666</v>
      </c>
      <c r="C425">
        <v>579.65329999999994</v>
      </c>
      <c r="D425">
        <v>513.40589999999997</v>
      </c>
      <c r="E425">
        <v>0.95520185999999996</v>
      </c>
      <c r="F425">
        <v>710.13340000000005</v>
      </c>
      <c r="G425">
        <v>451.68533000000002</v>
      </c>
      <c r="H425">
        <v>0.90894030000000003</v>
      </c>
      <c r="I425">
        <v>697.59625000000005</v>
      </c>
      <c r="J425">
        <v>595.58550000000002</v>
      </c>
      <c r="K425">
        <v>0.91422563999999995</v>
      </c>
      <c r="L425">
        <f t="shared" si="55"/>
        <v>662.46098333333339</v>
      </c>
      <c r="M425">
        <f t="shared" si="56"/>
        <v>520.22557666666671</v>
      </c>
      <c r="N425">
        <f t="shared" si="57"/>
        <v>-10.612087339445493</v>
      </c>
      <c r="O425">
        <f t="shared" si="58"/>
        <v>2.3050220991920614</v>
      </c>
      <c r="Q425">
        <v>1122.9358</v>
      </c>
      <c r="R425">
        <v>518.33594000000005</v>
      </c>
      <c r="S425">
        <v>0.98457280000000003</v>
      </c>
      <c r="T425">
        <v>1242.4685999999999</v>
      </c>
      <c r="U425">
        <v>437.22113000000002</v>
      </c>
      <c r="V425">
        <v>0.91059595000000004</v>
      </c>
      <c r="W425">
        <v>1251.0441000000001</v>
      </c>
      <c r="X425">
        <v>582.20574999999997</v>
      </c>
      <c r="Y425">
        <v>0.96146655000000003</v>
      </c>
      <c r="Z425">
        <f t="shared" si="59"/>
        <v>1205.4828333333332</v>
      </c>
      <c r="AA425">
        <f t="shared" si="60"/>
        <v>512.5876066666666</v>
      </c>
      <c r="AB425">
        <f t="shared" si="61"/>
        <v>11.527971501171914</v>
      </c>
      <c r="AC425">
        <f t="shared" si="62"/>
        <v>2.431302557602335</v>
      </c>
    </row>
    <row r="426" spans="1:29" x14ac:dyDescent="0.4">
      <c r="A426">
        <v>423</v>
      </c>
      <c r="B426">
        <f t="shared" si="54"/>
        <v>14.1</v>
      </c>
      <c r="C426">
        <v>579.82574</v>
      </c>
      <c r="D426">
        <v>513.41999999999996</v>
      </c>
      <c r="E426">
        <v>0.95914049999999995</v>
      </c>
      <c r="F426">
        <v>710.59550000000002</v>
      </c>
      <c r="G426">
        <v>451.75015000000002</v>
      </c>
      <c r="H426">
        <v>0.91594220000000004</v>
      </c>
      <c r="I426">
        <v>697.98500000000001</v>
      </c>
      <c r="J426">
        <v>595.46893</v>
      </c>
      <c r="K426">
        <v>0.92071930000000002</v>
      </c>
      <c r="L426">
        <f t="shared" si="55"/>
        <v>662.80208000000005</v>
      </c>
      <c r="M426">
        <f t="shared" si="56"/>
        <v>520.21302666666668</v>
      </c>
      <c r="N426">
        <f t="shared" si="57"/>
        <v>-10.598290364835684</v>
      </c>
      <c r="O426">
        <f t="shared" si="58"/>
        <v>2.3054203751638833</v>
      </c>
      <c r="Q426">
        <v>1122.5264999999999</v>
      </c>
      <c r="R426">
        <v>518.32060000000001</v>
      </c>
      <c r="S426">
        <v>0.98265404000000001</v>
      </c>
      <c r="T426">
        <v>1242.0254</v>
      </c>
      <c r="U426">
        <v>437.02704</v>
      </c>
      <c r="V426">
        <v>0.9324597</v>
      </c>
      <c r="W426">
        <v>1250.6635000000001</v>
      </c>
      <c r="X426">
        <v>582.09937000000002</v>
      </c>
      <c r="Y426">
        <v>0.95883160000000001</v>
      </c>
      <c r="Z426">
        <f t="shared" si="59"/>
        <v>1205.0717999999999</v>
      </c>
      <c r="AA426">
        <f t="shared" si="60"/>
        <v>512.48233666666658</v>
      </c>
      <c r="AB426">
        <f t="shared" si="61"/>
        <v>11.511113061720982</v>
      </c>
      <c r="AC426">
        <f t="shared" si="62"/>
        <v>2.4357431109517584</v>
      </c>
    </row>
    <row r="427" spans="1:29" x14ac:dyDescent="0.4">
      <c r="A427">
        <v>424</v>
      </c>
      <c r="B427">
        <f t="shared" si="54"/>
        <v>14.133333333333333</v>
      </c>
      <c r="C427">
        <v>580.20965999999999</v>
      </c>
      <c r="D427">
        <v>513.20749999999998</v>
      </c>
      <c r="E427">
        <v>0.95335186000000005</v>
      </c>
      <c r="F427">
        <v>711.08330000000001</v>
      </c>
      <c r="G427">
        <v>451.76067999999998</v>
      </c>
      <c r="H427">
        <v>0.90815299999999999</v>
      </c>
      <c r="I427">
        <v>698.4443</v>
      </c>
      <c r="J427">
        <v>595.3931</v>
      </c>
      <c r="K427">
        <v>0.92820393999999995</v>
      </c>
      <c r="L427">
        <f t="shared" si="55"/>
        <v>663.24575333333325</v>
      </c>
      <c r="M427">
        <f t="shared" si="56"/>
        <v>520.12042666666673</v>
      </c>
      <c r="N427">
        <f t="shared" si="57"/>
        <v>-10.580319362723191</v>
      </c>
      <c r="O427">
        <f t="shared" si="58"/>
        <v>2.3090522719514128</v>
      </c>
      <c r="Q427">
        <v>1122.2393</v>
      </c>
      <c r="R427">
        <v>518.32680000000005</v>
      </c>
      <c r="S427">
        <v>0.98724780000000001</v>
      </c>
      <c r="T427">
        <v>1241.7556999999999</v>
      </c>
      <c r="U427">
        <v>437.01175000000001</v>
      </c>
      <c r="V427">
        <v>0.89612939999999996</v>
      </c>
      <c r="W427">
        <v>1250.2538999999999</v>
      </c>
      <c r="X427">
        <v>582.09389999999996</v>
      </c>
      <c r="Y427">
        <v>0.94920090000000001</v>
      </c>
      <c r="Z427">
        <f t="shared" si="59"/>
        <v>1204.7496333333331</v>
      </c>
      <c r="AA427">
        <f t="shared" si="60"/>
        <v>512.47748333333334</v>
      </c>
      <c r="AB427">
        <f t="shared" si="61"/>
        <v>11.497874441700072</v>
      </c>
      <c r="AC427">
        <f t="shared" si="62"/>
        <v>2.4360536199436313</v>
      </c>
    </row>
    <row r="428" spans="1:29" x14ac:dyDescent="0.4">
      <c r="A428">
        <v>425</v>
      </c>
      <c r="B428">
        <f t="shared" si="54"/>
        <v>14.166666666666666</v>
      </c>
      <c r="C428">
        <v>580.67345999999998</v>
      </c>
      <c r="D428">
        <v>513.06690000000003</v>
      </c>
      <c r="E428">
        <v>0.95285635999999996</v>
      </c>
      <c r="F428">
        <v>711.54314999999997</v>
      </c>
      <c r="G428">
        <v>451.89603</v>
      </c>
      <c r="H428">
        <v>0.89972920000000001</v>
      </c>
      <c r="I428">
        <v>698.80589999999995</v>
      </c>
      <c r="J428">
        <v>595.42957000000001</v>
      </c>
      <c r="K428">
        <v>0.93015300000000001</v>
      </c>
      <c r="L428">
        <f t="shared" si="55"/>
        <v>663.67416999999989</v>
      </c>
      <c r="M428">
        <f t="shared" si="56"/>
        <v>520.13083333333327</v>
      </c>
      <c r="N428">
        <f t="shared" si="57"/>
        <v>-10.562998436695569</v>
      </c>
      <c r="O428">
        <f t="shared" si="58"/>
        <v>2.3084841661800803</v>
      </c>
      <c r="Q428">
        <v>1121.7825</v>
      </c>
      <c r="R428">
        <v>518.34870000000001</v>
      </c>
      <c r="S428">
        <v>0.9770278</v>
      </c>
      <c r="T428">
        <v>1241.3134</v>
      </c>
      <c r="U428">
        <v>437.05239999999998</v>
      </c>
      <c r="V428">
        <v>0.91110265000000001</v>
      </c>
      <c r="W428">
        <v>1249.9260999999999</v>
      </c>
      <c r="X428">
        <v>581.99860000000001</v>
      </c>
      <c r="Y428">
        <v>0.951878</v>
      </c>
      <c r="Z428">
        <f t="shared" si="59"/>
        <v>1204.3406666666667</v>
      </c>
      <c r="AA428">
        <f t="shared" si="60"/>
        <v>512.46656666666661</v>
      </c>
      <c r="AB428">
        <f t="shared" si="61"/>
        <v>11.481070719911314</v>
      </c>
      <c r="AC428">
        <f t="shared" si="62"/>
        <v>2.436641913786191</v>
      </c>
    </row>
    <row r="429" spans="1:29" x14ac:dyDescent="0.4">
      <c r="A429">
        <v>426</v>
      </c>
      <c r="B429">
        <f t="shared" si="54"/>
        <v>14.2</v>
      </c>
      <c r="C429">
        <v>581.33185000000003</v>
      </c>
      <c r="D429">
        <v>513.03309999999999</v>
      </c>
      <c r="E429">
        <v>0.95001393999999995</v>
      </c>
      <c r="F429">
        <v>711.83889999999997</v>
      </c>
      <c r="G429">
        <v>451.64084000000003</v>
      </c>
      <c r="H429">
        <v>0.90193080000000003</v>
      </c>
      <c r="I429">
        <v>699.29125999999997</v>
      </c>
      <c r="J429">
        <v>595.40930000000003</v>
      </c>
      <c r="K429">
        <v>0.94589155999999996</v>
      </c>
      <c r="L429">
        <f t="shared" si="55"/>
        <v>664.15400333333332</v>
      </c>
      <c r="M429">
        <f t="shared" si="56"/>
        <v>520.02774666666664</v>
      </c>
      <c r="N429">
        <f t="shared" si="57"/>
        <v>-10.543561300095675</v>
      </c>
      <c r="O429">
        <f t="shared" si="58"/>
        <v>2.3125320588322889</v>
      </c>
      <c r="Q429">
        <v>1121.3788</v>
      </c>
      <c r="R429">
        <v>518.39250000000004</v>
      </c>
      <c r="S429">
        <v>0.9523836</v>
      </c>
      <c r="T429">
        <v>1240.8197</v>
      </c>
      <c r="U429">
        <v>437.2088</v>
      </c>
      <c r="V429">
        <v>0.89211892999999998</v>
      </c>
      <c r="W429">
        <v>1249.7157</v>
      </c>
      <c r="X429">
        <v>581.91110000000003</v>
      </c>
      <c r="Y429">
        <v>0.94460750000000004</v>
      </c>
      <c r="Z429">
        <f t="shared" si="59"/>
        <v>1203.9714000000001</v>
      </c>
      <c r="AA429">
        <f t="shared" si="60"/>
        <v>512.50413333333336</v>
      </c>
      <c r="AB429">
        <f t="shared" si="61"/>
        <v>11.465883005020467</v>
      </c>
      <c r="AC429">
        <f t="shared" si="62"/>
        <v>2.4352372514858907</v>
      </c>
    </row>
    <row r="430" spans="1:29" x14ac:dyDescent="0.4">
      <c r="A430">
        <v>427</v>
      </c>
      <c r="B430">
        <f t="shared" si="54"/>
        <v>14.233333333333333</v>
      </c>
      <c r="C430">
        <v>581.69110000000001</v>
      </c>
      <c r="D430">
        <v>513.04989999999998</v>
      </c>
      <c r="E430">
        <v>0.93531734</v>
      </c>
      <c r="F430">
        <v>712.37</v>
      </c>
      <c r="G430">
        <v>451.61995999999999</v>
      </c>
      <c r="H430">
        <v>0.91683464999999997</v>
      </c>
      <c r="I430">
        <v>699.89319999999998</v>
      </c>
      <c r="J430">
        <v>595.41660000000002</v>
      </c>
      <c r="K430">
        <v>0.94305649999999996</v>
      </c>
      <c r="L430">
        <f t="shared" si="55"/>
        <v>664.65143333333333</v>
      </c>
      <c r="M430">
        <f t="shared" si="56"/>
        <v>520.02882</v>
      </c>
      <c r="N430">
        <f t="shared" si="57"/>
        <v>-10.523446021442254</v>
      </c>
      <c r="O430">
        <f t="shared" si="58"/>
        <v>2.3123218813335642</v>
      </c>
      <c r="Q430">
        <v>1120.9802</v>
      </c>
      <c r="R430">
        <v>518.36194</v>
      </c>
      <c r="S430">
        <v>0.93604299999999996</v>
      </c>
      <c r="T430">
        <v>1240.3655000000001</v>
      </c>
      <c r="U430">
        <v>437.09570000000002</v>
      </c>
      <c r="V430">
        <v>0.90310263999999996</v>
      </c>
      <c r="W430">
        <v>1249.5018</v>
      </c>
      <c r="X430">
        <v>581.90279999999996</v>
      </c>
      <c r="Y430">
        <v>0.93996100000000005</v>
      </c>
      <c r="Z430">
        <f t="shared" si="59"/>
        <v>1203.6158333333333</v>
      </c>
      <c r="AA430">
        <f t="shared" si="60"/>
        <v>512.45348000000001</v>
      </c>
      <c r="AB430">
        <f t="shared" si="61"/>
        <v>11.451287062629767</v>
      </c>
      <c r="AC430">
        <f t="shared" si="62"/>
        <v>2.4374289702287193</v>
      </c>
    </row>
    <row r="431" spans="1:29" x14ac:dyDescent="0.4">
      <c r="A431">
        <v>428</v>
      </c>
      <c r="B431">
        <f t="shared" si="54"/>
        <v>14.266666666666667</v>
      </c>
      <c r="C431">
        <v>582.25649999999996</v>
      </c>
      <c r="D431">
        <v>512.95820000000003</v>
      </c>
      <c r="E431">
        <v>0.92436092999999997</v>
      </c>
      <c r="F431">
        <v>712.89729999999997</v>
      </c>
      <c r="G431">
        <v>451.55124000000001</v>
      </c>
      <c r="H431">
        <v>0.92541563999999998</v>
      </c>
      <c r="I431">
        <v>700.38070000000005</v>
      </c>
      <c r="J431">
        <v>595.27985000000001</v>
      </c>
      <c r="K431">
        <v>0.95950466000000001</v>
      </c>
      <c r="L431">
        <f t="shared" si="55"/>
        <v>665.1781666666667</v>
      </c>
      <c r="M431">
        <f t="shared" si="56"/>
        <v>519.92976333333343</v>
      </c>
      <c r="N431">
        <f t="shared" si="57"/>
        <v>-10.502112981593251</v>
      </c>
      <c r="O431">
        <f t="shared" si="58"/>
        <v>2.3161895522252172</v>
      </c>
      <c r="Q431">
        <v>1120.5869</v>
      </c>
      <c r="R431">
        <v>518.27166999999997</v>
      </c>
      <c r="S431">
        <v>0.91647995000000004</v>
      </c>
      <c r="T431">
        <v>1240.0844999999999</v>
      </c>
      <c r="U431">
        <v>436.94900000000001</v>
      </c>
      <c r="V431">
        <v>0.90940946</v>
      </c>
      <c r="W431">
        <v>1248.9838999999999</v>
      </c>
      <c r="X431">
        <v>581.93190000000004</v>
      </c>
      <c r="Y431">
        <v>0.92738675999999998</v>
      </c>
      <c r="Z431">
        <f t="shared" si="59"/>
        <v>1203.2184333333335</v>
      </c>
      <c r="AA431">
        <f t="shared" si="60"/>
        <v>512.38418999999999</v>
      </c>
      <c r="AB431">
        <f t="shared" si="61"/>
        <v>11.434978161415158</v>
      </c>
      <c r="AC431">
        <f t="shared" si="62"/>
        <v>2.4403960300268506</v>
      </c>
    </row>
    <row r="432" spans="1:29" x14ac:dyDescent="0.4">
      <c r="A432">
        <v>429</v>
      </c>
      <c r="B432">
        <f t="shared" si="54"/>
        <v>14.3</v>
      </c>
      <c r="C432">
        <v>582.68097</v>
      </c>
      <c r="D432">
        <v>513.20569999999998</v>
      </c>
      <c r="E432">
        <v>0.92553079999999999</v>
      </c>
      <c r="F432">
        <v>713.46686</v>
      </c>
      <c r="G432">
        <v>451.55554000000001</v>
      </c>
      <c r="H432">
        <v>0.92334709999999998</v>
      </c>
      <c r="I432">
        <v>700.79510000000005</v>
      </c>
      <c r="J432">
        <v>595.33280000000002</v>
      </c>
      <c r="K432">
        <v>0.96221566000000003</v>
      </c>
      <c r="L432">
        <f t="shared" si="55"/>
        <v>665.64764333333335</v>
      </c>
      <c r="M432">
        <f t="shared" si="56"/>
        <v>520.03134666666665</v>
      </c>
      <c r="N432">
        <f t="shared" si="57"/>
        <v>-10.483160088387855</v>
      </c>
      <c r="O432">
        <f t="shared" si="58"/>
        <v>2.3118855420431381</v>
      </c>
      <c r="Q432">
        <v>1120.0872999999999</v>
      </c>
      <c r="R432">
        <v>518.20219999999995</v>
      </c>
      <c r="S432">
        <v>0.92738679999999996</v>
      </c>
      <c r="T432">
        <v>1239.7405000000001</v>
      </c>
      <c r="U432">
        <v>436.93176</v>
      </c>
      <c r="V432">
        <v>0.91972770000000004</v>
      </c>
      <c r="W432">
        <v>1248.3864000000001</v>
      </c>
      <c r="X432">
        <v>581.82550000000003</v>
      </c>
      <c r="Y432">
        <v>0.92308440000000003</v>
      </c>
      <c r="Z432">
        <f t="shared" si="59"/>
        <v>1202.7380666666668</v>
      </c>
      <c r="AA432">
        <f t="shared" si="60"/>
        <v>512.31982000000005</v>
      </c>
      <c r="AB432">
        <f t="shared" si="61"/>
        <v>11.415258363929706</v>
      </c>
      <c r="AC432">
        <f t="shared" si="62"/>
        <v>2.4431911881429498</v>
      </c>
    </row>
    <row r="433" spans="1:29" x14ac:dyDescent="0.4">
      <c r="A433">
        <v>430</v>
      </c>
      <c r="B433">
        <f t="shared" si="54"/>
        <v>14.333333333333334</v>
      </c>
      <c r="C433">
        <v>583.03989999999999</v>
      </c>
      <c r="D433">
        <v>513.36114999999995</v>
      </c>
      <c r="E433">
        <v>0.92470043999999996</v>
      </c>
      <c r="F433">
        <v>714.28723000000002</v>
      </c>
      <c r="G433">
        <v>451.55439999999999</v>
      </c>
      <c r="H433">
        <v>0.95304202999999998</v>
      </c>
      <c r="I433">
        <v>701.23839999999996</v>
      </c>
      <c r="J433">
        <v>595.28894000000003</v>
      </c>
      <c r="K433">
        <v>0.97274859999999996</v>
      </c>
      <c r="L433">
        <f t="shared" si="55"/>
        <v>666.18851000000006</v>
      </c>
      <c r="M433">
        <f t="shared" si="56"/>
        <v>520.06816333333336</v>
      </c>
      <c r="N433">
        <f t="shared" si="57"/>
        <v>-10.461298848645335</v>
      </c>
      <c r="O433">
        <f t="shared" si="58"/>
        <v>2.3102016471219118</v>
      </c>
      <c r="Q433">
        <v>1119.6564000000001</v>
      </c>
      <c r="R433">
        <v>518.23235999999997</v>
      </c>
      <c r="S433">
        <v>0.93328250000000001</v>
      </c>
      <c r="T433">
        <v>1239.4264000000001</v>
      </c>
      <c r="U433">
        <v>436.83089999999999</v>
      </c>
      <c r="V433">
        <v>0.93637972999999997</v>
      </c>
      <c r="W433">
        <v>1247.9793999999999</v>
      </c>
      <c r="X433">
        <v>581.86469999999997</v>
      </c>
      <c r="Y433">
        <v>0.90762609999999999</v>
      </c>
      <c r="Z433">
        <f t="shared" si="59"/>
        <v>1202.3540666666668</v>
      </c>
      <c r="AA433">
        <f t="shared" si="60"/>
        <v>512.30931999999996</v>
      </c>
      <c r="AB433">
        <f t="shared" si="61"/>
        <v>11.399481494460229</v>
      </c>
      <c r="AC433">
        <f t="shared" si="62"/>
        <v>2.4437537424316909</v>
      </c>
    </row>
    <row r="434" spans="1:29" x14ac:dyDescent="0.4">
      <c r="A434">
        <v>431</v>
      </c>
      <c r="B434">
        <f t="shared" si="54"/>
        <v>14.366666666666667</v>
      </c>
      <c r="C434">
        <v>583.77959999999996</v>
      </c>
      <c r="D434">
        <v>513.29349999999999</v>
      </c>
      <c r="E434">
        <v>0.90602930000000004</v>
      </c>
      <c r="F434">
        <v>714.65210000000002</v>
      </c>
      <c r="G434">
        <v>451.49297999999999</v>
      </c>
      <c r="H434">
        <v>0.94303345999999999</v>
      </c>
      <c r="I434">
        <v>701.78075999999999</v>
      </c>
      <c r="J434">
        <v>595.15093999999999</v>
      </c>
      <c r="K434">
        <v>0.97005560000000002</v>
      </c>
      <c r="L434">
        <f t="shared" si="55"/>
        <v>666.73748666666677</v>
      </c>
      <c r="M434">
        <f t="shared" si="56"/>
        <v>519.97914000000003</v>
      </c>
      <c r="N434">
        <f t="shared" si="57"/>
        <v>-10.439068509199243</v>
      </c>
      <c r="O434">
        <f t="shared" si="58"/>
        <v>2.3136522620094246</v>
      </c>
      <c r="Q434">
        <v>1119.249</v>
      </c>
      <c r="R434">
        <v>518.24189999999999</v>
      </c>
      <c r="S434">
        <v>0.9474747</v>
      </c>
      <c r="T434">
        <v>1238.8362</v>
      </c>
      <c r="U434">
        <v>436.87966999999998</v>
      </c>
      <c r="V434">
        <v>0.94844382999999999</v>
      </c>
      <c r="W434">
        <v>1247.4027000000001</v>
      </c>
      <c r="X434">
        <v>581.86956999999995</v>
      </c>
      <c r="Y434">
        <v>0.89372169999999995</v>
      </c>
      <c r="Z434">
        <f t="shared" si="59"/>
        <v>1201.8293000000001</v>
      </c>
      <c r="AA434">
        <f t="shared" si="60"/>
        <v>512.33037999999999</v>
      </c>
      <c r="AB434">
        <f t="shared" si="61"/>
        <v>11.377909955484874</v>
      </c>
      <c r="AC434">
        <f t="shared" si="62"/>
        <v>2.4430771055579545</v>
      </c>
    </row>
    <row r="435" spans="1:29" x14ac:dyDescent="0.4">
      <c r="A435">
        <v>432</v>
      </c>
      <c r="B435">
        <f t="shared" si="54"/>
        <v>14.4</v>
      </c>
      <c r="C435">
        <v>584.33765000000005</v>
      </c>
      <c r="D435">
        <v>513.11969999999997</v>
      </c>
      <c r="E435">
        <v>0.89554659999999997</v>
      </c>
      <c r="F435">
        <v>714.93884000000003</v>
      </c>
      <c r="G435">
        <v>451.51413000000002</v>
      </c>
      <c r="H435">
        <v>0.95025753999999996</v>
      </c>
      <c r="I435">
        <v>702.36599999999999</v>
      </c>
      <c r="J435">
        <v>595.27419999999995</v>
      </c>
      <c r="K435">
        <v>0.96325004000000003</v>
      </c>
      <c r="L435">
        <f t="shared" si="55"/>
        <v>667.21416333333343</v>
      </c>
      <c r="M435">
        <f t="shared" si="56"/>
        <v>519.96934333333331</v>
      </c>
      <c r="N435">
        <f t="shared" si="57"/>
        <v>-10.419787462404987</v>
      </c>
      <c r="O435">
        <f t="shared" si="58"/>
        <v>2.3138927438037085</v>
      </c>
      <c r="Q435">
        <v>1118.8399999999999</v>
      </c>
      <c r="R435">
        <v>518.15935999999999</v>
      </c>
      <c r="S435">
        <v>0.94380439999999999</v>
      </c>
      <c r="T435">
        <v>1238.1452999999999</v>
      </c>
      <c r="U435">
        <v>436.83422999999999</v>
      </c>
      <c r="V435">
        <v>0.95933080000000004</v>
      </c>
      <c r="W435">
        <v>1246.9623999999999</v>
      </c>
      <c r="X435">
        <v>581.77625</v>
      </c>
      <c r="Y435">
        <v>0.90653174999999997</v>
      </c>
      <c r="Z435">
        <f t="shared" si="59"/>
        <v>1201.3158999999998</v>
      </c>
      <c r="AA435">
        <f t="shared" si="60"/>
        <v>512.25661333333335</v>
      </c>
      <c r="AB435">
        <f t="shared" si="61"/>
        <v>11.356836578331732</v>
      </c>
      <c r="AC435">
        <f t="shared" si="62"/>
        <v>2.4462673391183891</v>
      </c>
    </row>
    <row r="436" spans="1:29" x14ac:dyDescent="0.4">
      <c r="A436">
        <v>433</v>
      </c>
      <c r="B436">
        <f t="shared" si="54"/>
        <v>14.433333333333334</v>
      </c>
      <c r="C436">
        <v>584.65656000000001</v>
      </c>
      <c r="D436">
        <v>512.99130000000002</v>
      </c>
      <c r="E436">
        <v>0.8887119</v>
      </c>
      <c r="F436">
        <v>715.65070000000003</v>
      </c>
      <c r="G436">
        <v>451.50058000000001</v>
      </c>
      <c r="H436">
        <v>0.9552929</v>
      </c>
      <c r="I436">
        <v>702.79319999999996</v>
      </c>
      <c r="J436">
        <v>595.24005</v>
      </c>
      <c r="K436">
        <v>0.95789902999999998</v>
      </c>
      <c r="L436">
        <f t="shared" si="55"/>
        <v>667.70015333333333</v>
      </c>
      <c r="M436">
        <f t="shared" si="56"/>
        <v>519.91064333333327</v>
      </c>
      <c r="N436">
        <f t="shared" si="57"/>
        <v>-10.400113638836364</v>
      </c>
      <c r="O436">
        <f t="shared" si="58"/>
        <v>2.3161265075926205</v>
      </c>
      <c r="Q436">
        <v>1118.5201</v>
      </c>
      <c r="R436">
        <v>518.18677000000002</v>
      </c>
      <c r="S436">
        <v>0.94773759999999996</v>
      </c>
      <c r="T436">
        <v>1237.7579000000001</v>
      </c>
      <c r="U436">
        <v>436.84625</v>
      </c>
      <c r="V436">
        <v>0.96240795000000001</v>
      </c>
      <c r="W436">
        <v>1246.5358000000001</v>
      </c>
      <c r="X436">
        <v>581.71140000000003</v>
      </c>
      <c r="Y436">
        <v>0.90768223999999997</v>
      </c>
      <c r="Z436">
        <f t="shared" si="59"/>
        <v>1200.9379333333334</v>
      </c>
      <c r="AA436">
        <f t="shared" si="60"/>
        <v>512.24814000000003</v>
      </c>
      <c r="AB436">
        <f t="shared" si="61"/>
        <v>11.34130764176437</v>
      </c>
      <c r="AC436">
        <f t="shared" si="62"/>
        <v>2.4467450454600863</v>
      </c>
    </row>
    <row r="437" spans="1:29" x14ac:dyDescent="0.4">
      <c r="A437">
        <v>434</v>
      </c>
      <c r="B437">
        <f t="shared" si="54"/>
        <v>14.466666666666667</v>
      </c>
      <c r="C437">
        <v>585.20299999999997</v>
      </c>
      <c r="D437">
        <v>513.16030000000001</v>
      </c>
      <c r="E437">
        <v>0.90709119999999999</v>
      </c>
      <c r="F437">
        <v>716.23360000000002</v>
      </c>
      <c r="G437">
        <v>451.45400000000001</v>
      </c>
      <c r="H437">
        <v>0.96716990000000003</v>
      </c>
      <c r="I437">
        <v>703.31410000000005</v>
      </c>
      <c r="J437">
        <v>595.10550000000001</v>
      </c>
      <c r="K437">
        <v>0.94820886999999998</v>
      </c>
      <c r="L437">
        <f t="shared" si="55"/>
        <v>668.25023333333331</v>
      </c>
      <c r="M437">
        <f t="shared" si="56"/>
        <v>519.90659999999991</v>
      </c>
      <c r="N437">
        <f t="shared" si="57"/>
        <v>-10.37786519061431</v>
      </c>
      <c r="O437">
        <f t="shared" si="58"/>
        <v>2.3161075494574734</v>
      </c>
      <c r="Q437">
        <v>1118.2731000000001</v>
      </c>
      <c r="R437">
        <v>518.12800000000004</v>
      </c>
      <c r="S437">
        <v>0.93507890000000005</v>
      </c>
      <c r="T437">
        <v>1237.3469</v>
      </c>
      <c r="U437">
        <v>436.83724999999998</v>
      </c>
      <c r="V437">
        <v>0.96721970000000002</v>
      </c>
      <c r="W437">
        <v>1246.1804</v>
      </c>
      <c r="X437">
        <v>581.64210000000003</v>
      </c>
      <c r="Y437">
        <v>0.91280570000000005</v>
      </c>
      <c r="Z437">
        <f t="shared" si="59"/>
        <v>1200.6001333333334</v>
      </c>
      <c r="AA437">
        <f t="shared" si="60"/>
        <v>512.20245</v>
      </c>
      <c r="AB437">
        <f t="shared" si="61"/>
        <v>11.327441473777663</v>
      </c>
      <c r="AC437">
        <f t="shared" si="62"/>
        <v>2.4487279296241864</v>
      </c>
    </row>
    <row r="438" spans="1:29" x14ac:dyDescent="0.4">
      <c r="A438">
        <v>435</v>
      </c>
      <c r="B438">
        <f t="shared" si="54"/>
        <v>14.5</v>
      </c>
      <c r="C438">
        <v>585.75963999999999</v>
      </c>
      <c r="D438">
        <v>513.13499999999999</v>
      </c>
      <c r="E438">
        <v>0.91008219999999995</v>
      </c>
      <c r="F438">
        <v>716.55280000000005</v>
      </c>
      <c r="G438">
        <v>451.38504</v>
      </c>
      <c r="H438">
        <v>0.95791800000000005</v>
      </c>
      <c r="I438">
        <v>703.78467000000001</v>
      </c>
      <c r="J438">
        <v>594.95569999999998</v>
      </c>
      <c r="K438">
        <v>0.91902669999999997</v>
      </c>
      <c r="L438">
        <f t="shared" si="55"/>
        <v>668.69903666666676</v>
      </c>
      <c r="M438">
        <f t="shared" si="56"/>
        <v>519.82524666666666</v>
      </c>
      <c r="N438">
        <f t="shared" si="57"/>
        <v>-10.359687407350057</v>
      </c>
      <c r="O438">
        <f t="shared" si="58"/>
        <v>2.3192785258673334</v>
      </c>
      <c r="Q438">
        <v>1117.8474000000001</v>
      </c>
      <c r="R438">
        <v>518.14342999999997</v>
      </c>
      <c r="S438">
        <v>0.94441854999999997</v>
      </c>
      <c r="T438">
        <v>1236.7412999999999</v>
      </c>
      <c r="U438">
        <v>436.9701</v>
      </c>
      <c r="V438">
        <v>0.98292299999999999</v>
      </c>
      <c r="W438">
        <v>1246.0175999999999</v>
      </c>
      <c r="X438">
        <v>581.61490000000003</v>
      </c>
      <c r="Y438">
        <v>0.91311169999999997</v>
      </c>
      <c r="Z438">
        <f t="shared" si="59"/>
        <v>1200.2021000000002</v>
      </c>
      <c r="AA438">
        <f t="shared" si="60"/>
        <v>512.24281000000008</v>
      </c>
      <c r="AB438">
        <f t="shared" si="61"/>
        <v>11.311072466216071</v>
      </c>
      <c r="AC438">
        <f t="shared" si="62"/>
        <v>2.4472192426450743</v>
      </c>
    </row>
    <row r="439" spans="1:29" x14ac:dyDescent="0.4">
      <c r="A439">
        <v>436</v>
      </c>
      <c r="B439">
        <f t="shared" si="54"/>
        <v>14.533333333333333</v>
      </c>
      <c r="C439">
        <v>586.23860000000002</v>
      </c>
      <c r="D439">
        <v>513.01130000000001</v>
      </c>
      <c r="E439">
        <v>0.90908529999999999</v>
      </c>
      <c r="F439">
        <v>716.94763</v>
      </c>
      <c r="G439">
        <v>451.30414000000002</v>
      </c>
      <c r="H439">
        <v>0.94056949999999995</v>
      </c>
      <c r="I439">
        <v>704.17349999999999</v>
      </c>
      <c r="J439">
        <v>594.88433999999995</v>
      </c>
      <c r="K439">
        <v>0.89369410000000005</v>
      </c>
      <c r="L439">
        <f t="shared" si="55"/>
        <v>669.11991</v>
      </c>
      <c r="M439">
        <f t="shared" si="56"/>
        <v>519.73325999999997</v>
      </c>
      <c r="N439">
        <f t="shared" si="57"/>
        <v>-10.342635559637626</v>
      </c>
      <c r="O439">
        <f t="shared" si="58"/>
        <v>2.3228929271255123</v>
      </c>
      <c r="Q439">
        <v>1117.6344999999999</v>
      </c>
      <c r="R439">
        <v>518.0498</v>
      </c>
      <c r="S439">
        <v>0.94670399999999999</v>
      </c>
      <c r="T439">
        <v>1236.1024</v>
      </c>
      <c r="U439">
        <v>436.76130000000001</v>
      </c>
      <c r="V439">
        <v>0.96807330000000003</v>
      </c>
      <c r="W439">
        <v>1245.5488</v>
      </c>
      <c r="X439">
        <v>581.52340000000004</v>
      </c>
      <c r="Y439">
        <v>0.91996180000000005</v>
      </c>
      <c r="Z439">
        <f t="shared" si="59"/>
        <v>1199.7619</v>
      </c>
      <c r="AA439">
        <f t="shared" si="60"/>
        <v>512.11149999999998</v>
      </c>
      <c r="AB439">
        <f t="shared" si="61"/>
        <v>11.293026621704643</v>
      </c>
      <c r="AC439">
        <f t="shared" si="62"/>
        <v>2.4527328495430774</v>
      </c>
    </row>
    <row r="440" spans="1:29" x14ac:dyDescent="0.4">
      <c r="A440">
        <v>437</v>
      </c>
      <c r="B440">
        <f t="shared" si="54"/>
        <v>14.566666666666666</v>
      </c>
      <c r="C440">
        <v>586.53674000000001</v>
      </c>
      <c r="D440">
        <v>512.94275000000005</v>
      </c>
      <c r="E440">
        <v>0.91434119999999997</v>
      </c>
      <c r="F440">
        <v>717.43849999999998</v>
      </c>
      <c r="G440">
        <v>451.18585000000002</v>
      </c>
      <c r="H440">
        <v>0.92728376000000001</v>
      </c>
      <c r="I440">
        <v>704.76293999999996</v>
      </c>
      <c r="J440">
        <v>594.85515999999996</v>
      </c>
      <c r="K440">
        <v>0.91567279999999995</v>
      </c>
      <c r="L440">
        <f t="shared" si="55"/>
        <v>669.57939333333331</v>
      </c>
      <c r="M440">
        <f t="shared" si="56"/>
        <v>519.66125333333332</v>
      </c>
      <c r="N440">
        <f t="shared" si="57"/>
        <v>-10.324028371136777</v>
      </c>
      <c r="O440">
        <f t="shared" si="58"/>
        <v>2.3256787515342996</v>
      </c>
      <c r="Q440">
        <v>1117.1560999999999</v>
      </c>
      <c r="R440">
        <v>518.03143</v>
      </c>
      <c r="S440">
        <v>0.95336365999999995</v>
      </c>
      <c r="T440">
        <v>1235.7940000000001</v>
      </c>
      <c r="U440">
        <v>436.84206999999998</v>
      </c>
      <c r="V440">
        <v>0.96041703</v>
      </c>
      <c r="W440">
        <v>1245.1536000000001</v>
      </c>
      <c r="X440">
        <v>581.27919999999995</v>
      </c>
      <c r="Y440">
        <v>0.91708800000000001</v>
      </c>
      <c r="Z440">
        <f t="shared" si="59"/>
        <v>1199.3679</v>
      </c>
      <c r="AA440">
        <f t="shared" si="60"/>
        <v>512.05089999999996</v>
      </c>
      <c r="AB440">
        <f t="shared" si="61"/>
        <v>11.276856477549119</v>
      </c>
      <c r="AC440">
        <f t="shared" si="62"/>
        <v>2.4553439461313986</v>
      </c>
    </row>
    <row r="441" spans="1:29" x14ac:dyDescent="0.4">
      <c r="A441">
        <v>438</v>
      </c>
      <c r="B441">
        <f t="shared" si="54"/>
        <v>14.6</v>
      </c>
      <c r="C441">
        <v>587.00540000000001</v>
      </c>
      <c r="D441">
        <v>512.72655999999995</v>
      </c>
      <c r="E441">
        <v>0.9169311</v>
      </c>
      <c r="F441">
        <v>717.78319999999997</v>
      </c>
      <c r="G441">
        <v>450.94256999999999</v>
      </c>
      <c r="H441">
        <v>0.92316969999999998</v>
      </c>
      <c r="I441">
        <v>705.2056</v>
      </c>
      <c r="J441">
        <v>594.81322999999998</v>
      </c>
      <c r="K441">
        <v>0.92634106000000005</v>
      </c>
      <c r="L441">
        <f t="shared" si="55"/>
        <v>669.99806666666666</v>
      </c>
      <c r="M441">
        <f t="shared" si="56"/>
        <v>519.49411999999995</v>
      </c>
      <c r="N441">
        <f t="shared" si="57"/>
        <v>-10.307040711819134</v>
      </c>
      <c r="O441">
        <f t="shared" si="58"/>
        <v>2.3323616070324582</v>
      </c>
      <c r="Q441">
        <v>1116.5791999999999</v>
      </c>
      <c r="R441">
        <v>517.96280000000002</v>
      </c>
      <c r="S441">
        <v>0.96500280000000005</v>
      </c>
      <c r="T441">
        <v>1235.4548</v>
      </c>
      <c r="U441">
        <v>436.78275000000002</v>
      </c>
      <c r="V441">
        <v>0.94469636999999995</v>
      </c>
      <c r="W441">
        <v>1244.7792999999999</v>
      </c>
      <c r="X441">
        <v>581.21966999999995</v>
      </c>
      <c r="Y441">
        <v>0.90694010000000003</v>
      </c>
      <c r="Z441">
        <f t="shared" si="59"/>
        <v>1198.9377666666667</v>
      </c>
      <c r="AA441">
        <f t="shared" si="60"/>
        <v>511.98840666666666</v>
      </c>
      <c r="AB441">
        <f t="shared" si="61"/>
        <v>11.259202414402376</v>
      </c>
      <c r="AC441">
        <f t="shared" si="62"/>
        <v>2.4580449230948926</v>
      </c>
    </row>
    <row r="442" spans="1:29" x14ac:dyDescent="0.4">
      <c r="A442">
        <v>439</v>
      </c>
      <c r="B442">
        <f t="shared" si="54"/>
        <v>14.633333333333333</v>
      </c>
      <c r="C442">
        <v>587.46014000000002</v>
      </c>
      <c r="D442">
        <v>512.56744000000003</v>
      </c>
      <c r="E442">
        <v>0.92118</v>
      </c>
      <c r="F442">
        <v>718.32510000000002</v>
      </c>
      <c r="G442">
        <v>450.72442999999998</v>
      </c>
      <c r="H442">
        <v>0.91007464999999999</v>
      </c>
      <c r="I442">
        <v>705.70605</v>
      </c>
      <c r="J442">
        <v>594.73113999999998</v>
      </c>
      <c r="K442">
        <v>0.92172080000000001</v>
      </c>
      <c r="L442">
        <f t="shared" si="55"/>
        <v>670.49709666666672</v>
      </c>
      <c r="M442">
        <f t="shared" si="56"/>
        <v>519.34100333333333</v>
      </c>
      <c r="N442">
        <f t="shared" si="57"/>
        <v>-10.286807233936834</v>
      </c>
      <c r="O442">
        <f t="shared" si="58"/>
        <v>2.3384453530841798</v>
      </c>
      <c r="Q442">
        <v>1116.2584999999999</v>
      </c>
      <c r="R442">
        <v>517.90015000000005</v>
      </c>
      <c r="S442">
        <v>0.96407169999999998</v>
      </c>
      <c r="T442">
        <v>1235.0546999999999</v>
      </c>
      <c r="U442">
        <v>436.72507000000002</v>
      </c>
      <c r="V442">
        <v>0.95743719999999999</v>
      </c>
      <c r="W442">
        <v>1244.4567</v>
      </c>
      <c r="X442">
        <v>581.23224000000005</v>
      </c>
      <c r="Y442">
        <v>0.90910829999999998</v>
      </c>
      <c r="Z442">
        <f t="shared" si="59"/>
        <v>1198.5899666666664</v>
      </c>
      <c r="AA442">
        <f t="shared" si="60"/>
        <v>511.95248666666674</v>
      </c>
      <c r="AB442">
        <f t="shared" si="61"/>
        <v>11.244923006210138</v>
      </c>
      <c r="AC442">
        <f t="shared" si="62"/>
        <v>2.4596324594005683</v>
      </c>
    </row>
    <row r="443" spans="1:29" x14ac:dyDescent="0.4">
      <c r="A443">
        <v>440</v>
      </c>
      <c r="B443">
        <f t="shared" si="54"/>
        <v>14.666666666666666</v>
      </c>
      <c r="C443">
        <v>587.99659999999994</v>
      </c>
      <c r="D443">
        <v>512.44884999999999</v>
      </c>
      <c r="E443">
        <v>0.91884220000000005</v>
      </c>
      <c r="F443">
        <v>718.68426999999997</v>
      </c>
      <c r="G443">
        <v>450.67502000000002</v>
      </c>
      <c r="H443">
        <v>0.89235450000000005</v>
      </c>
      <c r="I443">
        <v>706.21514999999999</v>
      </c>
      <c r="J443">
        <v>594.62019999999995</v>
      </c>
      <c r="K443">
        <v>0.93400309999999998</v>
      </c>
      <c r="L443">
        <f t="shared" si="55"/>
        <v>670.96533999999997</v>
      </c>
      <c r="M443">
        <f t="shared" si="56"/>
        <v>519.24802333333332</v>
      </c>
      <c r="N443">
        <f t="shared" si="57"/>
        <v>-10.267838163687438</v>
      </c>
      <c r="O443">
        <f t="shared" si="58"/>
        <v>2.3420844153386184</v>
      </c>
      <c r="Q443">
        <v>1115.8086000000001</v>
      </c>
      <c r="R443">
        <v>517.78660000000002</v>
      </c>
      <c r="S443">
        <v>0.96743405000000005</v>
      </c>
      <c r="T443">
        <v>1234.6013</v>
      </c>
      <c r="U443">
        <v>436.72879999999998</v>
      </c>
      <c r="V443">
        <v>0.94262190000000001</v>
      </c>
      <c r="W443">
        <v>1244.0497</v>
      </c>
      <c r="X443">
        <v>581.12559999999996</v>
      </c>
      <c r="Y443">
        <v>0.91234725999999999</v>
      </c>
      <c r="Z443">
        <f t="shared" si="59"/>
        <v>1198.1532</v>
      </c>
      <c r="AA443">
        <f t="shared" si="60"/>
        <v>511.88033333333334</v>
      </c>
      <c r="AB443">
        <f t="shared" si="61"/>
        <v>11.226999924205179</v>
      </c>
      <c r="AC443">
        <f t="shared" si="62"/>
        <v>2.4627300590482935</v>
      </c>
    </row>
    <row r="444" spans="1:29" x14ac:dyDescent="0.4">
      <c r="A444">
        <v>441</v>
      </c>
      <c r="B444">
        <f t="shared" si="54"/>
        <v>14.7</v>
      </c>
      <c r="C444">
        <v>588.50635</v>
      </c>
      <c r="D444">
        <v>512.4873</v>
      </c>
      <c r="E444">
        <v>0.90245324000000005</v>
      </c>
      <c r="F444">
        <v>719.19970000000001</v>
      </c>
      <c r="G444">
        <v>450.84325999999999</v>
      </c>
      <c r="H444">
        <v>0.90843320000000005</v>
      </c>
      <c r="I444">
        <v>706.76319999999998</v>
      </c>
      <c r="J444">
        <v>594.51909999999998</v>
      </c>
      <c r="K444">
        <v>0.93714030000000004</v>
      </c>
      <c r="L444">
        <f t="shared" si="55"/>
        <v>671.48975000000007</v>
      </c>
      <c r="M444">
        <f t="shared" si="56"/>
        <v>519.28321999999991</v>
      </c>
      <c r="N444">
        <f t="shared" si="57"/>
        <v>-10.246638532625452</v>
      </c>
      <c r="O444">
        <f t="shared" si="58"/>
        <v>2.3404720964618035</v>
      </c>
      <c r="Q444">
        <v>1115.5038</v>
      </c>
      <c r="R444">
        <v>518.19970000000001</v>
      </c>
      <c r="S444">
        <v>0.96762999999999999</v>
      </c>
      <c r="T444">
        <v>1234.1244999999999</v>
      </c>
      <c r="U444">
        <v>436.71622000000002</v>
      </c>
      <c r="V444">
        <v>0.91664206999999998</v>
      </c>
      <c r="W444">
        <v>1243.4337</v>
      </c>
      <c r="X444">
        <v>580.72739999999999</v>
      </c>
      <c r="Y444">
        <v>0.90935606000000002</v>
      </c>
      <c r="Z444">
        <f t="shared" si="59"/>
        <v>1197.6873333333333</v>
      </c>
      <c r="AA444">
        <f t="shared" si="60"/>
        <v>511.88110666666671</v>
      </c>
      <c r="AB444">
        <f t="shared" si="61"/>
        <v>11.207857758519904</v>
      </c>
      <c r="AC444">
        <f t="shared" si="62"/>
        <v>2.4628609320490078</v>
      </c>
    </row>
    <row r="445" spans="1:29" x14ac:dyDescent="0.4">
      <c r="A445">
        <v>442</v>
      </c>
      <c r="B445">
        <f t="shared" si="54"/>
        <v>14.733333333333333</v>
      </c>
      <c r="C445">
        <v>588.97046</v>
      </c>
      <c r="D445">
        <v>512.34216000000004</v>
      </c>
      <c r="E445">
        <v>0.92073894000000001</v>
      </c>
      <c r="F445">
        <v>719.65173000000004</v>
      </c>
      <c r="G445">
        <v>450.80414000000002</v>
      </c>
      <c r="H445">
        <v>0.90947336000000001</v>
      </c>
      <c r="I445">
        <v>707.53264999999999</v>
      </c>
      <c r="J445">
        <v>594.52719999999999</v>
      </c>
      <c r="K445">
        <v>0.94157875000000002</v>
      </c>
      <c r="L445">
        <f t="shared" si="55"/>
        <v>672.05161333333342</v>
      </c>
      <c r="M445">
        <f t="shared" si="56"/>
        <v>519.22450000000003</v>
      </c>
      <c r="N445">
        <f t="shared" si="57"/>
        <v>-10.223893217603269</v>
      </c>
      <c r="O445">
        <f t="shared" si="58"/>
        <v>2.3426812134617863</v>
      </c>
      <c r="Q445">
        <v>1115.2179000000001</v>
      </c>
      <c r="R445">
        <v>518.18430000000001</v>
      </c>
      <c r="S445">
        <v>0.95421009999999995</v>
      </c>
      <c r="T445">
        <v>1233.7422999999999</v>
      </c>
      <c r="U445">
        <v>436.67133000000001</v>
      </c>
      <c r="V445">
        <v>0.92234950000000004</v>
      </c>
      <c r="W445">
        <v>1243.0951</v>
      </c>
      <c r="X445">
        <v>580.79600000000005</v>
      </c>
      <c r="Y445">
        <v>0.90473689999999996</v>
      </c>
      <c r="Z445">
        <f t="shared" si="59"/>
        <v>1197.3517666666667</v>
      </c>
      <c r="AA445">
        <f t="shared" si="60"/>
        <v>511.88387666666671</v>
      </c>
      <c r="AB445">
        <f t="shared" si="61"/>
        <v>11.194068983573276</v>
      </c>
      <c r="AC445">
        <f t="shared" si="62"/>
        <v>2.4628648639247723</v>
      </c>
    </row>
    <row r="446" spans="1:29" x14ac:dyDescent="0.4">
      <c r="A446">
        <v>443</v>
      </c>
      <c r="B446">
        <f t="shared" si="54"/>
        <v>14.766666666666667</v>
      </c>
      <c r="C446">
        <v>589.49599999999998</v>
      </c>
      <c r="D446">
        <v>512.61663999999996</v>
      </c>
      <c r="E446">
        <v>0.93100240000000001</v>
      </c>
      <c r="F446">
        <v>720.14239999999995</v>
      </c>
      <c r="G446">
        <v>450.7045</v>
      </c>
      <c r="H446">
        <v>0.90214914000000002</v>
      </c>
      <c r="I446">
        <v>707.94556</v>
      </c>
      <c r="J446">
        <v>594.49976000000004</v>
      </c>
      <c r="K446">
        <v>0.95581400000000005</v>
      </c>
      <c r="L446">
        <f t="shared" si="55"/>
        <v>672.52798666666661</v>
      </c>
      <c r="M446">
        <f t="shared" si="56"/>
        <v>519.27363333333335</v>
      </c>
      <c r="N446">
        <f t="shared" si="57"/>
        <v>-10.204640443975407</v>
      </c>
      <c r="O446">
        <f t="shared" si="58"/>
        <v>2.3405160164812457</v>
      </c>
      <c r="Q446">
        <v>1114.8693000000001</v>
      </c>
      <c r="R446">
        <v>518.16394000000003</v>
      </c>
      <c r="S446">
        <v>0.92649979999999998</v>
      </c>
      <c r="T446">
        <v>1233.3177000000001</v>
      </c>
      <c r="U446">
        <v>436.60059999999999</v>
      </c>
      <c r="V446">
        <v>0.92479849999999997</v>
      </c>
      <c r="W446">
        <v>1242.4891</v>
      </c>
      <c r="X446">
        <v>580.84979999999996</v>
      </c>
      <c r="Y446">
        <v>0.90415685999999995</v>
      </c>
      <c r="Z446">
        <f t="shared" si="59"/>
        <v>1196.8920333333333</v>
      </c>
      <c r="AA446">
        <f t="shared" si="60"/>
        <v>511.87144666666671</v>
      </c>
      <c r="AB446">
        <f t="shared" si="61"/>
        <v>11.175183556156195</v>
      </c>
      <c r="AC446">
        <f t="shared" si="62"/>
        <v>2.463532548661493</v>
      </c>
    </row>
    <row r="447" spans="1:29" x14ac:dyDescent="0.4">
      <c r="A447">
        <v>444</v>
      </c>
      <c r="B447">
        <f t="shared" si="54"/>
        <v>14.8</v>
      </c>
      <c r="C447">
        <v>590.45043999999996</v>
      </c>
      <c r="D447">
        <v>512.47270000000003</v>
      </c>
      <c r="E447">
        <v>0.90354780000000001</v>
      </c>
      <c r="F447">
        <v>720.68290000000002</v>
      </c>
      <c r="G447">
        <v>450.55603000000002</v>
      </c>
      <c r="H447">
        <v>0.91420880000000004</v>
      </c>
      <c r="I447">
        <v>708.38184000000001</v>
      </c>
      <c r="J447">
        <v>594.35724000000005</v>
      </c>
      <c r="K447">
        <v>0.95793249999999996</v>
      </c>
      <c r="L447">
        <f t="shared" si="55"/>
        <v>673.17172666666659</v>
      </c>
      <c r="M447">
        <f t="shared" si="56"/>
        <v>519.12865666666664</v>
      </c>
      <c r="N447">
        <f t="shared" si="57"/>
        <v>-10.178554588184799</v>
      </c>
      <c r="O447">
        <f t="shared" si="58"/>
        <v>2.346218983769786</v>
      </c>
      <c r="Q447">
        <v>1114.5543</v>
      </c>
      <c r="R447">
        <v>518.06709999999998</v>
      </c>
      <c r="S447">
        <v>0.92780640000000003</v>
      </c>
      <c r="T447">
        <v>1232.9312</v>
      </c>
      <c r="U447">
        <v>436.60034000000002</v>
      </c>
      <c r="V447">
        <v>0.91625060000000003</v>
      </c>
      <c r="W447">
        <v>1242.0894000000001</v>
      </c>
      <c r="X447">
        <v>580.85784999999998</v>
      </c>
      <c r="Y447">
        <v>0.90460700000000005</v>
      </c>
      <c r="Z447">
        <f t="shared" si="59"/>
        <v>1196.5249666666666</v>
      </c>
      <c r="AA447">
        <f t="shared" si="60"/>
        <v>511.84176333333335</v>
      </c>
      <c r="AB447">
        <f t="shared" si="61"/>
        <v>11.160111380734136</v>
      </c>
      <c r="AC447">
        <f t="shared" si="62"/>
        <v>2.4648722007789008</v>
      </c>
    </row>
    <row r="448" spans="1:29" x14ac:dyDescent="0.4">
      <c r="A448">
        <v>445</v>
      </c>
      <c r="B448">
        <f t="shared" si="54"/>
        <v>14.833333333333334</v>
      </c>
      <c r="C448">
        <v>590.58169999999996</v>
      </c>
      <c r="D448">
        <v>512.34010000000001</v>
      </c>
      <c r="E448">
        <v>0.89585919999999997</v>
      </c>
      <c r="F448">
        <v>721.14813000000004</v>
      </c>
      <c r="G448">
        <v>450.59338000000002</v>
      </c>
      <c r="H448">
        <v>0.93107439999999997</v>
      </c>
      <c r="I448">
        <v>709.07180000000005</v>
      </c>
      <c r="J448">
        <v>594.36255000000006</v>
      </c>
      <c r="K448">
        <v>0.97935779999999995</v>
      </c>
      <c r="L448">
        <f t="shared" si="55"/>
        <v>673.60054333333335</v>
      </c>
      <c r="M448">
        <f t="shared" si="56"/>
        <v>519.09867666666662</v>
      </c>
      <c r="N448">
        <f t="shared" si="57"/>
        <v>-10.161199221447115</v>
      </c>
      <c r="O448">
        <f t="shared" si="58"/>
        <v>2.3472993446501902</v>
      </c>
      <c r="Q448">
        <v>1114.1324</v>
      </c>
      <c r="R448">
        <v>517.9058</v>
      </c>
      <c r="S448">
        <v>0.92072589999999999</v>
      </c>
      <c r="T448">
        <v>1232.3938000000001</v>
      </c>
      <c r="U448">
        <v>436.55</v>
      </c>
      <c r="V448">
        <v>0.90060099999999998</v>
      </c>
      <c r="W448">
        <v>1241.8158000000001</v>
      </c>
      <c r="X448">
        <v>580.86170000000004</v>
      </c>
      <c r="Y448">
        <v>0.89748660000000002</v>
      </c>
      <c r="Z448">
        <f t="shared" si="59"/>
        <v>1196.1140000000003</v>
      </c>
      <c r="AA448">
        <f t="shared" si="60"/>
        <v>511.77250000000004</v>
      </c>
      <c r="AB448">
        <f t="shared" si="61"/>
        <v>11.143248495129424</v>
      </c>
      <c r="AC448">
        <f t="shared" si="62"/>
        <v>2.4678428084232853</v>
      </c>
    </row>
    <row r="449" spans="1:29" x14ac:dyDescent="0.4">
      <c r="A449">
        <v>446</v>
      </c>
      <c r="B449">
        <f t="shared" si="54"/>
        <v>14.866666666666667</v>
      </c>
      <c r="C449">
        <v>591.12505999999996</v>
      </c>
      <c r="D449">
        <v>512.34590000000003</v>
      </c>
      <c r="E449">
        <v>0.90212789999999998</v>
      </c>
      <c r="F449">
        <v>721.83140000000003</v>
      </c>
      <c r="G449">
        <v>450.59661999999997</v>
      </c>
      <c r="H449">
        <v>0.93411710000000003</v>
      </c>
      <c r="I449">
        <v>709.52215999999999</v>
      </c>
      <c r="J449">
        <v>594.36620000000005</v>
      </c>
      <c r="K449">
        <v>0.97923830000000001</v>
      </c>
      <c r="L449">
        <f t="shared" si="55"/>
        <v>674.15953999999999</v>
      </c>
      <c r="M449">
        <f t="shared" si="56"/>
        <v>519.10290666666663</v>
      </c>
      <c r="N449">
        <f t="shared" si="57"/>
        <v>-10.138588812516028</v>
      </c>
      <c r="O449">
        <f t="shared" si="58"/>
        <v>2.3469395708507723</v>
      </c>
      <c r="Q449">
        <v>1113.6481000000001</v>
      </c>
      <c r="R449">
        <v>517.88995</v>
      </c>
      <c r="S449">
        <v>0.89656769999999997</v>
      </c>
      <c r="T449">
        <v>1231.6608000000001</v>
      </c>
      <c r="U449">
        <v>436.55270000000002</v>
      </c>
      <c r="V449">
        <v>0.93710850000000001</v>
      </c>
      <c r="W449">
        <v>1241.357</v>
      </c>
      <c r="X449">
        <v>580.92999999999995</v>
      </c>
      <c r="Y449">
        <v>0.90398920000000005</v>
      </c>
      <c r="Z449">
        <f t="shared" si="59"/>
        <v>1195.5553</v>
      </c>
      <c r="AA449">
        <f t="shared" si="60"/>
        <v>511.79088333333328</v>
      </c>
      <c r="AB449">
        <f t="shared" si="61"/>
        <v>11.120287627386212</v>
      </c>
      <c r="AC449">
        <f t="shared" si="62"/>
        <v>2.4672871803248961</v>
      </c>
    </row>
    <row r="450" spans="1:29" x14ac:dyDescent="0.4">
      <c r="A450">
        <v>447</v>
      </c>
      <c r="B450">
        <f t="shared" si="54"/>
        <v>14.9</v>
      </c>
      <c r="C450">
        <v>591.80539999999996</v>
      </c>
      <c r="D450">
        <v>512.35486000000003</v>
      </c>
      <c r="E450">
        <v>0.89714459999999996</v>
      </c>
      <c r="F450">
        <v>722.39210000000003</v>
      </c>
      <c r="G450">
        <v>450.45864999999998</v>
      </c>
      <c r="H450">
        <v>0.94096040000000003</v>
      </c>
      <c r="I450">
        <v>710.02840000000003</v>
      </c>
      <c r="J450">
        <v>594.33100000000002</v>
      </c>
      <c r="K450">
        <v>0.99273454999999999</v>
      </c>
      <c r="L450">
        <f t="shared" si="55"/>
        <v>674.7419666666666</v>
      </c>
      <c r="M450">
        <f t="shared" si="56"/>
        <v>519.04817000000003</v>
      </c>
      <c r="N450">
        <f t="shared" si="57"/>
        <v>-10.1150111391627</v>
      </c>
      <c r="O450">
        <f t="shared" si="58"/>
        <v>2.3489791484260598</v>
      </c>
      <c r="Q450">
        <v>1113.2572</v>
      </c>
      <c r="R450">
        <v>517.90909999999997</v>
      </c>
      <c r="S450">
        <v>0.8988912</v>
      </c>
      <c r="T450">
        <v>1231.3441</v>
      </c>
      <c r="U450">
        <v>436.46319999999997</v>
      </c>
      <c r="V450">
        <v>0.94390892999999998</v>
      </c>
      <c r="W450">
        <v>1240.9966999999999</v>
      </c>
      <c r="X450">
        <v>580.98724000000004</v>
      </c>
      <c r="Y450">
        <v>0.90791935000000001</v>
      </c>
      <c r="Z450">
        <f t="shared" si="59"/>
        <v>1195.1993333333332</v>
      </c>
      <c r="AA450">
        <f t="shared" si="60"/>
        <v>511.78651333333329</v>
      </c>
      <c r="AB450">
        <f t="shared" si="61"/>
        <v>11.105663893387222</v>
      </c>
      <c r="AC450">
        <f t="shared" si="62"/>
        <v>2.4675896594596547</v>
      </c>
    </row>
    <row r="451" spans="1:29" x14ac:dyDescent="0.4">
      <c r="A451">
        <v>448</v>
      </c>
      <c r="B451">
        <f t="shared" si="54"/>
        <v>14.933333333333334</v>
      </c>
      <c r="C451">
        <v>592.2509</v>
      </c>
      <c r="D451">
        <v>512.36400000000003</v>
      </c>
      <c r="E451">
        <v>0.8953776</v>
      </c>
      <c r="F451">
        <v>722.92474000000004</v>
      </c>
      <c r="G451">
        <v>450.44815</v>
      </c>
      <c r="H451">
        <v>0.94992399999999999</v>
      </c>
      <c r="I451">
        <v>710.54250000000002</v>
      </c>
      <c r="J451">
        <v>594.34</v>
      </c>
      <c r="K451">
        <v>0.97643155000000004</v>
      </c>
      <c r="L451">
        <f t="shared" si="55"/>
        <v>675.23937999999998</v>
      </c>
      <c r="M451">
        <f t="shared" si="56"/>
        <v>519.05071666666663</v>
      </c>
      <c r="N451">
        <f t="shared" si="57"/>
        <v>-10.09489059812641</v>
      </c>
      <c r="O451">
        <f t="shared" si="58"/>
        <v>2.3487086903194214</v>
      </c>
      <c r="Q451">
        <v>1112.819</v>
      </c>
      <c r="R451">
        <v>518.02350000000001</v>
      </c>
      <c r="S451">
        <v>0.90224605999999996</v>
      </c>
      <c r="T451">
        <v>1230.9863</v>
      </c>
      <c r="U451">
        <v>436.51175000000001</v>
      </c>
      <c r="V451">
        <v>0.95417079999999999</v>
      </c>
      <c r="W451">
        <v>1240.6766</v>
      </c>
      <c r="X451">
        <v>581.0675</v>
      </c>
      <c r="Y451">
        <v>0.90460189999999996</v>
      </c>
      <c r="Z451">
        <f t="shared" si="59"/>
        <v>1194.8272999999999</v>
      </c>
      <c r="AA451">
        <f t="shared" si="60"/>
        <v>511.86758333333336</v>
      </c>
      <c r="AB451">
        <f t="shared" si="61"/>
        <v>11.090352518327888</v>
      </c>
      <c r="AC451">
        <f t="shared" si="62"/>
        <v>2.4644100767868213</v>
      </c>
    </row>
    <row r="452" spans="1:29" x14ac:dyDescent="0.4">
      <c r="A452">
        <v>449</v>
      </c>
      <c r="B452">
        <f t="shared" ref="B452:B515" si="63">A452/30</f>
        <v>14.966666666666667</v>
      </c>
      <c r="C452">
        <v>592.58569999999997</v>
      </c>
      <c r="D452">
        <v>512.42259999999999</v>
      </c>
      <c r="E452">
        <v>0.895258</v>
      </c>
      <c r="F452">
        <v>723.38165000000004</v>
      </c>
      <c r="G452">
        <v>450.38164999999998</v>
      </c>
      <c r="H452">
        <v>0.96352720000000003</v>
      </c>
      <c r="I452">
        <v>711.11053000000004</v>
      </c>
      <c r="J452">
        <v>594.09655999999995</v>
      </c>
      <c r="K452">
        <v>0.95372869999999998</v>
      </c>
      <c r="L452">
        <f t="shared" ref="L452:L515" si="64">(C452+F452+I452)/3</f>
        <v>675.69262666666657</v>
      </c>
      <c r="M452">
        <f t="shared" ref="M452:M515" si="65">(D452+G452+J452)/3</f>
        <v>518.96693666666658</v>
      </c>
      <c r="N452">
        <f t="shared" ref="N452:N515" si="66" xml:space="preserve"> -36.96+0.03963*L452-0.0003398*M452+6.089*10^(-7)*L452^2+1.529*10^(-8)*M452^2</f>
        <v>-10.076528461203418</v>
      </c>
      <c r="O452">
        <f t="shared" ref="O452:O515" si="67" xml:space="preserve"> 23.7-0.0003167*L452-0.0406*M452-1.335*10^(-8)*L452^2-2.149*10^(-7)*M452^2</f>
        <v>2.3519771296266878</v>
      </c>
      <c r="Q452">
        <v>1112.405</v>
      </c>
      <c r="R452">
        <v>518.01599999999996</v>
      </c>
      <c r="S452">
        <v>0.90019749999999998</v>
      </c>
      <c r="T452">
        <v>1230.5291999999999</v>
      </c>
      <c r="U452">
        <v>436.47660000000002</v>
      </c>
      <c r="V452">
        <v>0.95604230000000001</v>
      </c>
      <c r="W452">
        <v>1240.3403000000001</v>
      </c>
      <c r="X452">
        <v>581.02355999999997</v>
      </c>
      <c r="Y452">
        <v>0.90354305999999995</v>
      </c>
      <c r="Z452">
        <f t="shared" ref="Z452:Z515" si="68">(Q452+T452+W452)/3</f>
        <v>1194.4248333333333</v>
      </c>
      <c r="AA452">
        <f t="shared" ref="AA452:AA515" si="69">(R452+U452+X452)/3</f>
        <v>511.83872000000002</v>
      </c>
      <c r="AB452">
        <f t="shared" ref="AB452:AB515" si="70" xml:space="preserve"> -36.96+0.03963*Z452-0.0003398*AA452+6.089*10^(-7)*Z452^2+1.529*10^(-8)*AA452^2</f>
        <v>11.073826605511316</v>
      </c>
      <c r="AC452">
        <f t="shared" ref="AC452:AC515" si="71" xml:space="preserve"> 23.7-0.0003167*Z452-0.0406*AA452-1.335*10^(-8)*Z452^2-2.149*10^(-7)*AA452^2</f>
        <v>2.4657285763720953</v>
      </c>
    </row>
    <row r="453" spans="1:29" x14ac:dyDescent="0.4">
      <c r="A453">
        <v>450</v>
      </c>
      <c r="B453">
        <f t="shared" si="63"/>
        <v>15</v>
      </c>
      <c r="C453">
        <v>593.03576999999996</v>
      </c>
      <c r="D453">
        <v>512.25620000000004</v>
      </c>
      <c r="E453">
        <v>0.90362779999999998</v>
      </c>
      <c r="F453">
        <v>723.82230000000004</v>
      </c>
      <c r="G453">
        <v>450.23403999999999</v>
      </c>
      <c r="H453">
        <v>0.96164510000000003</v>
      </c>
      <c r="I453">
        <v>711.62463000000002</v>
      </c>
      <c r="J453">
        <v>594.13080000000002</v>
      </c>
      <c r="K453">
        <v>0.95303415999999996</v>
      </c>
      <c r="L453">
        <f t="shared" si="64"/>
        <v>676.16089999999997</v>
      </c>
      <c r="M453">
        <f t="shared" si="65"/>
        <v>518.87368000000004</v>
      </c>
      <c r="N453">
        <f t="shared" si="66"/>
        <v>-10.057555124036053</v>
      </c>
      <c r="O453">
        <f t="shared" si="67"/>
        <v>2.355627396301387</v>
      </c>
      <c r="Q453">
        <v>1112.0275999999999</v>
      </c>
      <c r="R453">
        <v>517.84875</v>
      </c>
      <c r="S453">
        <v>0.90974927000000005</v>
      </c>
      <c r="T453">
        <v>1229.9391000000001</v>
      </c>
      <c r="U453">
        <v>436.46289999999999</v>
      </c>
      <c r="V453">
        <v>0.96636889999999998</v>
      </c>
      <c r="W453">
        <v>1239.9036000000001</v>
      </c>
      <c r="X453">
        <v>581.05949999999996</v>
      </c>
      <c r="Y453">
        <v>0.91587160000000001</v>
      </c>
      <c r="Z453">
        <f t="shared" si="68"/>
        <v>1193.9567666666667</v>
      </c>
      <c r="AA453">
        <f t="shared" si="69"/>
        <v>511.7903833333333</v>
      </c>
      <c r="AB453">
        <f t="shared" si="70"/>
        <v>11.054612089186824</v>
      </c>
      <c r="AC453">
        <f t="shared" si="71"/>
        <v>2.4678648390064679</v>
      </c>
    </row>
    <row r="454" spans="1:29" x14ac:dyDescent="0.4">
      <c r="A454">
        <v>451</v>
      </c>
      <c r="B454">
        <f t="shared" si="63"/>
        <v>15.033333333333333</v>
      </c>
      <c r="C454">
        <v>593.51520000000005</v>
      </c>
      <c r="D454">
        <v>512.17949999999996</v>
      </c>
      <c r="E454">
        <v>0.91425400000000001</v>
      </c>
      <c r="F454">
        <v>724.24445000000003</v>
      </c>
      <c r="G454">
        <v>450.36237</v>
      </c>
      <c r="H454">
        <v>0.95647859999999996</v>
      </c>
      <c r="I454">
        <v>712.1069</v>
      </c>
      <c r="J454">
        <v>594.10080000000005</v>
      </c>
      <c r="K454">
        <v>0.90770479999999998</v>
      </c>
      <c r="L454">
        <f t="shared" si="64"/>
        <v>676.62218333333328</v>
      </c>
      <c r="M454">
        <f t="shared" si="65"/>
        <v>518.88089000000002</v>
      </c>
      <c r="N454">
        <f t="shared" si="66"/>
        <v>-10.038896837572103</v>
      </c>
      <c r="O454">
        <f t="shared" si="67"/>
        <v>2.3551786433252189</v>
      </c>
      <c r="Q454">
        <v>1111.4427000000001</v>
      </c>
      <c r="R454">
        <v>517.8193</v>
      </c>
      <c r="S454">
        <v>0.92126169999999996</v>
      </c>
      <c r="T454">
        <v>1229.5317</v>
      </c>
      <c r="U454">
        <v>436.37222000000003</v>
      </c>
      <c r="V454">
        <v>0.96572256000000001</v>
      </c>
      <c r="W454">
        <v>1239.4802</v>
      </c>
      <c r="X454">
        <v>581.07050000000004</v>
      </c>
      <c r="Y454">
        <v>0.92799670000000001</v>
      </c>
      <c r="Z454">
        <f t="shared" si="68"/>
        <v>1193.4848666666667</v>
      </c>
      <c r="AA454">
        <f t="shared" si="69"/>
        <v>511.75400666666673</v>
      </c>
      <c r="AB454">
        <f t="shared" si="70"/>
        <v>11.035236476419497</v>
      </c>
      <c r="AC454">
        <f t="shared" si="71"/>
        <v>2.4695142243634174</v>
      </c>
    </row>
    <row r="455" spans="1:29" x14ac:dyDescent="0.4">
      <c r="A455">
        <v>452</v>
      </c>
      <c r="B455">
        <f t="shared" si="63"/>
        <v>15.066666666666666</v>
      </c>
      <c r="C455">
        <v>594.24350000000004</v>
      </c>
      <c r="D455">
        <v>512.27419999999995</v>
      </c>
      <c r="E455">
        <v>0.92402256000000005</v>
      </c>
      <c r="F455">
        <v>725.03972999999996</v>
      </c>
      <c r="G455">
        <v>450.41230000000002</v>
      </c>
      <c r="H455">
        <v>0.95474930000000002</v>
      </c>
      <c r="I455">
        <v>712.54834000000005</v>
      </c>
      <c r="J455">
        <v>593.97577000000001</v>
      </c>
      <c r="K455">
        <v>0.90320855</v>
      </c>
      <c r="L455">
        <f t="shared" si="64"/>
        <v>677.27719000000002</v>
      </c>
      <c r="M455">
        <f t="shared" si="65"/>
        <v>518.88742333333334</v>
      </c>
      <c r="N455">
        <f t="shared" si="66"/>
        <v>-10.012401059225201</v>
      </c>
      <c r="O455">
        <f t="shared" si="67"/>
        <v>2.354692653384916</v>
      </c>
      <c r="Q455">
        <v>1111.2349999999999</v>
      </c>
      <c r="R455">
        <v>517.91399999999999</v>
      </c>
      <c r="S455">
        <v>0.91553043999999995</v>
      </c>
      <c r="T455">
        <v>1229.1327000000001</v>
      </c>
      <c r="U455">
        <v>436.43049999999999</v>
      </c>
      <c r="V455">
        <v>0.96112909999999996</v>
      </c>
      <c r="W455">
        <v>1239.2817</v>
      </c>
      <c r="X455">
        <v>581.04290000000003</v>
      </c>
      <c r="Y455">
        <v>0.92021304000000004</v>
      </c>
      <c r="Z455">
        <f t="shared" si="68"/>
        <v>1193.2164666666665</v>
      </c>
      <c r="AA455">
        <f t="shared" si="69"/>
        <v>511.79580000000004</v>
      </c>
      <c r="AB455">
        <f t="shared" si="70"/>
        <v>11.024196181474295</v>
      </c>
      <c r="AC455">
        <f t="shared" si="71"/>
        <v>2.4679017762978308</v>
      </c>
    </row>
    <row r="456" spans="1:29" x14ac:dyDescent="0.4">
      <c r="A456">
        <v>453</v>
      </c>
      <c r="B456">
        <f t="shared" si="63"/>
        <v>15.1</v>
      </c>
      <c r="C456">
        <v>594.77760000000001</v>
      </c>
      <c r="D456">
        <v>511.93695000000002</v>
      </c>
      <c r="E456">
        <v>0.92910550000000003</v>
      </c>
      <c r="F456">
        <v>725.45336999999995</v>
      </c>
      <c r="G456">
        <v>450.42320000000001</v>
      </c>
      <c r="H456">
        <v>0.94728243000000001</v>
      </c>
      <c r="I456">
        <v>713.14120000000003</v>
      </c>
      <c r="J456">
        <v>594.03534000000002</v>
      </c>
      <c r="K456">
        <v>0.9120471</v>
      </c>
      <c r="L456">
        <f t="shared" si="64"/>
        <v>677.7907233333334</v>
      </c>
      <c r="M456">
        <f t="shared" si="65"/>
        <v>518.79849666666667</v>
      </c>
      <c r="N456">
        <f t="shared" si="66"/>
        <v>-9.9915972100826345</v>
      </c>
      <c r="O456">
        <f t="shared" si="67"/>
        <v>2.3581509806779111</v>
      </c>
      <c r="Q456">
        <v>1110.9625000000001</v>
      </c>
      <c r="R456">
        <v>517.92560000000003</v>
      </c>
      <c r="S456">
        <v>0.92325380000000001</v>
      </c>
      <c r="T456">
        <v>1228.848</v>
      </c>
      <c r="U456">
        <v>436.44335999999998</v>
      </c>
      <c r="V456">
        <v>0.95937680000000003</v>
      </c>
      <c r="W456">
        <v>1238.7454</v>
      </c>
      <c r="X456">
        <v>581.14984000000004</v>
      </c>
      <c r="Y456">
        <v>0.93914949999999997</v>
      </c>
      <c r="Z456">
        <f t="shared" si="68"/>
        <v>1192.8519666666668</v>
      </c>
      <c r="AA456">
        <f t="shared" si="69"/>
        <v>511.83960000000002</v>
      </c>
      <c r="AB456">
        <f t="shared" si="70"/>
        <v>11.00920727507331</v>
      </c>
      <c r="AC456">
        <f t="shared" si="71"/>
        <v>2.4662409091447448</v>
      </c>
    </row>
    <row r="457" spans="1:29" x14ac:dyDescent="0.4">
      <c r="A457">
        <v>454</v>
      </c>
      <c r="B457">
        <f t="shared" si="63"/>
        <v>15.133333333333333</v>
      </c>
      <c r="C457">
        <v>595.31115999999997</v>
      </c>
      <c r="D457">
        <v>512.10239999999999</v>
      </c>
      <c r="E457">
        <v>0.93734340000000005</v>
      </c>
      <c r="F457">
        <v>725.95410000000004</v>
      </c>
      <c r="G457">
        <v>450.34041999999999</v>
      </c>
      <c r="H457">
        <v>0.92851174000000003</v>
      </c>
      <c r="I457">
        <v>713.74890000000005</v>
      </c>
      <c r="J457">
        <v>593.97649999999999</v>
      </c>
      <c r="K457">
        <v>0.93061479999999996</v>
      </c>
      <c r="L457">
        <f t="shared" si="64"/>
        <v>678.33805333333339</v>
      </c>
      <c r="M457">
        <f t="shared" si="65"/>
        <v>518.80643999999995</v>
      </c>
      <c r="N457">
        <f t="shared" si="66"/>
        <v>-9.9694571393038114</v>
      </c>
      <c r="O457">
        <f t="shared" si="67"/>
        <v>2.3576434616817652</v>
      </c>
      <c r="Q457">
        <v>1110.7050999999999</v>
      </c>
      <c r="R457">
        <v>517.91016000000002</v>
      </c>
      <c r="S457">
        <v>0.93100760000000005</v>
      </c>
      <c r="T457">
        <v>1228.3275000000001</v>
      </c>
      <c r="U457">
        <v>436.42869999999999</v>
      </c>
      <c r="V457">
        <v>0.97512880000000002</v>
      </c>
      <c r="W457">
        <v>1238.3438000000001</v>
      </c>
      <c r="X457">
        <v>581.0643</v>
      </c>
      <c r="Y457">
        <v>0.94090056</v>
      </c>
      <c r="Z457">
        <f t="shared" si="68"/>
        <v>1192.4588000000001</v>
      </c>
      <c r="AA457">
        <f t="shared" si="69"/>
        <v>511.80105333333336</v>
      </c>
      <c r="AB457">
        <f t="shared" si="70"/>
        <v>10.993067533469276</v>
      </c>
      <c r="AC457">
        <f t="shared" si="71"/>
        <v>2.4679514191645042</v>
      </c>
    </row>
    <row r="458" spans="1:29" x14ac:dyDescent="0.4">
      <c r="A458">
        <v>455</v>
      </c>
      <c r="B458">
        <f t="shared" si="63"/>
        <v>15.166666666666666</v>
      </c>
      <c r="C458">
        <v>595.95403999999996</v>
      </c>
      <c r="D458">
        <v>511.98795000000001</v>
      </c>
      <c r="E458">
        <v>0.93646914000000003</v>
      </c>
      <c r="F458">
        <v>726.43690000000004</v>
      </c>
      <c r="G458">
        <v>450.06563999999997</v>
      </c>
      <c r="H458">
        <v>0.91278415999999996</v>
      </c>
      <c r="I458">
        <v>714.34454000000005</v>
      </c>
      <c r="J458">
        <v>593.86632999999995</v>
      </c>
      <c r="K458">
        <v>0.94490415000000005</v>
      </c>
      <c r="L458">
        <f t="shared" si="64"/>
        <v>678.91182666666668</v>
      </c>
      <c r="M458">
        <f t="shared" si="65"/>
        <v>518.63997333333327</v>
      </c>
      <c r="N458">
        <f t="shared" si="66"/>
        <v>-9.9461903941358418</v>
      </c>
      <c r="O458">
        <f t="shared" si="67"/>
        <v>2.3642470112536236</v>
      </c>
      <c r="Q458">
        <v>1110.1458</v>
      </c>
      <c r="R458">
        <v>517.86689999999999</v>
      </c>
      <c r="S458">
        <v>0.93862449999999997</v>
      </c>
      <c r="T458">
        <v>1227.7809999999999</v>
      </c>
      <c r="U458">
        <v>436.31349999999998</v>
      </c>
      <c r="V458">
        <v>0.95228409999999997</v>
      </c>
      <c r="W458">
        <v>1237.9882</v>
      </c>
      <c r="X458">
        <v>581.09204</v>
      </c>
      <c r="Y458">
        <v>0.94287390000000004</v>
      </c>
      <c r="Z458">
        <f t="shared" si="68"/>
        <v>1191.9716666666666</v>
      </c>
      <c r="AA458">
        <f t="shared" si="69"/>
        <v>511.75747999999999</v>
      </c>
      <c r="AB458">
        <f t="shared" si="70"/>
        <v>10.97306930475283</v>
      </c>
      <c r="AC458">
        <f t="shared" si="71"/>
        <v>2.4698998626335551</v>
      </c>
    </row>
    <row r="459" spans="1:29" x14ac:dyDescent="0.4">
      <c r="A459">
        <v>456</v>
      </c>
      <c r="B459">
        <f t="shared" si="63"/>
        <v>15.2</v>
      </c>
      <c r="C459">
        <v>596.39813000000004</v>
      </c>
      <c r="D459">
        <v>512.12963999999999</v>
      </c>
      <c r="E459">
        <v>0.92952699999999999</v>
      </c>
      <c r="F459">
        <v>726.86273000000006</v>
      </c>
      <c r="G459">
        <v>450.06115999999997</v>
      </c>
      <c r="H459">
        <v>0.91258850000000002</v>
      </c>
      <c r="I459">
        <v>714.90783999999996</v>
      </c>
      <c r="J459">
        <v>593.77589999999998</v>
      </c>
      <c r="K459">
        <v>0.94088329999999998</v>
      </c>
      <c r="L459">
        <f t="shared" si="64"/>
        <v>679.38956666666672</v>
      </c>
      <c r="M459">
        <f t="shared" si="65"/>
        <v>518.65556666666669</v>
      </c>
      <c r="N459">
        <f t="shared" si="66"/>
        <v>-9.9268674849490939</v>
      </c>
      <c r="O459">
        <f t="shared" si="67"/>
        <v>2.3634504826633069</v>
      </c>
      <c r="Q459">
        <v>1109.7651000000001</v>
      </c>
      <c r="R459">
        <v>517.76775999999995</v>
      </c>
      <c r="S459">
        <v>0.94584829999999998</v>
      </c>
      <c r="T459">
        <v>1227.2845</v>
      </c>
      <c r="U459">
        <v>436.30703999999997</v>
      </c>
      <c r="V459">
        <v>0.95206489999999999</v>
      </c>
      <c r="W459">
        <v>1237.6461999999999</v>
      </c>
      <c r="X459">
        <v>580.88070000000005</v>
      </c>
      <c r="Y459">
        <v>0.95381039999999995</v>
      </c>
      <c r="Z459">
        <f t="shared" si="68"/>
        <v>1191.5652666666667</v>
      </c>
      <c r="AA459">
        <f t="shared" si="69"/>
        <v>511.65183333333334</v>
      </c>
      <c r="AB459">
        <f t="shared" si="70"/>
        <v>10.956408095535121</v>
      </c>
      <c r="AC459">
        <f t="shared" si="71"/>
        <v>2.474353990858118</v>
      </c>
    </row>
    <row r="460" spans="1:29" x14ac:dyDescent="0.4">
      <c r="A460">
        <v>457</v>
      </c>
      <c r="B460">
        <f t="shared" si="63"/>
        <v>15.233333333333333</v>
      </c>
      <c r="C460">
        <v>596.68230000000005</v>
      </c>
      <c r="D460">
        <v>511.91687000000002</v>
      </c>
      <c r="E460">
        <v>0.92627760000000003</v>
      </c>
      <c r="F460">
        <v>727.31420000000003</v>
      </c>
      <c r="G460">
        <v>449.97269999999997</v>
      </c>
      <c r="H460">
        <v>0.90073574000000001</v>
      </c>
      <c r="I460">
        <v>715.43799999999999</v>
      </c>
      <c r="J460">
        <v>593.78989999999999</v>
      </c>
      <c r="K460">
        <v>0.94440656999999995</v>
      </c>
      <c r="L460">
        <f t="shared" si="64"/>
        <v>679.81150000000014</v>
      </c>
      <c r="M460">
        <f t="shared" si="65"/>
        <v>518.55982333333338</v>
      </c>
      <c r="N460">
        <f t="shared" si="66"/>
        <v>-9.9097660523372326</v>
      </c>
      <c r="O460">
        <f t="shared" si="67"/>
        <v>2.3672177205466154</v>
      </c>
      <c r="Q460">
        <v>1109.0408</v>
      </c>
      <c r="R460">
        <v>517.81389999999999</v>
      </c>
      <c r="S460">
        <v>0.97627339999999996</v>
      </c>
      <c r="T460">
        <v>1226.7855999999999</v>
      </c>
      <c r="U460">
        <v>436.22107</v>
      </c>
      <c r="V460">
        <v>0.93509509999999996</v>
      </c>
      <c r="W460">
        <v>1237.3317</v>
      </c>
      <c r="X460">
        <v>580.79034000000001</v>
      </c>
      <c r="Y460">
        <v>0.95771163999999998</v>
      </c>
      <c r="Z460">
        <f t="shared" si="68"/>
        <v>1191.0527</v>
      </c>
      <c r="AA460">
        <f t="shared" si="69"/>
        <v>511.60843666666665</v>
      </c>
      <c r="AB460">
        <f t="shared" si="70"/>
        <v>10.93536552629406</v>
      </c>
      <c r="AC460">
        <f t="shared" si="71"/>
        <v>2.476304071950588</v>
      </c>
    </row>
    <row r="461" spans="1:29" x14ac:dyDescent="0.4">
      <c r="A461">
        <v>458</v>
      </c>
      <c r="B461">
        <f t="shared" si="63"/>
        <v>15.266666666666667</v>
      </c>
      <c r="C461">
        <v>597.19653000000005</v>
      </c>
      <c r="D461">
        <v>512.13139999999999</v>
      </c>
      <c r="E461">
        <v>0.92328489999999996</v>
      </c>
      <c r="F461">
        <v>727.9171</v>
      </c>
      <c r="G461">
        <v>449.93585000000002</v>
      </c>
      <c r="H461">
        <v>0.90105970000000002</v>
      </c>
      <c r="I461">
        <v>716.07069999999999</v>
      </c>
      <c r="J461">
        <v>593.74199999999996</v>
      </c>
      <c r="K461">
        <v>0.95094520000000005</v>
      </c>
      <c r="L461">
        <f t="shared" si="64"/>
        <v>680.39477666666664</v>
      </c>
      <c r="M461">
        <f t="shared" si="65"/>
        <v>518.6030833333333</v>
      </c>
      <c r="N461">
        <f t="shared" si="66"/>
        <v>-9.8861817247571988</v>
      </c>
      <c r="O461">
        <f t="shared" si="67"/>
        <v>2.365256407187188</v>
      </c>
      <c r="Q461">
        <v>1108.5445999999999</v>
      </c>
      <c r="R461">
        <v>517.69820000000004</v>
      </c>
      <c r="S461">
        <v>0.99897590000000003</v>
      </c>
      <c r="T461">
        <v>1226.4202</v>
      </c>
      <c r="U461">
        <v>436.12274000000002</v>
      </c>
      <c r="V461">
        <v>0.94190309999999999</v>
      </c>
      <c r="W461">
        <v>1236.9358</v>
      </c>
      <c r="X461">
        <v>580.72844999999995</v>
      </c>
      <c r="Y461">
        <v>0.96505430000000003</v>
      </c>
      <c r="Z461">
        <f t="shared" si="68"/>
        <v>1190.6335333333334</v>
      </c>
      <c r="AA461">
        <f t="shared" si="69"/>
        <v>511.51646333333338</v>
      </c>
      <c r="AB461">
        <f t="shared" si="70"/>
        <v>10.918175885873906</v>
      </c>
      <c r="AC461">
        <f t="shared" si="71"/>
        <v>2.4802044891202857</v>
      </c>
    </row>
    <row r="462" spans="1:29" x14ac:dyDescent="0.4">
      <c r="A462">
        <v>459</v>
      </c>
      <c r="B462">
        <f t="shared" si="63"/>
        <v>15.3</v>
      </c>
      <c r="C462">
        <v>597.65279999999996</v>
      </c>
      <c r="D462">
        <v>512.06320000000005</v>
      </c>
      <c r="E462">
        <v>0.91715210000000003</v>
      </c>
      <c r="F462">
        <v>728.75199999999995</v>
      </c>
      <c r="G462">
        <v>449.78579999999999</v>
      </c>
      <c r="H462">
        <v>0.92601305</v>
      </c>
      <c r="I462">
        <v>716.57903999999996</v>
      </c>
      <c r="J462">
        <v>593.62019999999995</v>
      </c>
      <c r="K462">
        <v>0.95188797000000003</v>
      </c>
      <c r="L462">
        <f t="shared" si="64"/>
        <v>680.99461333333329</v>
      </c>
      <c r="M462">
        <f t="shared" si="65"/>
        <v>518.48973333333333</v>
      </c>
      <c r="N462">
        <f t="shared" si="66"/>
        <v>-9.8618762441304817</v>
      </c>
      <c r="O462">
        <f t="shared" si="67"/>
        <v>2.3696828096101172</v>
      </c>
      <c r="Q462">
        <v>1107.9926</v>
      </c>
      <c r="R462">
        <v>517.74066000000005</v>
      </c>
      <c r="S462">
        <v>1</v>
      </c>
      <c r="T462">
        <v>1225.9791</v>
      </c>
      <c r="U462">
        <v>435.92953</v>
      </c>
      <c r="V462">
        <v>0.9395831</v>
      </c>
      <c r="W462">
        <v>1236.5519999999999</v>
      </c>
      <c r="X462">
        <v>580.6164</v>
      </c>
      <c r="Y462">
        <v>0.97316650000000005</v>
      </c>
      <c r="Z462">
        <f t="shared" si="68"/>
        <v>1190.1745666666666</v>
      </c>
      <c r="AA462">
        <f t="shared" si="69"/>
        <v>511.42886333333337</v>
      </c>
      <c r="AB462">
        <f t="shared" si="70"/>
        <v>10.899350081149397</v>
      </c>
      <c r="AC462">
        <f t="shared" si="71"/>
        <v>2.4839402487541964</v>
      </c>
    </row>
    <row r="463" spans="1:29" x14ac:dyDescent="0.4">
      <c r="A463">
        <v>460</v>
      </c>
      <c r="B463">
        <f t="shared" si="63"/>
        <v>15.333333333333334</v>
      </c>
      <c r="C463">
        <v>598.26355000000001</v>
      </c>
      <c r="D463">
        <v>512.10239999999999</v>
      </c>
      <c r="E463">
        <v>0.91127676000000002</v>
      </c>
      <c r="F463">
        <v>729.38855000000001</v>
      </c>
      <c r="G463">
        <v>449.93572999999998</v>
      </c>
      <c r="H463">
        <v>0.91635966000000002</v>
      </c>
      <c r="I463">
        <v>717.01710000000003</v>
      </c>
      <c r="J463">
        <v>593.67615000000001</v>
      </c>
      <c r="K463">
        <v>0.96724790000000005</v>
      </c>
      <c r="L463">
        <f t="shared" si="64"/>
        <v>681.55640000000005</v>
      </c>
      <c r="M463">
        <f t="shared" si="65"/>
        <v>518.57142666666664</v>
      </c>
      <c r="N463">
        <f t="shared" si="66"/>
        <v>-9.8391730121255172</v>
      </c>
      <c r="O463">
        <f t="shared" si="67"/>
        <v>2.3661597169692574</v>
      </c>
      <c r="Q463">
        <v>1107.5592999999999</v>
      </c>
      <c r="R463">
        <v>517.77840000000003</v>
      </c>
      <c r="S463">
        <v>0.99653769999999997</v>
      </c>
      <c r="T463">
        <v>1225.8280999999999</v>
      </c>
      <c r="U463">
        <v>435.83199999999999</v>
      </c>
      <c r="V463">
        <v>0.94807165999999998</v>
      </c>
      <c r="W463">
        <v>1236.1007</v>
      </c>
      <c r="X463">
        <v>580.51666</v>
      </c>
      <c r="Y463">
        <v>0.96769360000000004</v>
      </c>
      <c r="Z463">
        <f t="shared" si="68"/>
        <v>1189.8293666666666</v>
      </c>
      <c r="AA463">
        <f t="shared" si="69"/>
        <v>511.3756866666667</v>
      </c>
      <c r="AB463">
        <f t="shared" si="70"/>
        <v>10.885186784514616</v>
      </c>
      <c r="AC463">
        <f t="shared" si="71"/>
        <v>2.4862312025870299</v>
      </c>
    </row>
    <row r="464" spans="1:29" x14ac:dyDescent="0.4">
      <c r="A464">
        <v>461</v>
      </c>
      <c r="B464">
        <f t="shared" si="63"/>
        <v>15.366666666666667</v>
      </c>
      <c r="C464">
        <v>598.87329999999997</v>
      </c>
      <c r="D464">
        <v>512.06420000000003</v>
      </c>
      <c r="E464">
        <v>0.90394739999999996</v>
      </c>
      <c r="F464">
        <v>729.95439999999996</v>
      </c>
      <c r="G464">
        <v>449.85822000000002</v>
      </c>
      <c r="H464">
        <v>0.91812134000000001</v>
      </c>
      <c r="I464">
        <v>717.75850000000003</v>
      </c>
      <c r="J464">
        <v>593.54596000000004</v>
      </c>
      <c r="K464">
        <v>0.93521637000000002</v>
      </c>
      <c r="L464">
        <f t="shared" si="64"/>
        <v>682.19539999999995</v>
      </c>
      <c r="M464">
        <f t="shared" si="65"/>
        <v>518.48946000000012</v>
      </c>
      <c r="N464">
        <f t="shared" si="66"/>
        <v>-9.8132922713368522</v>
      </c>
      <c r="O464">
        <f t="shared" si="67"/>
        <v>2.3692918260973439</v>
      </c>
      <c r="Q464">
        <v>1106.8809000000001</v>
      </c>
      <c r="R464">
        <v>517.75414999999998</v>
      </c>
      <c r="S464">
        <v>0.98328006000000001</v>
      </c>
      <c r="T464">
        <v>1225.5018</v>
      </c>
      <c r="U464">
        <v>435.76852000000002</v>
      </c>
      <c r="V464">
        <v>0.94785209999999998</v>
      </c>
      <c r="W464">
        <v>1235.5150000000001</v>
      </c>
      <c r="X464">
        <v>580.47784000000001</v>
      </c>
      <c r="Y464">
        <v>0.97110635000000001</v>
      </c>
      <c r="Z464">
        <f t="shared" si="68"/>
        <v>1189.2992333333334</v>
      </c>
      <c r="AA464">
        <f t="shared" si="69"/>
        <v>511.33350333333334</v>
      </c>
      <c r="AB464">
        <f t="shared" si="70"/>
        <v>10.86342329638315</v>
      </c>
      <c r="AC464">
        <f t="shared" si="71"/>
        <v>2.4881378479679341</v>
      </c>
    </row>
    <row r="465" spans="1:29" x14ac:dyDescent="0.4">
      <c r="A465">
        <v>462</v>
      </c>
      <c r="B465">
        <f t="shared" si="63"/>
        <v>15.4</v>
      </c>
      <c r="C465">
        <v>599.27166999999997</v>
      </c>
      <c r="D465">
        <v>512.13499999999999</v>
      </c>
      <c r="E465">
        <v>0.89275676000000004</v>
      </c>
      <c r="F465">
        <v>730.59313999999995</v>
      </c>
      <c r="G465">
        <v>449.89706000000001</v>
      </c>
      <c r="H465">
        <v>0.92561800000000005</v>
      </c>
      <c r="I465">
        <v>718.23846000000003</v>
      </c>
      <c r="J465">
        <v>593.53252999999995</v>
      </c>
      <c r="K465">
        <v>0.93209255000000002</v>
      </c>
      <c r="L465">
        <f t="shared" si="64"/>
        <v>682.70109000000002</v>
      </c>
      <c r="M465">
        <f t="shared" si="65"/>
        <v>518.52152999999998</v>
      </c>
      <c r="N465">
        <f t="shared" si="66"/>
        <v>-9.7928418939114792</v>
      </c>
      <c r="O465">
        <f t="shared" si="67"/>
        <v>2.3678132707937642</v>
      </c>
      <c r="Q465">
        <v>1106.7092</v>
      </c>
      <c r="R465">
        <v>517.64184999999998</v>
      </c>
      <c r="S465">
        <v>0.97038800000000003</v>
      </c>
      <c r="T465">
        <v>1225.0220999999999</v>
      </c>
      <c r="U465">
        <v>435.75916000000001</v>
      </c>
      <c r="V465">
        <v>0.90229119999999996</v>
      </c>
      <c r="W465">
        <v>1234.9259</v>
      </c>
      <c r="X465">
        <v>580.46420000000001</v>
      </c>
      <c r="Y465">
        <v>0.96806190000000003</v>
      </c>
      <c r="Z465">
        <f t="shared" si="68"/>
        <v>1188.8857333333333</v>
      </c>
      <c r="AA465">
        <f t="shared" si="69"/>
        <v>511.28840333333329</v>
      </c>
      <c r="AB465">
        <f t="shared" si="70"/>
        <v>10.846452131416918</v>
      </c>
      <c r="AC465">
        <f t="shared" si="71"/>
        <v>2.4901229027753327</v>
      </c>
    </row>
    <row r="466" spans="1:29" x14ac:dyDescent="0.4">
      <c r="A466">
        <v>463</v>
      </c>
      <c r="B466">
        <f t="shared" si="63"/>
        <v>15.433333333333334</v>
      </c>
      <c r="C466">
        <v>599.81960000000004</v>
      </c>
      <c r="D466">
        <v>512.11914000000002</v>
      </c>
      <c r="E466">
        <v>0.89619327000000004</v>
      </c>
      <c r="F466">
        <v>730.99239999999998</v>
      </c>
      <c r="G466">
        <v>449.90893999999997</v>
      </c>
      <c r="H466">
        <v>0.91660459999999999</v>
      </c>
      <c r="I466">
        <v>718.70299999999997</v>
      </c>
      <c r="J466">
        <v>593.52880000000005</v>
      </c>
      <c r="K466">
        <v>0.93519540000000001</v>
      </c>
      <c r="L466">
        <f t="shared" si="64"/>
        <v>683.17166666666662</v>
      </c>
      <c r="M466">
        <f t="shared" si="65"/>
        <v>518.51895999999999</v>
      </c>
      <c r="N466">
        <f t="shared" si="66"/>
        <v>-9.7738007389110901</v>
      </c>
      <c r="O466">
        <f t="shared" si="67"/>
        <v>2.3677605732298521</v>
      </c>
      <c r="Q466">
        <v>1106.1584</v>
      </c>
      <c r="R466">
        <v>517.80470000000003</v>
      </c>
      <c r="S466">
        <v>0.94530976</v>
      </c>
      <c r="T466">
        <v>1224.5978</v>
      </c>
      <c r="U466">
        <v>435.77562999999998</v>
      </c>
      <c r="V466">
        <v>0.89254730000000004</v>
      </c>
      <c r="W466">
        <v>1234.4413</v>
      </c>
      <c r="X466">
        <v>580.26049999999998</v>
      </c>
      <c r="Y466">
        <v>0.96137550000000005</v>
      </c>
      <c r="Z466">
        <f t="shared" si="68"/>
        <v>1188.3991666666666</v>
      </c>
      <c r="AA466">
        <f t="shared" si="69"/>
        <v>511.28027666666668</v>
      </c>
      <c r="AB466">
        <f t="shared" si="70"/>
        <v>10.826467809545958</v>
      </c>
      <c r="AC466">
        <f t="shared" si="71"/>
        <v>2.4906241689867255</v>
      </c>
    </row>
    <row r="467" spans="1:29" x14ac:dyDescent="0.4">
      <c r="A467">
        <v>464</v>
      </c>
      <c r="B467">
        <f t="shared" si="63"/>
        <v>15.466666666666667</v>
      </c>
      <c r="C467">
        <v>600.52639999999997</v>
      </c>
      <c r="D467">
        <v>512.06537000000003</v>
      </c>
      <c r="E467">
        <v>0.88020410000000004</v>
      </c>
      <c r="F467">
        <v>731.5453</v>
      </c>
      <c r="G467">
        <v>449.82396999999997</v>
      </c>
      <c r="H467">
        <v>0.91130202999999999</v>
      </c>
      <c r="I467">
        <v>719.24194</v>
      </c>
      <c r="J467">
        <v>593.30780000000004</v>
      </c>
      <c r="K467">
        <v>0.91207760000000004</v>
      </c>
      <c r="L467">
        <f t="shared" si="64"/>
        <v>683.77121333333332</v>
      </c>
      <c r="M467">
        <f t="shared" si="65"/>
        <v>518.39904666666666</v>
      </c>
      <c r="N467">
        <f t="shared" si="66"/>
        <v>-9.7495028375353687</v>
      </c>
      <c r="O467">
        <f t="shared" si="67"/>
        <v>2.3724549579234226</v>
      </c>
      <c r="Q467">
        <v>1105.5717999999999</v>
      </c>
      <c r="R467">
        <v>517.7405</v>
      </c>
      <c r="S467">
        <v>0.94474360000000002</v>
      </c>
      <c r="T467">
        <v>1224.0074</v>
      </c>
      <c r="U467">
        <v>435.69112999999999</v>
      </c>
      <c r="V467">
        <v>0.91233337000000003</v>
      </c>
      <c r="W467">
        <v>1234.0522000000001</v>
      </c>
      <c r="X467">
        <v>580.24536000000001</v>
      </c>
      <c r="Y467">
        <v>0.95590719999999996</v>
      </c>
      <c r="Z467">
        <f t="shared" si="68"/>
        <v>1187.8771333333334</v>
      </c>
      <c r="AA467">
        <f t="shared" si="69"/>
        <v>511.22566333333333</v>
      </c>
      <c r="AB467">
        <f t="shared" si="70"/>
        <v>10.805041994653365</v>
      </c>
      <c r="AC467">
        <f t="shared" si="71"/>
        <v>2.4930353594349919</v>
      </c>
    </row>
    <row r="468" spans="1:29" x14ac:dyDescent="0.4">
      <c r="A468">
        <v>465</v>
      </c>
      <c r="B468">
        <f t="shared" si="63"/>
        <v>15.5</v>
      </c>
      <c r="C468">
        <v>601.21169999999995</v>
      </c>
      <c r="D468">
        <v>511.95526000000001</v>
      </c>
      <c r="E468">
        <v>0.87539480000000003</v>
      </c>
      <c r="F468">
        <v>732.12959999999998</v>
      </c>
      <c r="G468">
        <v>449.70267000000001</v>
      </c>
      <c r="H468">
        <v>0.90567830000000005</v>
      </c>
      <c r="I468">
        <v>719.8107</v>
      </c>
      <c r="J468">
        <v>593.29169999999999</v>
      </c>
      <c r="K468">
        <v>0.90917740000000002</v>
      </c>
      <c r="L468">
        <f t="shared" si="64"/>
        <v>684.38400000000001</v>
      </c>
      <c r="M468">
        <f t="shared" si="65"/>
        <v>518.31654333333336</v>
      </c>
      <c r="N468">
        <f t="shared" si="66"/>
        <v>-9.7246808810841756</v>
      </c>
      <c r="O468">
        <f t="shared" si="67"/>
        <v>2.3756177121818407</v>
      </c>
      <c r="Q468">
        <v>1105.0472</v>
      </c>
      <c r="R468">
        <v>517.70825000000002</v>
      </c>
      <c r="S468">
        <v>0.94001966999999997</v>
      </c>
      <c r="T468">
        <v>1223.4223999999999</v>
      </c>
      <c r="U468">
        <v>435.55360000000002</v>
      </c>
      <c r="V468">
        <v>0.92644744999999995</v>
      </c>
      <c r="W468">
        <v>1233.7284999999999</v>
      </c>
      <c r="X468">
        <v>580.08159999999998</v>
      </c>
      <c r="Y468">
        <v>0.94817220000000002</v>
      </c>
      <c r="Z468">
        <f t="shared" si="68"/>
        <v>1187.3993666666665</v>
      </c>
      <c r="AA468">
        <f t="shared" si="69"/>
        <v>511.11448333333334</v>
      </c>
      <c r="AB468">
        <f t="shared" si="70"/>
        <v>10.785453145968077</v>
      </c>
      <c r="AC468">
        <f t="shared" si="71"/>
        <v>2.4977401524370548</v>
      </c>
    </row>
    <row r="469" spans="1:29" x14ac:dyDescent="0.4">
      <c r="A469">
        <v>466</v>
      </c>
      <c r="B469">
        <f t="shared" si="63"/>
        <v>15.533333333333333</v>
      </c>
      <c r="C469">
        <v>601.70056</v>
      </c>
      <c r="D469">
        <v>511.78867000000002</v>
      </c>
      <c r="E469">
        <v>0.88260570000000005</v>
      </c>
      <c r="F469">
        <v>732.53489999999999</v>
      </c>
      <c r="G469">
        <v>449.62383999999997</v>
      </c>
      <c r="H469">
        <v>0.92731505999999997</v>
      </c>
      <c r="I469">
        <v>720.25463999999999</v>
      </c>
      <c r="J469">
        <v>593.43413999999996</v>
      </c>
      <c r="K469">
        <v>0.88914824000000003</v>
      </c>
      <c r="L469">
        <f t="shared" si="64"/>
        <v>684.83003333333329</v>
      </c>
      <c r="M469">
        <f t="shared" si="65"/>
        <v>518.28221666666661</v>
      </c>
      <c r="N469">
        <f t="shared" si="66"/>
        <v>-9.7066215955226269</v>
      </c>
      <c r="O469">
        <f t="shared" si="67"/>
        <v>2.3768696098276898</v>
      </c>
      <c r="Q469">
        <v>1104.5731000000001</v>
      </c>
      <c r="R469">
        <v>517.66425000000004</v>
      </c>
      <c r="S469">
        <v>0.93240409999999996</v>
      </c>
      <c r="T469">
        <v>1223.0458000000001</v>
      </c>
      <c r="U469">
        <v>435.6447</v>
      </c>
      <c r="V469">
        <v>0.93738049999999995</v>
      </c>
      <c r="W469">
        <v>1232.9681</v>
      </c>
      <c r="X469">
        <v>580.08079999999995</v>
      </c>
      <c r="Y469">
        <v>0.94200200000000001</v>
      </c>
      <c r="Z469">
        <f t="shared" si="68"/>
        <v>1186.8623333333335</v>
      </c>
      <c r="AA469">
        <f t="shared" si="69"/>
        <v>511.1299166666667</v>
      </c>
      <c r="AB469">
        <f t="shared" si="70"/>
        <v>10.763389129327951</v>
      </c>
      <c r="AC469">
        <f t="shared" si="71"/>
        <v>2.4972972691807187</v>
      </c>
    </row>
    <row r="470" spans="1:29" x14ac:dyDescent="0.4">
      <c r="A470">
        <v>467</v>
      </c>
      <c r="B470">
        <f t="shared" si="63"/>
        <v>15.566666666666666</v>
      </c>
      <c r="C470">
        <v>602.31610000000001</v>
      </c>
      <c r="D470">
        <v>511.72012000000001</v>
      </c>
      <c r="E470">
        <v>0.89151007000000004</v>
      </c>
      <c r="F470">
        <v>733.30740000000003</v>
      </c>
      <c r="G470">
        <v>449.56240000000003</v>
      </c>
      <c r="H470">
        <v>0.90404830000000003</v>
      </c>
      <c r="I470">
        <v>720.73969999999997</v>
      </c>
      <c r="J470">
        <v>593.24249999999995</v>
      </c>
      <c r="K470">
        <v>0.88902870000000001</v>
      </c>
      <c r="L470">
        <f t="shared" si="64"/>
        <v>685.45440000000008</v>
      </c>
      <c r="M470">
        <f t="shared" si="65"/>
        <v>518.17500666666672</v>
      </c>
      <c r="N470">
        <f t="shared" si="66"/>
        <v>-9.6813222631299549</v>
      </c>
      <c r="O470">
        <f t="shared" si="67"/>
        <v>2.3810370565619765</v>
      </c>
      <c r="Q470">
        <v>1103.9357</v>
      </c>
      <c r="R470">
        <v>517.76373000000001</v>
      </c>
      <c r="S470">
        <v>0.926508</v>
      </c>
      <c r="T470">
        <v>1222.4875</v>
      </c>
      <c r="U470">
        <v>435.73874000000001</v>
      </c>
      <c r="V470">
        <v>0.95146090000000005</v>
      </c>
      <c r="W470">
        <v>1232.4956</v>
      </c>
      <c r="X470">
        <v>580.10410000000002</v>
      </c>
      <c r="Y470">
        <v>0.93330740000000001</v>
      </c>
      <c r="Z470">
        <f t="shared" si="68"/>
        <v>1186.3062666666667</v>
      </c>
      <c r="AA470">
        <f t="shared" si="69"/>
        <v>511.20218999999997</v>
      </c>
      <c r="AB470">
        <f t="shared" si="70"/>
        <v>10.740525249819564</v>
      </c>
      <c r="AC470">
        <f t="shared" si="71"/>
        <v>2.494540816962763</v>
      </c>
    </row>
    <row r="471" spans="1:29" x14ac:dyDescent="0.4">
      <c r="A471">
        <v>468</v>
      </c>
      <c r="B471">
        <f t="shared" si="63"/>
        <v>15.6</v>
      </c>
      <c r="C471">
        <v>602.97590000000002</v>
      </c>
      <c r="D471">
        <v>511.70400000000001</v>
      </c>
      <c r="E471">
        <v>0.90393173999999998</v>
      </c>
      <c r="F471">
        <v>733.84247000000005</v>
      </c>
      <c r="G471">
        <v>449.54079999999999</v>
      </c>
      <c r="H471">
        <v>0.89448170000000005</v>
      </c>
      <c r="I471">
        <v>721.34893999999997</v>
      </c>
      <c r="J471">
        <v>593.30520000000001</v>
      </c>
      <c r="K471">
        <v>0.89846119999999996</v>
      </c>
      <c r="L471">
        <f t="shared" si="64"/>
        <v>686.05576999999994</v>
      </c>
      <c r="M471">
        <f t="shared" si="65"/>
        <v>518.18333333333328</v>
      </c>
      <c r="N471">
        <f t="shared" si="66"/>
        <v>-9.6569904558579172</v>
      </c>
      <c r="O471">
        <f t="shared" si="67"/>
        <v>2.380495674675311</v>
      </c>
      <c r="Q471">
        <v>1103.4521</v>
      </c>
      <c r="R471">
        <v>517.54803000000004</v>
      </c>
      <c r="S471">
        <v>0.92277589999999998</v>
      </c>
      <c r="T471">
        <v>1221.9902</v>
      </c>
      <c r="U471">
        <v>435.85451999999998</v>
      </c>
      <c r="V471">
        <v>0.95992330000000003</v>
      </c>
      <c r="W471">
        <v>1231.8152</v>
      </c>
      <c r="X471">
        <v>580.07749999999999</v>
      </c>
      <c r="Y471">
        <v>0.91393369999999996</v>
      </c>
      <c r="Z471">
        <f t="shared" si="68"/>
        <v>1185.7524999999998</v>
      </c>
      <c r="AA471">
        <f t="shared" si="69"/>
        <v>511.16001666666671</v>
      </c>
      <c r="AB471">
        <f t="shared" si="70"/>
        <v>10.71779331707533</v>
      </c>
      <c r="AC471">
        <f t="shared" si="71"/>
        <v>2.4964552340390127</v>
      </c>
    </row>
    <row r="472" spans="1:29" x14ac:dyDescent="0.4">
      <c r="A472">
        <v>469</v>
      </c>
      <c r="B472">
        <f t="shared" si="63"/>
        <v>15.633333333333333</v>
      </c>
      <c r="C472">
        <v>603.28650000000005</v>
      </c>
      <c r="D472">
        <v>511.52728000000002</v>
      </c>
      <c r="E472">
        <v>0.90090214999999996</v>
      </c>
      <c r="F472">
        <v>734.22613999999999</v>
      </c>
      <c r="G472">
        <v>449.48604999999998</v>
      </c>
      <c r="H472">
        <v>0.89431050000000001</v>
      </c>
      <c r="I472">
        <v>722.14404000000002</v>
      </c>
      <c r="J472">
        <v>593.06190000000004</v>
      </c>
      <c r="K472">
        <v>0.90772109999999995</v>
      </c>
      <c r="L472">
        <f t="shared" si="64"/>
        <v>686.55222666666668</v>
      </c>
      <c r="M472">
        <f t="shared" si="65"/>
        <v>518.02507666666668</v>
      </c>
      <c r="N472">
        <f t="shared" si="66"/>
        <v>-9.6368496808482345</v>
      </c>
      <c r="O472">
        <f t="shared" si="67"/>
        <v>2.3867898110688603</v>
      </c>
      <c r="Q472">
        <v>1102.9353000000001</v>
      </c>
      <c r="R472">
        <v>517.61584000000005</v>
      </c>
      <c r="S472">
        <v>0.90907406999999996</v>
      </c>
      <c r="T472">
        <v>1221.5447999999999</v>
      </c>
      <c r="U472">
        <v>435.90886999999998</v>
      </c>
      <c r="V472">
        <v>0.95831347</v>
      </c>
      <c r="W472">
        <v>1231.42</v>
      </c>
      <c r="X472">
        <v>580.22190000000001</v>
      </c>
      <c r="Y472">
        <v>0.9059893</v>
      </c>
      <c r="Z472">
        <f t="shared" si="68"/>
        <v>1185.3000333333332</v>
      </c>
      <c r="AA472">
        <f t="shared" si="69"/>
        <v>511.24887000000007</v>
      </c>
      <c r="AB472">
        <f t="shared" si="70"/>
        <v>10.699180018264464</v>
      </c>
      <c r="AC472">
        <f t="shared" si="71"/>
        <v>2.4929858846062198</v>
      </c>
    </row>
    <row r="473" spans="1:29" x14ac:dyDescent="0.4">
      <c r="A473">
        <v>470</v>
      </c>
      <c r="B473">
        <f t="shared" si="63"/>
        <v>15.666666666666666</v>
      </c>
      <c r="C473">
        <v>603.96780000000001</v>
      </c>
      <c r="D473">
        <v>511.45087000000001</v>
      </c>
      <c r="E473">
        <v>0.91721299999999995</v>
      </c>
      <c r="F473">
        <v>734.6857</v>
      </c>
      <c r="G473">
        <v>449.54523</v>
      </c>
      <c r="H473">
        <v>0.89724280000000001</v>
      </c>
      <c r="I473">
        <v>722.78033000000005</v>
      </c>
      <c r="J473">
        <v>593.07029999999997</v>
      </c>
      <c r="K473">
        <v>0.91601759999999999</v>
      </c>
      <c r="L473">
        <f t="shared" si="64"/>
        <v>687.14460999999994</v>
      </c>
      <c r="M473">
        <f t="shared" si="65"/>
        <v>518.02213333333339</v>
      </c>
      <c r="N473">
        <f t="shared" si="66"/>
        <v>-9.6128770803422476</v>
      </c>
      <c r="O473">
        <f t="shared" si="67"/>
        <v>2.3867114942927921</v>
      </c>
      <c r="Q473">
        <v>1102.482</v>
      </c>
      <c r="R473">
        <v>517.73180000000002</v>
      </c>
      <c r="S473">
        <v>0.91128670000000001</v>
      </c>
      <c r="T473">
        <v>1221.0128</v>
      </c>
      <c r="U473">
        <v>436.15195</v>
      </c>
      <c r="V473">
        <v>0.98088133</v>
      </c>
      <c r="W473">
        <v>1230.7313999999999</v>
      </c>
      <c r="X473">
        <v>580.12</v>
      </c>
      <c r="Y473">
        <v>0.92073050000000001</v>
      </c>
      <c r="Z473">
        <f t="shared" si="68"/>
        <v>1184.7420666666667</v>
      </c>
      <c r="AA473">
        <f t="shared" si="69"/>
        <v>511.33458333333328</v>
      </c>
      <c r="AB473">
        <f t="shared" si="70"/>
        <v>10.67623480193337</v>
      </c>
      <c r="AC473">
        <f t="shared" si="71"/>
        <v>2.4896814496382529</v>
      </c>
    </row>
    <row r="474" spans="1:29" x14ac:dyDescent="0.4">
      <c r="A474">
        <v>471</v>
      </c>
      <c r="B474">
        <f t="shared" si="63"/>
        <v>15.7</v>
      </c>
      <c r="C474">
        <v>604.5258</v>
      </c>
      <c r="D474">
        <v>511.52048000000002</v>
      </c>
      <c r="E474">
        <v>0.91520064999999995</v>
      </c>
      <c r="F474">
        <v>735.1277</v>
      </c>
      <c r="G474">
        <v>449.52539999999999</v>
      </c>
      <c r="H474">
        <v>0.87453749999999997</v>
      </c>
      <c r="I474">
        <v>723.61630000000002</v>
      </c>
      <c r="J474">
        <v>592.99176</v>
      </c>
      <c r="K474">
        <v>0.93070114000000004</v>
      </c>
      <c r="L474">
        <f t="shared" si="64"/>
        <v>687.75660000000005</v>
      </c>
      <c r="M474">
        <f t="shared" si="65"/>
        <v>518.01254666666671</v>
      </c>
      <c r="N474">
        <f t="shared" si="66"/>
        <v>-9.5881084667905636</v>
      </c>
      <c r="O474">
        <f t="shared" si="67"/>
        <v>2.3868977971045422</v>
      </c>
      <c r="Q474">
        <v>1102.1387</v>
      </c>
      <c r="R474">
        <v>517.78264999999999</v>
      </c>
      <c r="S474">
        <v>0.91495733999999995</v>
      </c>
      <c r="T474">
        <v>1220.3435999999999</v>
      </c>
      <c r="U474">
        <v>436.18007999999998</v>
      </c>
      <c r="V474">
        <v>0.96680920000000004</v>
      </c>
      <c r="W474">
        <v>1230.2791999999999</v>
      </c>
      <c r="X474">
        <v>580.14324999999997</v>
      </c>
      <c r="Y474">
        <v>0.92172980000000004</v>
      </c>
      <c r="Z474">
        <f t="shared" si="68"/>
        <v>1184.2538333333332</v>
      </c>
      <c r="AA474">
        <f t="shared" si="69"/>
        <v>511.36865999999992</v>
      </c>
      <c r="AB474">
        <f t="shared" si="70"/>
        <v>10.656170800941833</v>
      </c>
      <c r="AC474">
        <f t="shared" si="71"/>
        <v>2.4884605120489316</v>
      </c>
    </row>
    <row r="475" spans="1:29" x14ac:dyDescent="0.4">
      <c r="A475">
        <v>472</v>
      </c>
      <c r="B475">
        <f t="shared" si="63"/>
        <v>15.733333333333333</v>
      </c>
      <c r="C475">
        <v>604.92690000000005</v>
      </c>
      <c r="D475">
        <v>511.77280000000002</v>
      </c>
      <c r="E475">
        <v>0.90758700000000003</v>
      </c>
      <c r="F475">
        <v>735.49505999999997</v>
      </c>
      <c r="G475">
        <v>449.53710000000001</v>
      </c>
      <c r="H475">
        <v>0.86967945000000002</v>
      </c>
      <c r="I475">
        <v>724.19244000000003</v>
      </c>
      <c r="J475">
        <v>592.87836000000004</v>
      </c>
      <c r="K475">
        <v>0.96314679999999997</v>
      </c>
      <c r="L475">
        <f t="shared" si="64"/>
        <v>688.20480000000009</v>
      </c>
      <c r="M475">
        <f t="shared" si="65"/>
        <v>518.06275333333326</v>
      </c>
      <c r="N475">
        <f t="shared" si="66"/>
        <v>-9.5699870534402045</v>
      </c>
      <c r="O475">
        <f t="shared" si="67"/>
        <v>2.3846980498301549</v>
      </c>
      <c r="Q475">
        <v>1101.6611</v>
      </c>
      <c r="R475">
        <v>517.63379999999995</v>
      </c>
      <c r="S475">
        <v>0.92672454999999998</v>
      </c>
      <c r="T475">
        <v>1219.5776000000001</v>
      </c>
      <c r="U475">
        <v>436.15566999999999</v>
      </c>
      <c r="V475">
        <v>0.97947770000000001</v>
      </c>
      <c r="W475">
        <v>1229.7443000000001</v>
      </c>
      <c r="X475">
        <v>580.14873999999998</v>
      </c>
      <c r="Y475">
        <v>0.93211129999999998</v>
      </c>
      <c r="Z475">
        <f t="shared" si="68"/>
        <v>1183.6610000000001</v>
      </c>
      <c r="AA475">
        <f t="shared" si="69"/>
        <v>511.31273666666658</v>
      </c>
      <c r="AB475">
        <f t="shared" si="70"/>
        <v>10.631840183290681</v>
      </c>
      <c r="AC475">
        <f t="shared" si="71"/>
        <v>2.4909497806541365</v>
      </c>
    </row>
    <row r="476" spans="1:29" x14ac:dyDescent="0.4">
      <c r="A476">
        <v>473</v>
      </c>
      <c r="B476">
        <f t="shared" si="63"/>
        <v>15.766666666666667</v>
      </c>
      <c r="C476">
        <v>605.44410000000005</v>
      </c>
      <c r="D476">
        <v>511.77913999999998</v>
      </c>
      <c r="E476">
        <v>0.89149800000000001</v>
      </c>
      <c r="F476">
        <v>736.11284999999998</v>
      </c>
      <c r="G476">
        <v>449.29406999999998</v>
      </c>
      <c r="H476">
        <v>0.86902237000000004</v>
      </c>
      <c r="I476">
        <v>724.65300000000002</v>
      </c>
      <c r="J476">
        <v>592.86284999999998</v>
      </c>
      <c r="K476">
        <v>0.98453919999999995</v>
      </c>
      <c r="L476">
        <f t="shared" si="64"/>
        <v>688.73665000000017</v>
      </c>
      <c r="M476">
        <f t="shared" si="65"/>
        <v>517.9786866666667</v>
      </c>
      <c r="N476">
        <f t="shared" si="66"/>
        <v>-9.5484366903028519</v>
      </c>
      <c r="O476">
        <f t="shared" si="67"/>
        <v>2.3879516600942567</v>
      </c>
      <c r="Q476">
        <v>1101.0934</v>
      </c>
      <c r="R476">
        <v>517.45870000000002</v>
      </c>
      <c r="S476">
        <v>0.95789349999999995</v>
      </c>
      <c r="T476">
        <v>1219.0563999999999</v>
      </c>
      <c r="U476">
        <v>436.04984000000002</v>
      </c>
      <c r="V476">
        <v>0.97042704000000002</v>
      </c>
      <c r="W476">
        <v>1229.5211999999999</v>
      </c>
      <c r="X476">
        <v>580.08605999999997</v>
      </c>
      <c r="Y476">
        <v>0.93596184000000004</v>
      </c>
      <c r="Z476">
        <f t="shared" si="68"/>
        <v>1183.2236666666668</v>
      </c>
      <c r="AA476">
        <f t="shared" si="69"/>
        <v>511.19819999999999</v>
      </c>
      <c r="AB476">
        <f t="shared" si="70"/>
        <v>10.613915509078929</v>
      </c>
      <c r="AC476">
        <f t="shared" si="71"/>
        <v>2.4957774596191813</v>
      </c>
    </row>
    <row r="477" spans="1:29" x14ac:dyDescent="0.4">
      <c r="A477">
        <v>474</v>
      </c>
      <c r="B477">
        <f t="shared" si="63"/>
        <v>15.8</v>
      </c>
      <c r="C477">
        <v>606.11066000000005</v>
      </c>
      <c r="D477">
        <v>511.71877999999998</v>
      </c>
      <c r="E477">
        <v>0.88974655000000002</v>
      </c>
      <c r="F477">
        <v>736.7115</v>
      </c>
      <c r="G477">
        <v>449.36250000000001</v>
      </c>
      <c r="H477">
        <v>0.88398650000000001</v>
      </c>
      <c r="I477">
        <v>725.18773999999996</v>
      </c>
      <c r="J477">
        <v>592.94029999999998</v>
      </c>
      <c r="K477">
        <v>0.97570186999999997</v>
      </c>
      <c r="L477">
        <f t="shared" si="64"/>
        <v>689.33663333333334</v>
      </c>
      <c r="M477">
        <f t="shared" si="65"/>
        <v>518.00719333333336</v>
      </c>
      <c r="N477">
        <f t="shared" si="66"/>
        <v>-9.5241651345080172</v>
      </c>
      <c r="O477">
        <f t="shared" si="67"/>
        <v>2.3865868901104044</v>
      </c>
      <c r="Q477">
        <v>1100.6876999999999</v>
      </c>
      <c r="R477">
        <v>517.30426</v>
      </c>
      <c r="S477">
        <v>0.97407829999999995</v>
      </c>
      <c r="T477">
        <v>1218.7219</v>
      </c>
      <c r="U477">
        <v>436.06389999999999</v>
      </c>
      <c r="V477">
        <v>0.95739129999999995</v>
      </c>
      <c r="W477">
        <v>1229.1278</v>
      </c>
      <c r="X477">
        <v>580.05859999999996</v>
      </c>
      <c r="Y477">
        <v>0.93541956000000004</v>
      </c>
      <c r="Z477">
        <f t="shared" si="68"/>
        <v>1182.8458000000001</v>
      </c>
      <c r="AA477">
        <f t="shared" si="69"/>
        <v>511.14225333333326</v>
      </c>
      <c r="AB477">
        <f t="shared" si="70"/>
        <v>10.598414396828506</v>
      </c>
      <c r="AC477">
        <f t="shared" si="71"/>
        <v>2.4981927918804985</v>
      </c>
    </row>
    <row r="478" spans="1:29" x14ac:dyDescent="0.4">
      <c r="A478">
        <v>475</v>
      </c>
      <c r="B478">
        <f t="shared" si="63"/>
        <v>15.833333333333334</v>
      </c>
      <c r="C478">
        <v>606.90350000000001</v>
      </c>
      <c r="D478">
        <v>511.51920000000001</v>
      </c>
      <c r="E478">
        <v>0.88739944000000004</v>
      </c>
      <c r="F478">
        <v>737.62316999999996</v>
      </c>
      <c r="G478">
        <v>449.16057999999998</v>
      </c>
      <c r="H478">
        <v>0.90016775999999998</v>
      </c>
      <c r="I478">
        <v>725.76215000000002</v>
      </c>
      <c r="J478">
        <v>592.79870000000005</v>
      </c>
      <c r="K478">
        <v>0.95060193999999998</v>
      </c>
      <c r="L478">
        <f t="shared" si="64"/>
        <v>690.09627333333322</v>
      </c>
      <c r="M478">
        <f t="shared" si="65"/>
        <v>517.82615999999996</v>
      </c>
      <c r="N478">
        <f t="shared" si="66"/>
        <v>-9.4933639038553252</v>
      </c>
      <c r="O478">
        <f t="shared" si="67"/>
        <v>2.3937225744854054</v>
      </c>
      <c r="Q478">
        <v>1100.3647000000001</v>
      </c>
      <c r="R478">
        <v>517.41187000000002</v>
      </c>
      <c r="S478">
        <v>0.98095834000000004</v>
      </c>
      <c r="T478">
        <v>1218.3604</v>
      </c>
      <c r="U478">
        <v>436.04944</v>
      </c>
      <c r="V478">
        <v>0.93812143999999997</v>
      </c>
      <c r="W478">
        <v>1228.7755</v>
      </c>
      <c r="X478">
        <v>580.11599999999999</v>
      </c>
      <c r="Y478">
        <v>0.93350756000000001</v>
      </c>
      <c r="Z478">
        <f t="shared" si="68"/>
        <v>1182.5002000000002</v>
      </c>
      <c r="AA478">
        <f t="shared" si="69"/>
        <v>511.19243666666671</v>
      </c>
      <c r="AB478">
        <f t="shared" si="70"/>
        <v>10.584204247400093</v>
      </c>
      <c r="AC478">
        <f t="shared" si="71"/>
        <v>2.4962646879413937</v>
      </c>
    </row>
    <row r="479" spans="1:29" x14ac:dyDescent="0.4">
      <c r="A479">
        <v>476</v>
      </c>
      <c r="B479">
        <f t="shared" si="63"/>
        <v>15.866666666666667</v>
      </c>
      <c r="C479">
        <v>607.43809999999996</v>
      </c>
      <c r="D479">
        <v>511.61356000000001</v>
      </c>
      <c r="E479">
        <v>0.88805056000000004</v>
      </c>
      <c r="F479">
        <v>738.27044999999998</v>
      </c>
      <c r="G479">
        <v>449.20370000000003</v>
      </c>
      <c r="H479">
        <v>0.92486363999999999</v>
      </c>
      <c r="I479">
        <v>726.17145000000005</v>
      </c>
      <c r="J479">
        <v>592.75340000000006</v>
      </c>
      <c r="K479">
        <v>0.9356314</v>
      </c>
      <c r="L479">
        <f t="shared" si="64"/>
        <v>690.62666666666667</v>
      </c>
      <c r="M479">
        <f t="shared" si="65"/>
        <v>517.8568866666667</v>
      </c>
      <c r="N479">
        <f t="shared" si="66"/>
        <v>-9.471908456952546</v>
      </c>
      <c r="O479">
        <f t="shared" si="67"/>
        <v>2.3922904809131702</v>
      </c>
      <c r="Q479">
        <v>1099.9177</v>
      </c>
      <c r="R479">
        <v>517.39044000000001</v>
      </c>
      <c r="S479">
        <v>0.96969603999999998</v>
      </c>
      <c r="T479">
        <v>1217.8399999999999</v>
      </c>
      <c r="U479">
        <v>435.94420000000002</v>
      </c>
      <c r="V479">
        <v>0.93087379999999997</v>
      </c>
      <c r="W479">
        <v>1228.4264000000001</v>
      </c>
      <c r="X479">
        <v>579.98389999999995</v>
      </c>
      <c r="Y479">
        <v>0.92011832999999998</v>
      </c>
      <c r="Z479">
        <f t="shared" si="68"/>
        <v>1182.0613666666668</v>
      </c>
      <c r="AA479">
        <f t="shared" si="69"/>
        <v>511.10617999999999</v>
      </c>
      <c r="AB479">
        <f t="shared" si="70"/>
        <v>10.566209420010569</v>
      </c>
      <c r="AC479">
        <f t="shared" si="71"/>
        <v>2.4999384896285859</v>
      </c>
    </row>
    <row r="480" spans="1:29" x14ac:dyDescent="0.4">
      <c r="A480">
        <v>477</v>
      </c>
      <c r="B480">
        <f t="shared" si="63"/>
        <v>15.9</v>
      </c>
      <c r="C480">
        <v>608.13210000000004</v>
      </c>
      <c r="D480">
        <v>511.44824</v>
      </c>
      <c r="E480">
        <v>0.89921313999999997</v>
      </c>
      <c r="F480">
        <v>738.6866</v>
      </c>
      <c r="G480">
        <v>449.13788</v>
      </c>
      <c r="H480">
        <v>0.93022156</v>
      </c>
      <c r="I480">
        <v>726.72370000000001</v>
      </c>
      <c r="J480">
        <v>592.66345000000001</v>
      </c>
      <c r="K480">
        <v>0.92878039999999995</v>
      </c>
      <c r="L480">
        <f t="shared" si="64"/>
        <v>691.18080000000009</v>
      </c>
      <c r="M480">
        <f t="shared" si="65"/>
        <v>517.74985666666669</v>
      </c>
      <c r="N480">
        <f t="shared" si="66"/>
        <v>-9.4494472407911179</v>
      </c>
      <c r="O480">
        <f t="shared" si="67"/>
        <v>2.3964740024457445</v>
      </c>
      <c r="Q480">
        <v>1099.2699</v>
      </c>
      <c r="R480">
        <v>517.30535999999995</v>
      </c>
      <c r="S480">
        <v>0.96191084000000004</v>
      </c>
      <c r="T480">
        <v>1217.4595999999999</v>
      </c>
      <c r="U480">
        <v>435.87270000000001</v>
      </c>
      <c r="V480">
        <v>0.92105113999999999</v>
      </c>
      <c r="W480">
        <v>1227.9535000000001</v>
      </c>
      <c r="X480">
        <v>579.87885000000006</v>
      </c>
      <c r="Y480">
        <v>0.92585680000000004</v>
      </c>
      <c r="Z480">
        <f t="shared" si="68"/>
        <v>1181.5609999999999</v>
      </c>
      <c r="AA480">
        <f t="shared" si="69"/>
        <v>511.01897000000002</v>
      </c>
      <c r="AB480">
        <f t="shared" si="70"/>
        <v>10.545688027485342</v>
      </c>
      <c r="AC480">
        <f t="shared" si="71"/>
        <v>2.5036726265870741</v>
      </c>
    </row>
    <row r="481" spans="1:29" x14ac:dyDescent="0.4">
      <c r="A481">
        <v>478</v>
      </c>
      <c r="B481">
        <f t="shared" si="63"/>
        <v>15.933333333333334</v>
      </c>
      <c r="C481">
        <v>608.57640000000004</v>
      </c>
      <c r="D481">
        <v>511.40339999999998</v>
      </c>
      <c r="E481">
        <v>0.90573910000000002</v>
      </c>
      <c r="F481">
        <v>739.26660000000004</v>
      </c>
      <c r="G481">
        <v>449.03937000000002</v>
      </c>
      <c r="H481">
        <v>0.93356967000000002</v>
      </c>
      <c r="I481">
        <v>727.38520000000005</v>
      </c>
      <c r="J481">
        <v>592.69809999999995</v>
      </c>
      <c r="K481">
        <v>0.922485</v>
      </c>
      <c r="L481">
        <f t="shared" si="64"/>
        <v>691.74273333333338</v>
      </c>
      <c r="M481">
        <f t="shared" si="65"/>
        <v>517.71362333333332</v>
      </c>
      <c r="N481">
        <f t="shared" si="66"/>
        <v>-9.4266929015742686</v>
      </c>
      <c r="O481">
        <f t="shared" si="67"/>
        <v>2.3977647997440776</v>
      </c>
      <c r="Q481">
        <v>1098.8468</v>
      </c>
      <c r="R481">
        <v>517.28809999999999</v>
      </c>
      <c r="S481">
        <v>0.95664199999999999</v>
      </c>
      <c r="T481">
        <v>1216.9246000000001</v>
      </c>
      <c r="U481">
        <v>435.98970000000003</v>
      </c>
      <c r="V481">
        <v>0.91513509999999998</v>
      </c>
      <c r="W481">
        <v>1227.4332999999999</v>
      </c>
      <c r="X481">
        <v>579.88149999999996</v>
      </c>
      <c r="Y481">
        <v>0.92979480000000003</v>
      </c>
      <c r="Z481">
        <f t="shared" si="68"/>
        <v>1181.0682333333334</v>
      </c>
      <c r="AA481">
        <f t="shared" si="69"/>
        <v>511.05310000000003</v>
      </c>
      <c r="AB481">
        <f t="shared" si="70"/>
        <v>10.525439723916289</v>
      </c>
      <c r="AC481">
        <f t="shared" si="71"/>
        <v>2.5024510537678331</v>
      </c>
    </row>
    <row r="482" spans="1:29" x14ac:dyDescent="0.4">
      <c r="A482">
        <v>479</v>
      </c>
      <c r="B482">
        <f t="shared" si="63"/>
        <v>15.966666666666667</v>
      </c>
      <c r="C482">
        <v>609.25850000000003</v>
      </c>
      <c r="D482">
        <v>511.2509</v>
      </c>
      <c r="E482">
        <v>0.92695444999999999</v>
      </c>
      <c r="F482">
        <v>739.97640000000001</v>
      </c>
      <c r="G482">
        <v>448.97089999999997</v>
      </c>
      <c r="H482">
        <v>0.9278073</v>
      </c>
      <c r="I482">
        <v>727.84105999999997</v>
      </c>
      <c r="J482">
        <v>592.5077</v>
      </c>
      <c r="K482">
        <v>0.92667913000000002</v>
      </c>
      <c r="L482">
        <f t="shared" si="64"/>
        <v>692.35865333333334</v>
      </c>
      <c r="M482">
        <f t="shared" si="65"/>
        <v>517.57650000000001</v>
      </c>
      <c r="N482">
        <f t="shared" si="66"/>
        <v>-9.4017204834235919</v>
      </c>
      <c r="O482">
        <f t="shared" si="67"/>
        <v>2.4031560721222474</v>
      </c>
      <c r="Q482">
        <v>1098.2933</v>
      </c>
      <c r="R482">
        <v>517.33745999999996</v>
      </c>
      <c r="S482">
        <v>0.93865140000000002</v>
      </c>
      <c r="T482">
        <v>1215.7792999999999</v>
      </c>
      <c r="U482">
        <v>436.06943000000001</v>
      </c>
      <c r="V482">
        <v>0.89040339999999996</v>
      </c>
      <c r="W482">
        <v>1226.7769000000001</v>
      </c>
      <c r="X482">
        <v>579.83900000000006</v>
      </c>
      <c r="Y482">
        <v>0.92721414999999996</v>
      </c>
      <c r="Z482">
        <f t="shared" si="68"/>
        <v>1180.2831666666668</v>
      </c>
      <c r="AA482">
        <f t="shared" si="69"/>
        <v>511.08196333333336</v>
      </c>
      <c r="AB482">
        <f t="shared" si="70"/>
        <v>10.493189385298562</v>
      </c>
      <c r="AC482">
        <f t="shared" si="71"/>
        <v>2.5015462414936107</v>
      </c>
    </row>
    <row r="483" spans="1:29" x14ac:dyDescent="0.4">
      <c r="A483">
        <v>480</v>
      </c>
      <c r="B483">
        <f t="shared" si="63"/>
        <v>16</v>
      </c>
      <c r="C483">
        <v>610.00543000000005</v>
      </c>
      <c r="D483">
        <v>511.37130000000002</v>
      </c>
      <c r="E483">
        <v>0.93403199999999997</v>
      </c>
      <c r="F483">
        <v>740.42939999999999</v>
      </c>
      <c r="G483">
        <v>448.93191999999999</v>
      </c>
      <c r="H483">
        <v>0.92729956000000002</v>
      </c>
      <c r="I483">
        <v>728.62580000000003</v>
      </c>
      <c r="J483">
        <v>592.51350000000002</v>
      </c>
      <c r="K483">
        <v>0.91370390000000001</v>
      </c>
      <c r="L483">
        <f t="shared" si="64"/>
        <v>693.02021000000002</v>
      </c>
      <c r="M483">
        <f t="shared" si="65"/>
        <v>517.60557333333338</v>
      </c>
      <c r="N483">
        <f t="shared" si="66"/>
        <v>-9.3749543507887765</v>
      </c>
      <c r="O483">
        <f t="shared" si="67"/>
        <v>2.4017474767571869</v>
      </c>
      <c r="Q483">
        <v>1097.8035</v>
      </c>
      <c r="R483">
        <v>517.29660000000001</v>
      </c>
      <c r="S483">
        <v>0.92466970000000004</v>
      </c>
      <c r="T483">
        <v>1215.1818000000001</v>
      </c>
      <c r="U483">
        <v>435.92397999999997</v>
      </c>
      <c r="V483">
        <v>0.91053443999999994</v>
      </c>
      <c r="W483">
        <v>1226.6061</v>
      </c>
      <c r="X483">
        <v>579.77637000000004</v>
      </c>
      <c r="Y483">
        <v>0.93703029999999998</v>
      </c>
      <c r="Z483">
        <f t="shared" si="68"/>
        <v>1179.8638000000001</v>
      </c>
      <c r="AA483">
        <f t="shared" si="69"/>
        <v>510.99898333333334</v>
      </c>
      <c r="AB483">
        <f t="shared" si="70"/>
        <v>10.475994115017093</v>
      </c>
      <c r="AC483">
        <f t="shared" si="71"/>
        <v>2.5050794824642573</v>
      </c>
    </row>
    <row r="484" spans="1:29" x14ac:dyDescent="0.4">
      <c r="A484">
        <v>481</v>
      </c>
      <c r="B484">
        <f t="shared" si="63"/>
        <v>16.033333333333335</v>
      </c>
      <c r="C484">
        <v>610.50933999999995</v>
      </c>
      <c r="D484">
        <v>511.26855</v>
      </c>
      <c r="E484">
        <v>0.93461709999999998</v>
      </c>
      <c r="F484">
        <v>741.02966000000004</v>
      </c>
      <c r="G484">
        <v>448.96413999999999</v>
      </c>
      <c r="H484">
        <v>0.91644245000000002</v>
      </c>
      <c r="I484">
        <v>729.06835999999998</v>
      </c>
      <c r="J484">
        <v>592.67470000000003</v>
      </c>
      <c r="K484">
        <v>0.91294220000000004</v>
      </c>
      <c r="L484">
        <f t="shared" si="64"/>
        <v>693.5357866666667</v>
      </c>
      <c r="M484">
        <f t="shared" si="65"/>
        <v>517.63579666666669</v>
      </c>
      <c r="N484">
        <f t="shared" si="66"/>
        <v>-9.3540965510300982</v>
      </c>
      <c r="O484">
        <f t="shared" si="67"/>
        <v>2.4003408588131685</v>
      </c>
      <c r="Q484">
        <v>1097.3993</v>
      </c>
      <c r="R484">
        <v>517.22155999999995</v>
      </c>
      <c r="S484">
        <v>0.91123383999999996</v>
      </c>
      <c r="T484">
        <v>1214.6637000000001</v>
      </c>
      <c r="U484">
        <v>435.91879999999998</v>
      </c>
      <c r="V484">
        <v>0.94239090000000003</v>
      </c>
      <c r="W484">
        <v>1226.182</v>
      </c>
      <c r="X484">
        <v>579.72940000000006</v>
      </c>
      <c r="Y484">
        <v>0.92710959999999998</v>
      </c>
      <c r="Z484">
        <f t="shared" si="68"/>
        <v>1179.415</v>
      </c>
      <c r="AA484">
        <f t="shared" si="69"/>
        <v>510.95658666666668</v>
      </c>
      <c r="AB484">
        <f t="shared" si="70"/>
        <v>10.45757718461704</v>
      </c>
      <c r="AC484">
        <f t="shared" si="71"/>
        <v>2.5069663687444934</v>
      </c>
    </row>
    <row r="485" spans="1:29" x14ac:dyDescent="0.4">
      <c r="A485">
        <v>482</v>
      </c>
      <c r="B485">
        <f t="shared" si="63"/>
        <v>16.066666666666666</v>
      </c>
      <c r="C485">
        <v>610.9742</v>
      </c>
      <c r="D485">
        <v>511.35214000000002</v>
      </c>
      <c r="E485">
        <v>0.93874579999999996</v>
      </c>
      <c r="F485">
        <v>741.67899999999997</v>
      </c>
      <c r="G485">
        <v>449</v>
      </c>
      <c r="H485">
        <v>0.90669599999999995</v>
      </c>
      <c r="I485">
        <v>729.73289999999997</v>
      </c>
      <c r="J485">
        <v>592.52855999999997</v>
      </c>
      <c r="K485">
        <v>0.90116180000000001</v>
      </c>
      <c r="L485">
        <f t="shared" si="64"/>
        <v>694.12869999999987</v>
      </c>
      <c r="M485">
        <f t="shared" si="65"/>
        <v>517.62689999999998</v>
      </c>
      <c r="N485">
        <f t="shared" si="66"/>
        <v>-9.3300955318972765</v>
      </c>
      <c r="O485">
        <f t="shared" si="67"/>
        <v>2.4005052832296023</v>
      </c>
      <c r="Q485">
        <v>1096.9378999999999</v>
      </c>
      <c r="R485">
        <v>517.18164000000002</v>
      </c>
      <c r="S485">
        <v>0.92350209999999999</v>
      </c>
      <c r="T485">
        <v>1214.4083000000001</v>
      </c>
      <c r="U485">
        <v>435.95247999999998</v>
      </c>
      <c r="V485">
        <v>0.96736014000000003</v>
      </c>
      <c r="W485">
        <v>1225.8026</v>
      </c>
      <c r="X485">
        <v>579.95905000000005</v>
      </c>
      <c r="Y485">
        <v>0.92801493000000002</v>
      </c>
      <c r="Z485">
        <f t="shared" si="68"/>
        <v>1179.0496000000001</v>
      </c>
      <c r="AA485">
        <f t="shared" si="69"/>
        <v>511.0310566666667</v>
      </c>
      <c r="AB485">
        <f t="shared" si="70"/>
        <v>10.442547501746198</v>
      </c>
      <c r="AC485">
        <f t="shared" si="71"/>
        <v>2.5040537582425615</v>
      </c>
    </row>
    <row r="486" spans="1:29" x14ac:dyDescent="0.4">
      <c r="A486">
        <v>483</v>
      </c>
      <c r="B486">
        <f t="shared" si="63"/>
        <v>16.100000000000001</v>
      </c>
      <c r="C486">
        <v>611.48987</v>
      </c>
      <c r="D486">
        <v>511.27663999999999</v>
      </c>
      <c r="E486">
        <v>0.94915479999999997</v>
      </c>
      <c r="F486">
        <v>742.0498</v>
      </c>
      <c r="G486">
        <v>449.12313999999998</v>
      </c>
      <c r="H486">
        <v>0.91443359999999996</v>
      </c>
      <c r="I486">
        <v>730.31164999999999</v>
      </c>
      <c r="J486">
        <v>592.39850000000001</v>
      </c>
      <c r="K486">
        <v>0.90941369999999999</v>
      </c>
      <c r="L486">
        <f t="shared" si="64"/>
        <v>694.6171066666667</v>
      </c>
      <c r="M486">
        <f t="shared" si="65"/>
        <v>517.59942666666666</v>
      </c>
      <c r="N486">
        <f t="shared" si="66"/>
        <v>-9.3103180748700058</v>
      </c>
      <c r="O486">
        <f t="shared" si="67"/>
        <v>2.4014630792271654</v>
      </c>
      <c r="Q486">
        <v>1096.4421</v>
      </c>
      <c r="R486">
        <v>517.17750000000001</v>
      </c>
      <c r="S486">
        <v>0.9202823</v>
      </c>
      <c r="T486">
        <v>1213.8616999999999</v>
      </c>
      <c r="U486">
        <v>435.96249999999998</v>
      </c>
      <c r="V486">
        <v>0.97881890000000005</v>
      </c>
      <c r="W486">
        <v>1225.3035</v>
      </c>
      <c r="X486">
        <v>579.68520000000001</v>
      </c>
      <c r="Y486">
        <v>0.92920340000000001</v>
      </c>
      <c r="Z486">
        <f t="shared" si="68"/>
        <v>1178.5357666666666</v>
      </c>
      <c r="AA486">
        <f t="shared" si="69"/>
        <v>510.94173333333333</v>
      </c>
      <c r="AB486">
        <f t="shared" si="70"/>
        <v>10.421475617970197</v>
      </c>
      <c r="AC486">
        <f t="shared" si="71"/>
        <v>2.5078788062268385</v>
      </c>
    </row>
    <row r="487" spans="1:29" x14ac:dyDescent="0.4">
      <c r="A487">
        <v>484</v>
      </c>
      <c r="B487">
        <f t="shared" si="63"/>
        <v>16.133333333333333</v>
      </c>
      <c r="C487">
        <v>612.30740000000003</v>
      </c>
      <c r="D487">
        <v>511.23593</v>
      </c>
      <c r="E487">
        <v>0.94831310000000002</v>
      </c>
      <c r="F487">
        <v>742.54179999999997</v>
      </c>
      <c r="G487">
        <v>448.75225999999998</v>
      </c>
      <c r="H487">
        <v>0.87431455000000002</v>
      </c>
      <c r="I487">
        <v>730.86450000000002</v>
      </c>
      <c r="J487">
        <v>592.31475999999998</v>
      </c>
      <c r="K487">
        <v>0.90956000000000004</v>
      </c>
      <c r="L487">
        <f t="shared" si="64"/>
        <v>695.23790000000008</v>
      </c>
      <c r="M487">
        <f t="shared" si="65"/>
        <v>517.43431666666663</v>
      </c>
      <c r="N487">
        <f t="shared" si="66"/>
        <v>-9.2851371770010136</v>
      </c>
      <c r="O487">
        <f t="shared" si="67"/>
        <v>2.4079951466398049</v>
      </c>
      <c r="Q487">
        <v>1095.9344000000001</v>
      </c>
      <c r="R487">
        <v>517.19190000000003</v>
      </c>
      <c r="S487">
        <v>0.89847403999999997</v>
      </c>
      <c r="T487">
        <v>1213.4447</v>
      </c>
      <c r="U487">
        <v>435.88605000000001</v>
      </c>
      <c r="V487">
        <v>0.97620609999999997</v>
      </c>
      <c r="W487">
        <v>1224.5527</v>
      </c>
      <c r="X487">
        <v>579.67882999999995</v>
      </c>
      <c r="Y487">
        <v>0.91722040000000005</v>
      </c>
      <c r="Z487">
        <f t="shared" si="68"/>
        <v>1177.9772666666668</v>
      </c>
      <c r="AA487">
        <f t="shared" si="69"/>
        <v>510.91892666666672</v>
      </c>
      <c r="AB487">
        <f t="shared" si="70"/>
        <v>10.398548275419506</v>
      </c>
      <c r="AC487">
        <f t="shared" si="71"/>
        <v>2.5090042122408636</v>
      </c>
    </row>
    <row r="488" spans="1:29" x14ac:dyDescent="0.4">
      <c r="A488">
        <v>485</v>
      </c>
      <c r="B488">
        <f t="shared" si="63"/>
        <v>16.166666666666668</v>
      </c>
      <c r="C488">
        <v>612.96545000000003</v>
      </c>
      <c r="D488">
        <v>511.25713999999999</v>
      </c>
      <c r="E488">
        <v>0.93389915999999995</v>
      </c>
      <c r="F488">
        <v>743.35050000000001</v>
      </c>
      <c r="G488">
        <v>448.71935999999999</v>
      </c>
      <c r="H488">
        <v>0.87249666000000003</v>
      </c>
      <c r="I488">
        <v>731.57587000000001</v>
      </c>
      <c r="J488">
        <v>592.25696000000005</v>
      </c>
      <c r="K488">
        <v>0.91425559999999995</v>
      </c>
      <c r="L488">
        <f t="shared" si="64"/>
        <v>695.96394000000009</v>
      </c>
      <c r="M488">
        <f t="shared" si="65"/>
        <v>517.41115333333335</v>
      </c>
      <c r="N488">
        <f t="shared" si="66"/>
        <v>-9.2557416768916578</v>
      </c>
      <c r="O488">
        <f t="shared" si="67"/>
        <v>2.4086973079490095</v>
      </c>
      <c r="Q488">
        <v>1095.54</v>
      </c>
      <c r="R488">
        <v>517.26570000000004</v>
      </c>
      <c r="S488">
        <v>0.90642272999999995</v>
      </c>
      <c r="T488">
        <v>1212.9259999999999</v>
      </c>
      <c r="U488">
        <v>435.66140000000001</v>
      </c>
      <c r="V488">
        <v>0.98160550000000002</v>
      </c>
      <c r="W488">
        <v>1224.1284000000001</v>
      </c>
      <c r="X488">
        <v>579.61400000000003</v>
      </c>
      <c r="Y488">
        <v>0.90041536</v>
      </c>
      <c r="Z488">
        <f t="shared" si="68"/>
        <v>1177.5314666666666</v>
      </c>
      <c r="AA488">
        <f t="shared" si="69"/>
        <v>510.8470333333334</v>
      </c>
      <c r="AB488">
        <f t="shared" si="70"/>
        <v>10.380265130359335</v>
      </c>
      <c r="AC488">
        <f t="shared" si="71"/>
        <v>2.512094071238284</v>
      </c>
    </row>
    <row r="489" spans="1:29" x14ac:dyDescent="0.4">
      <c r="A489">
        <v>486</v>
      </c>
      <c r="B489">
        <f t="shared" si="63"/>
        <v>16.2</v>
      </c>
      <c r="C489">
        <v>613.50840000000005</v>
      </c>
      <c r="D489">
        <v>511.35287</v>
      </c>
      <c r="E489">
        <v>0.93960166000000001</v>
      </c>
      <c r="F489">
        <v>744.00360000000001</v>
      </c>
      <c r="G489">
        <v>448.54293999999999</v>
      </c>
      <c r="H489">
        <v>0.87091249999999998</v>
      </c>
      <c r="I489">
        <v>732.24255000000005</v>
      </c>
      <c r="J489">
        <v>592.20039999999995</v>
      </c>
      <c r="K489">
        <v>0.91166409999999998</v>
      </c>
      <c r="L489">
        <f t="shared" si="64"/>
        <v>696.58485000000007</v>
      </c>
      <c r="M489">
        <f t="shared" si="65"/>
        <v>517.36540333333335</v>
      </c>
      <c r="N489">
        <f t="shared" si="66"/>
        <v>-9.2305937077419724</v>
      </c>
      <c r="O489">
        <f t="shared" si="67"/>
        <v>2.4103567462950974</v>
      </c>
      <c r="Q489">
        <v>1095.1505</v>
      </c>
      <c r="R489">
        <v>517.11749999999995</v>
      </c>
      <c r="S489">
        <v>0.93039715000000001</v>
      </c>
      <c r="T489">
        <v>1212.5431000000001</v>
      </c>
      <c r="U489">
        <v>435.69326999999998</v>
      </c>
      <c r="V489">
        <v>0.98221420000000004</v>
      </c>
      <c r="W489">
        <v>1223.6085</v>
      </c>
      <c r="X489">
        <v>579.58090000000004</v>
      </c>
      <c r="Y489">
        <v>0.92297079999999998</v>
      </c>
      <c r="Z489">
        <f t="shared" si="68"/>
        <v>1177.1007</v>
      </c>
      <c r="AA489">
        <f t="shared" si="69"/>
        <v>510.79722333333331</v>
      </c>
      <c r="AB489">
        <f t="shared" si="70"/>
        <v>10.36259238924475</v>
      </c>
      <c r="AC489">
        <f t="shared" si="71"/>
        <v>2.5142772577600137</v>
      </c>
    </row>
    <row r="490" spans="1:29" x14ac:dyDescent="0.4">
      <c r="A490">
        <v>487</v>
      </c>
      <c r="B490">
        <f t="shared" si="63"/>
        <v>16.233333333333334</v>
      </c>
      <c r="C490">
        <v>614.15497000000005</v>
      </c>
      <c r="D490">
        <v>511.35802999999999</v>
      </c>
      <c r="E490">
        <v>0.92948383000000001</v>
      </c>
      <c r="F490">
        <v>744.69389999999999</v>
      </c>
      <c r="G490">
        <v>448.47930000000002</v>
      </c>
      <c r="H490">
        <v>0.86688319999999996</v>
      </c>
      <c r="I490">
        <v>732.79280000000006</v>
      </c>
      <c r="J490">
        <v>592.02044999999998</v>
      </c>
      <c r="K490">
        <v>0.89177877000000005</v>
      </c>
      <c r="L490">
        <f t="shared" si="64"/>
        <v>697.21388999999999</v>
      </c>
      <c r="M490">
        <f t="shared" si="65"/>
        <v>517.28592666666668</v>
      </c>
      <c r="N490">
        <f t="shared" si="66"/>
        <v>-9.2051052474605495</v>
      </c>
      <c r="O490">
        <f t="shared" si="67"/>
        <v>2.4133902486766794</v>
      </c>
      <c r="Q490">
        <v>1094.7230999999999</v>
      </c>
      <c r="R490">
        <v>517.15989999999999</v>
      </c>
      <c r="S490">
        <v>0.93034600000000001</v>
      </c>
      <c r="T490">
        <v>1212.191</v>
      </c>
      <c r="U490">
        <v>435.64780000000002</v>
      </c>
      <c r="V490">
        <v>0.97910582999999995</v>
      </c>
      <c r="W490">
        <v>1223.0791999999999</v>
      </c>
      <c r="X490">
        <v>579.67565999999999</v>
      </c>
      <c r="Y490">
        <v>0.94069976</v>
      </c>
      <c r="Z490">
        <f t="shared" si="68"/>
        <v>1176.6644333333334</v>
      </c>
      <c r="AA490">
        <f t="shared" si="69"/>
        <v>510.82778666666673</v>
      </c>
      <c r="AB490">
        <f t="shared" si="70"/>
        <v>10.344667972545313</v>
      </c>
      <c r="AC490">
        <f t="shared" si="71"/>
        <v>2.5131815506900477</v>
      </c>
    </row>
    <row r="491" spans="1:29" x14ac:dyDescent="0.4">
      <c r="A491">
        <v>488</v>
      </c>
      <c r="B491">
        <f t="shared" si="63"/>
        <v>16.266666666666666</v>
      </c>
      <c r="C491">
        <v>614.76464999999996</v>
      </c>
      <c r="D491">
        <v>511.29718000000003</v>
      </c>
      <c r="E491">
        <v>0.92237740000000001</v>
      </c>
      <c r="F491">
        <v>745.32579999999996</v>
      </c>
      <c r="G491">
        <v>448.48989999999998</v>
      </c>
      <c r="H491">
        <v>0.88559069999999995</v>
      </c>
      <c r="I491">
        <v>733.57719999999995</v>
      </c>
      <c r="J491">
        <v>592.01184000000001</v>
      </c>
      <c r="K491">
        <v>0.88825880000000002</v>
      </c>
      <c r="L491">
        <f t="shared" si="64"/>
        <v>697.88921666666658</v>
      </c>
      <c r="M491">
        <f t="shared" si="65"/>
        <v>517.26630666666676</v>
      </c>
      <c r="N491">
        <f t="shared" si="66"/>
        <v>-9.1777620198033159</v>
      </c>
      <c r="O491">
        <f t="shared" si="67"/>
        <v>2.4139647290363189</v>
      </c>
      <c r="Q491">
        <v>1094.0809999999999</v>
      </c>
      <c r="R491">
        <v>517.31039999999996</v>
      </c>
      <c r="S491">
        <v>0.93559170000000003</v>
      </c>
      <c r="T491">
        <v>1211.6827000000001</v>
      </c>
      <c r="U491">
        <v>435.74106</v>
      </c>
      <c r="V491">
        <v>0.96893200000000002</v>
      </c>
      <c r="W491">
        <v>1222.53</v>
      </c>
      <c r="X491">
        <v>579.58450000000005</v>
      </c>
      <c r="Y491">
        <v>0.95154315</v>
      </c>
      <c r="Z491">
        <f t="shared" si="68"/>
        <v>1176.0979</v>
      </c>
      <c r="AA491">
        <f t="shared" si="69"/>
        <v>510.87865333333338</v>
      </c>
      <c r="AB491">
        <f t="shared" si="70"/>
        <v>10.321388152740415</v>
      </c>
      <c r="AC491">
        <f t="shared" si="71"/>
        <v>2.5113024110640656</v>
      </c>
    </row>
    <row r="492" spans="1:29" x14ac:dyDescent="0.4">
      <c r="A492">
        <v>489</v>
      </c>
      <c r="B492">
        <f t="shared" si="63"/>
        <v>16.3</v>
      </c>
      <c r="C492">
        <v>615.42769999999996</v>
      </c>
      <c r="D492">
        <v>511.20105000000001</v>
      </c>
      <c r="E492">
        <v>0.90760255000000001</v>
      </c>
      <c r="F492">
        <v>746.01850000000002</v>
      </c>
      <c r="G492">
        <v>448.48520000000002</v>
      </c>
      <c r="H492">
        <v>0.87538170000000004</v>
      </c>
      <c r="I492">
        <v>734.05505000000005</v>
      </c>
      <c r="J492">
        <v>592.00980000000004</v>
      </c>
      <c r="K492">
        <v>0.88668513000000004</v>
      </c>
      <c r="L492">
        <f t="shared" si="64"/>
        <v>698.50041666666664</v>
      </c>
      <c r="M492">
        <f t="shared" si="65"/>
        <v>517.23201666666671</v>
      </c>
      <c r="N492">
        <f t="shared" si="66"/>
        <v>-9.1530093745235863</v>
      </c>
      <c r="O492">
        <f t="shared" si="67"/>
        <v>2.4151595652636</v>
      </c>
      <c r="Q492">
        <v>1093.5679</v>
      </c>
      <c r="R492">
        <v>517.20659999999998</v>
      </c>
      <c r="S492">
        <v>0.95544010000000001</v>
      </c>
      <c r="T492">
        <v>1211.0540000000001</v>
      </c>
      <c r="U492">
        <v>435.62029999999999</v>
      </c>
      <c r="V492">
        <v>0.96156799999999998</v>
      </c>
      <c r="W492">
        <v>1222.1184000000001</v>
      </c>
      <c r="X492">
        <v>579.54079999999999</v>
      </c>
      <c r="Y492">
        <v>0.95887290000000003</v>
      </c>
      <c r="Z492">
        <f t="shared" si="68"/>
        <v>1175.5801000000001</v>
      </c>
      <c r="AA492">
        <f t="shared" si="69"/>
        <v>510.78923333333336</v>
      </c>
      <c r="AB492">
        <f t="shared" si="70"/>
        <v>10.300155269958633</v>
      </c>
      <c r="AC492">
        <f t="shared" si="71"/>
        <v>2.515132739339824</v>
      </c>
    </row>
    <row r="493" spans="1:29" x14ac:dyDescent="0.4">
      <c r="A493">
        <v>490</v>
      </c>
      <c r="B493">
        <f t="shared" si="63"/>
        <v>16.333333333333332</v>
      </c>
      <c r="C493">
        <v>615.97437000000002</v>
      </c>
      <c r="D493">
        <v>511.20123000000001</v>
      </c>
      <c r="E493">
        <v>0.89874034999999997</v>
      </c>
      <c r="F493">
        <v>746.57510000000002</v>
      </c>
      <c r="G493">
        <v>448.53820000000002</v>
      </c>
      <c r="H493">
        <v>0.87810372999999997</v>
      </c>
      <c r="I493">
        <v>734.84059999999999</v>
      </c>
      <c r="J493">
        <v>592.05334000000005</v>
      </c>
      <c r="K493">
        <v>0.88080484000000003</v>
      </c>
      <c r="L493">
        <f t="shared" si="64"/>
        <v>699.13002333333327</v>
      </c>
      <c r="M493">
        <f t="shared" si="65"/>
        <v>517.26425666666671</v>
      </c>
      <c r="N493">
        <f t="shared" si="66"/>
        <v>-9.1275327014342871</v>
      </c>
      <c r="O493">
        <f t="shared" si="67"/>
        <v>2.4136323100212609</v>
      </c>
      <c r="Q493">
        <v>1093.0436999999999</v>
      </c>
      <c r="R493">
        <v>517.2242</v>
      </c>
      <c r="S493">
        <v>0.96164709999999998</v>
      </c>
      <c r="T493">
        <v>1210.5663999999999</v>
      </c>
      <c r="U493">
        <v>435.32821999999999</v>
      </c>
      <c r="V493">
        <v>0.94909566999999995</v>
      </c>
      <c r="W493">
        <v>1221.7451000000001</v>
      </c>
      <c r="X493">
        <v>579.60753999999997</v>
      </c>
      <c r="Y493">
        <v>0.96673330000000002</v>
      </c>
      <c r="Z493">
        <f t="shared" si="68"/>
        <v>1175.1184000000001</v>
      </c>
      <c r="AA493">
        <f t="shared" si="69"/>
        <v>510.71998666666667</v>
      </c>
      <c r="AB493">
        <f t="shared" si="70"/>
        <v>10.281219697596665</v>
      </c>
      <c r="AC493">
        <f t="shared" si="71"/>
        <v>2.5181200645747928</v>
      </c>
    </row>
    <row r="494" spans="1:29" x14ac:dyDescent="0.4">
      <c r="A494">
        <v>491</v>
      </c>
      <c r="B494">
        <f t="shared" si="63"/>
        <v>16.366666666666667</v>
      </c>
      <c r="C494">
        <v>616.52160000000003</v>
      </c>
      <c r="D494">
        <v>511.21643</v>
      </c>
      <c r="E494">
        <v>0.8779498</v>
      </c>
      <c r="F494">
        <v>747.44680000000005</v>
      </c>
      <c r="G494">
        <v>448.49182000000002</v>
      </c>
      <c r="H494">
        <v>0.88935690000000001</v>
      </c>
      <c r="I494">
        <v>735.49743999999998</v>
      </c>
      <c r="J494">
        <v>592.02075000000002</v>
      </c>
      <c r="K494">
        <v>0.87249379999999999</v>
      </c>
      <c r="L494">
        <f t="shared" si="64"/>
        <v>699.8219466666668</v>
      </c>
      <c r="M494">
        <f t="shared" si="65"/>
        <v>517.24300000000005</v>
      </c>
      <c r="N494">
        <f t="shared" si="66"/>
        <v>-9.0995154975317387</v>
      </c>
      <c r="O494">
        <f t="shared" si="67"/>
        <v>2.4142680018908003</v>
      </c>
      <c r="Q494">
        <v>1092.2759000000001</v>
      </c>
      <c r="R494">
        <v>517.19200000000001</v>
      </c>
      <c r="S494">
        <v>0.98996264</v>
      </c>
      <c r="T494">
        <v>1210.2045000000001</v>
      </c>
      <c r="U494">
        <v>435.23250000000002</v>
      </c>
      <c r="V494">
        <v>0.93061525</v>
      </c>
      <c r="W494">
        <v>1221.4431</v>
      </c>
      <c r="X494">
        <v>579.62570000000005</v>
      </c>
      <c r="Y494">
        <v>0.97111590000000003</v>
      </c>
      <c r="Z494">
        <f t="shared" si="68"/>
        <v>1174.6411666666668</v>
      </c>
      <c r="AA494">
        <f t="shared" si="69"/>
        <v>510.68340000000006</v>
      </c>
      <c r="AB494">
        <f t="shared" si="70"/>
        <v>10.261635990894323</v>
      </c>
      <c r="AC494">
        <f t="shared" si="71"/>
        <v>2.5197796242673101</v>
      </c>
    </row>
    <row r="495" spans="1:29" x14ac:dyDescent="0.4">
      <c r="A495">
        <v>492</v>
      </c>
      <c r="B495">
        <f t="shared" si="63"/>
        <v>16.399999999999999</v>
      </c>
      <c r="C495">
        <v>617.22760000000005</v>
      </c>
      <c r="D495">
        <v>511.03899999999999</v>
      </c>
      <c r="E495">
        <v>0.86851394000000004</v>
      </c>
      <c r="F495">
        <v>747.83214999999996</v>
      </c>
      <c r="G495">
        <v>448.4529</v>
      </c>
      <c r="H495">
        <v>0.90076774000000004</v>
      </c>
      <c r="I495">
        <v>736.22784000000001</v>
      </c>
      <c r="J495">
        <v>591.98224000000005</v>
      </c>
      <c r="K495">
        <v>0.85579939999999999</v>
      </c>
      <c r="L495">
        <f t="shared" si="64"/>
        <v>700.4291966666666</v>
      </c>
      <c r="M495">
        <f t="shared" si="65"/>
        <v>517.15804666666668</v>
      </c>
      <c r="N495">
        <f t="shared" si="66"/>
        <v>-9.0749049073139378</v>
      </c>
      <c r="O495">
        <f t="shared" si="67"/>
        <v>2.4175323241237239</v>
      </c>
      <c r="Q495">
        <v>1091.7910999999999</v>
      </c>
      <c r="R495">
        <v>517.24554000000001</v>
      </c>
      <c r="S495">
        <v>0.98913616000000004</v>
      </c>
      <c r="T495">
        <v>1209.6130000000001</v>
      </c>
      <c r="U495">
        <v>435.02902</v>
      </c>
      <c r="V495">
        <v>0.92790620000000001</v>
      </c>
      <c r="W495">
        <v>1221.0155999999999</v>
      </c>
      <c r="X495">
        <v>579.61847</v>
      </c>
      <c r="Y495">
        <v>0.97435680000000002</v>
      </c>
      <c r="Z495">
        <f t="shared" si="68"/>
        <v>1174.1398999999999</v>
      </c>
      <c r="AA495">
        <f t="shared" si="69"/>
        <v>510.63101000000006</v>
      </c>
      <c r="AB495">
        <f t="shared" si="70"/>
        <v>10.241070878951501</v>
      </c>
      <c r="AC495">
        <f t="shared" si="71"/>
        <v>2.5220926258337983</v>
      </c>
    </row>
    <row r="496" spans="1:29" x14ac:dyDescent="0.4">
      <c r="A496">
        <v>493</v>
      </c>
      <c r="B496">
        <f t="shared" si="63"/>
        <v>16.433333333333334</v>
      </c>
      <c r="C496">
        <v>617.94079999999997</v>
      </c>
      <c r="D496">
        <v>510.92995999999999</v>
      </c>
      <c r="E496">
        <v>0.89100486000000001</v>
      </c>
      <c r="F496">
        <v>748.41390000000001</v>
      </c>
      <c r="G496">
        <v>448.3329</v>
      </c>
      <c r="H496">
        <v>0.9126976</v>
      </c>
      <c r="I496">
        <v>736.7921</v>
      </c>
      <c r="J496">
        <v>591.83263999999997</v>
      </c>
      <c r="K496">
        <v>0.87250320000000003</v>
      </c>
      <c r="L496">
        <f t="shared" si="64"/>
        <v>701.04893333333337</v>
      </c>
      <c r="M496">
        <f t="shared" si="65"/>
        <v>517.03183333333334</v>
      </c>
      <c r="N496">
        <f t="shared" si="66"/>
        <v>-9.0497749932022913</v>
      </c>
      <c r="O496">
        <f t="shared" si="67"/>
        <v>2.4224767703329761</v>
      </c>
      <c r="Q496">
        <v>1091.2134000000001</v>
      </c>
      <c r="R496">
        <v>517.26324</v>
      </c>
      <c r="S496">
        <v>0.97988450000000005</v>
      </c>
      <c r="T496">
        <v>1209.0853999999999</v>
      </c>
      <c r="U496">
        <v>434.7346</v>
      </c>
      <c r="V496">
        <v>0.91713195999999997</v>
      </c>
      <c r="W496">
        <v>1220.6251999999999</v>
      </c>
      <c r="X496">
        <v>579.56322999999998</v>
      </c>
      <c r="Y496">
        <v>0.97685049999999995</v>
      </c>
      <c r="Z496">
        <f t="shared" si="68"/>
        <v>1173.6413333333333</v>
      </c>
      <c r="AA496">
        <f t="shared" si="69"/>
        <v>510.52035666666666</v>
      </c>
      <c r="AB496">
        <f t="shared" si="70"/>
        <v>10.220635821324166</v>
      </c>
      <c r="AC496">
        <f t="shared" si="71"/>
        <v>2.5267829561135793</v>
      </c>
    </row>
    <row r="497" spans="1:29" x14ac:dyDescent="0.4">
      <c r="A497">
        <v>494</v>
      </c>
      <c r="B497">
        <f t="shared" si="63"/>
        <v>16.466666666666665</v>
      </c>
      <c r="C497">
        <v>618.56226000000004</v>
      </c>
      <c r="D497">
        <v>510.97005999999999</v>
      </c>
      <c r="E497">
        <v>0.90037290000000003</v>
      </c>
      <c r="F497">
        <v>749.17169999999999</v>
      </c>
      <c r="G497">
        <v>448.18905999999998</v>
      </c>
      <c r="H497">
        <v>0.91361630000000005</v>
      </c>
      <c r="I497">
        <v>737.51689999999996</v>
      </c>
      <c r="J497">
        <v>591.87419999999997</v>
      </c>
      <c r="K497">
        <v>0.88562629999999998</v>
      </c>
      <c r="L497">
        <f t="shared" si="64"/>
        <v>701.75028666666674</v>
      </c>
      <c r="M497">
        <f t="shared" si="65"/>
        <v>517.01110666666671</v>
      </c>
      <c r="N497">
        <f t="shared" si="66"/>
        <v>-9.0213745742995037</v>
      </c>
      <c r="O497">
        <f t="shared" si="67"/>
        <v>2.4230876256892819</v>
      </c>
      <c r="Q497">
        <v>1090.5944</v>
      </c>
      <c r="R497">
        <v>517.27264000000002</v>
      </c>
      <c r="S497">
        <v>0.98272324</v>
      </c>
      <c r="T497">
        <v>1208.6726000000001</v>
      </c>
      <c r="U497">
        <v>434.70294000000001</v>
      </c>
      <c r="V497">
        <v>0.91400210000000004</v>
      </c>
      <c r="W497">
        <v>1219.9598000000001</v>
      </c>
      <c r="X497">
        <v>579.68190000000004</v>
      </c>
      <c r="Y497">
        <v>0.97068679999999996</v>
      </c>
      <c r="Z497">
        <f t="shared" si="68"/>
        <v>1173.0755999999999</v>
      </c>
      <c r="AA497">
        <f t="shared" si="69"/>
        <v>510.55249333333336</v>
      </c>
      <c r="AB497">
        <f t="shared" si="70"/>
        <v>10.19739700563083</v>
      </c>
      <c r="AC497">
        <f t="shared" si="71"/>
        <v>2.5256680471647424</v>
      </c>
    </row>
    <row r="498" spans="1:29" x14ac:dyDescent="0.4">
      <c r="A498">
        <v>495</v>
      </c>
      <c r="B498">
        <f t="shared" si="63"/>
        <v>16.5</v>
      </c>
      <c r="C498">
        <v>619.35640000000001</v>
      </c>
      <c r="D498">
        <v>511.03867000000002</v>
      </c>
      <c r="E498">
        <v>0.91100959999999997</v>
      </c>
      <c r="F498">
        <v>749.74005</v>
      </c>
      <c r="G498">
        <v>448.19092000000001</v>
      </c>
      <c r="H498">
        <v>0.88624530000000001</v>
      </c>
      <c r="I498">
        <v>738.25085000000001</v>
      </c>
      <c r="J498">
        <v>591.69479999999999</v>
      </c>
      <c r="K498">
        <v>0.91193820000000003</v>
      </c>
      <c r="L498">
        <f t="shared" si="64"/>
        <v>702.44909999999993</v>
      </c>
      <c r="M498">
        <f t="shared" si="65"/>
        <v>516.97479666666675</v>
      </c>
      <c r="N498">
        <f t="shared" si="66"/>
        <v>-8.9930713405253027</v>
      </c>
      <c r="O498">
        <f t="shared" si="67"/>
        <v>2.4243354657203215</v>
      </c>
      <c r="Q498">
        <v>1090.0206000000001</v>
      </c>
      <c r="R498">
        <v>517.25289999999995</v>
      </c>
      <c r="S498">
        <v>0.96314409999999995</v>
      </c>
      <c r="T498">
        <v>1208.1995999999999</v>
      </c>
      <c r="U498">
        <v>434.79469999999998</v>
      </c>
      <c r="V498">
        <v>0.94073289999999998</v>
      </c>
      <c r="W498">
        <v>1219.5621000000001</v>
      </c>
      <c r="X498">
        <v>579.58825999999999</v>
      </c>
      <c r="Y498">
        <v>0.97533440000000005</v>
      </c>
      <c r="Z498">
        <f t="shared" si="68"/>
        <v>1172.5941</v>
      </c>
      <c r="AA498">
        <f t="shared" si="69"/>
        <v>510.54528666666664</v>
      </c>
      <c r="AB498">
        <f t="shared" si="70"/>
        <v>10.177629780949493</v>
      </c>
      <c r="AC498">
        <f t="shared" si="71"/>
        <v>2.5261297882919478</v>
      </c>
    </row>
    <row r="499" spans="1:29" x14ac:dyDescent="0.4">
      <c r="A499">
        <v>496</v>
      </c>
      <c r="B499">
        <f t="shared" si="63"/>
        <v>16.533333333333335</v>
      </c>
      <c r="C499">
        <v>619.74950000000001</v>
      </c>
      <c r="D499">
        <v>510.77569999999997</v>
      </c>
      <c r="E499">
        <v>0.91531885000000002</v>
      </c>
      <c r="F499">
        <v>750.25019999999995</v>
      </c>
      <c r="G499">
        <v>448.12222000000003</v>
      </c>
      <c r="H499">
        <v>0.87378584999999998</v>
      </c>
      <c r="I499">
        <v>738.73914000000002</v>
      </c>
      <c r="J499">
        <v>591.77089999999998</v>
      </c>
      <c r="K499">
        <v>0.93677089999999996</v>
      </c>
      <c r="L499">
        <f t="shared" si="64"/>
        <v>702.9129466666667</v>
      </c>
      <c r="M499">
        <f t="shared" si="65"/>
        <v>516.88960666666662</v>
      </c>
      <c r="N499">
        <f t="shared" si="66"/>
        <v>-8.974264571062907</v>
      </c>
      <c r="O499">
        <f t="shared" si="67"/>
        <v>2.4276575042809481</v>
      </c>
      <c r="Q499">
        <v>1089.3705</v>
      </c>
      <c r="R499">
        <v>517.33983999999998</v>
      </c>
      <c r="S499">
        <v>0.95176970000000005</v>
      </c>
      <c r="T499">
        <v>1207.5373999999999</v>
      </c>
      <c r="U499">
        <v>434.96796000000001</v>
      </c>
      <c r="V499">
        <v>0.95387010000000005</v>
      </c>
      <c r="W499">
        <v>1218.7426</v>
      </c>
      <c r="X499">
        <v>579.46640000000002</v>
      </c>
      <c r="Y499">
        <v>0.96235190000000004</v>
      </c>
      <c r="Z499">
        <f t="shared" si="68"/>
        <v>1171.8835000000001</v>
      </c>
      <c r="AA499">
        <f t="shared" si="69"/>
        <v>510.59140000000002</v>
      </c>
      <c r="AB499">
        <f t="shared" si="70"/>
        <v>10.148439334871602</v>
      </c>
      <c r="AC499">
        <f t="shared" si="71"/>
        <v>2.5244947556740867</v>
      </c>
    </row>
    <row r="500" spans="1:29" x14ac:dyDescent="0.4">
      <c r="A500">
        <v>497</v>
      </c>
      <c r="B500">
        <f t="shared" si="63"/>
        <v>16.566666666666666</v>
      </c>
      <c r="C500">
        <v>620.41832999999997</v>
      </c>
      <c r="D500">
        <v>510.60473999999999</v>
      </c>
      <c r="E500">
        <v>0.91531709999999999</v>
      </c>
      <c r="F500">
        <v>750.83356000000003</v>
      </c>
      <c r="G500">
        <v>447.9837</v>
      </c>
      <c r="H500">
        <v>0.87263049999999998</v>
      </c>
      <c r="I500">
        <v>739.47519999999997</v>
      </c>
      <c r="J500">
        <v>591.57042999999999</v>
      </c>
      <c r="K500">
        <v>0.94870186000000001</v>
      </c>
      <c r="L500">
        <f t="shared" si="64"/>
        <v>703.57569666666666</v>
      </c>
      <c r="M500">
        <f t="shared" si="65"/>
        <v>516.71962333333329</v>
      </c>
      <c r="N500">
        <f t="shared" si="66"/>
        <v>-8.9473771282761962</v>
      </c>
      <c r="O500">
        <f t="shared" si="67"/>
        <v>2.4343742476260881</v>
      </c>
      <c r="Q500">
        <v>1088.9586999999999</v>
      </c>
      <c r="R500">
        <v>517.20996000000002</v>
      </c>
      <c r="S500">
        <v>0.94460933999999996</v>
      </c>
      <c r="T500">
        <v>1207.0961</v>
      </c>
      <c r="U500">
        <v>434.90447999999998</v>
      </c>
      <c r="V500">
        <v>0.96667159999999996</v>
      </c>
      <c r="W500">
        <v>1218.2412999999999</v>
      </c>
      <c r="X500">
        <v>579.31713999999999</v>
      </c>
      <c r="Y500">
        <v>0.94929629999999998</v>
      </c>
      <c r="Z500">
        <f t="shared" si="68"/>
        <v>1171.4320333333333</v>
      </c>
      <c r="AA500">
        <f t="shared" si="69"/>
        <v>510.47719333333333</v>
      </c>
      <c r="AB500">
        <f t="shared" si="70"/>
        <v>10.129940562408137</v>
      </c>
      <c r="AC500">
        <f t="shared" si="71"/>
        <v>2.5293137092836897</v>
      </c>
    </row>
    <row r="501" spans="1:29" x14ac:dyDescent="0.4">
      <c r="A501">
        <v>498</v>
      </c>
      <c r="B501">
        <f t="shared" si="63"/>
        <v>16.600000000000001</v>
      </c>
      <c r="C501">
        <v>621.14417000000003</v>
      </c>
      <c r="D501">
        <v>510.78726</v>
      </c>
      <c r="E501">
        <v>0.90061150000000001</v>
      </c>
      <c r="F501">
        <v>751.36879999999996</v>
      </c>
      <c r="G501">
        <v>448.03503000000001</v>
      </c>
      <c r="H501">
        <v>0.85660254999999996</v>
      </c>
      <c r="I501">
        <v>740.24023</v>
      </c>
      <c r="J501">
        <v>591.62139999999999</v>
      </c>
      <c r="K501">
        <v>0.95981950000000005</v>
      </c>
      <c r="L501">
        <f t="shared" si="64"/>
        <v>704.2510666666667</v>
      </c>
      <c r="M501">
        <f t="shared" si="65"/>
        <v>516.81456333333335</v>
      </c>
      <c r="N501">
        <f t="shared" si="66"/>
        <v>-8.920064030944328</v>
      </c>
      <c r="O501">
        <f t="shared" si="67"/>
        <v>2.4302720139234015</v>
      </c>
      <c r="Q501">
        <v>1088.3928000000001</v>
      </c>
      <c r="R501">
        <v>517.19500000000005</v>
      </c>
      <c r="S501">
        <v>0.93137676000000003</v>
      </c>
      <c r="T501">
        <v>1206.4585999999999</v>
      </c>
      <c r="U501">
        <v>434.87952000000001</v>
      </c>
      <c r="V501">
        <v>0.99811589999999994</v>
      </c>
      <c r="W501">
        <v>1217.4032</v>
      </c>
      <c r="X501">
        <v>579.20839999999998</v>
      </c>
      <c r="Y501">
        <v>0.95552409999999999</v>
      </c>
      <c r="Z501">
        <f t="shared" si="68"/>
        <v>1170.7515333333333</v>
      </c>
      <c r="AA501">
        <f t="shared" si="69"/>
        <v>510.42764000000005</v>
      </c>
      <c r="AB501">
        <f t="shared" si="70"/>
        <v>10.102017913253434</v>
      </c>
      <c r="AC501">
        <f t="shared" si="71"/>
        <v>2.5315732385706569</v>
      </c>
    </row>
    <row r="502" spans="1:29" x14ac:dyDescent="0.4">
      <c r="A502">
        <v>499</v>
      </c>
      <c r="B502">
        <f t="shared" si="63"/>
        <v>16.633333333333333</v>
      </c>
      <c r="C502">
        <v>621.60442999999998</v>
      </c>
      <c r="D502">
        <v>510.87723</v>
      </c>
      <c r="E502">
        <v>0.88278310000000004</v>
      </c>
      <c r="F502">
        <v>751.80853000000002</v>
      </c>
      <c r="G502">
        <v>447.94873000000001</v>
      </c>
      <c r="H502">
        <v>0.8401554</v>
      </c>
      <c r="I502">
        <v>740.80160000000001</v>
      </c>
      <c r="J502">
        <v>591.46630000000005</v>
      </c>
      <c r="K502">
        <v>0.94045860000000003</v>
      </c>
      <c r="L502">
        <f t="shared" si="64"/>
        <v>704.73818666666682</v>
      </c>
      <c r="M502">
        <f t="shared" si="65"/>
        <v>516.76408666666669</v>
      </c>
      <c r="N502">
        <f t="shared" si="66"/>
        <v>-8.9003251944828623</v>
      </c>
      <c r="O502">
        <f t="shared" si="67"/>
        <v>2.4321691446336007</v>
      </c>
      <c r="Q502">
        <v>1087.9730999999999</v>
      </c>
      <c r="R502">
        <v>517.17330000000004</v>
      </c>
      <c r="S502">
        <v>0.92419580000000001</v>
      </c>
      <c r="T502">
        <v>1205.9760000000001</v>
      </c>
      <c r="U502">
        <v>434.83593999999999</v>
      </c>
      <c r="V502">
        <v>0.99558674999999996</v>
      </c>
      <c r="W502">
        <v>1216.7302</v>
      </c>
      <c r="X502">
        <v>579.15796</v>
      </c>
      <c r="Y502">
        <v>0.94693229999999995</v>
      </c>
      <c r="Z502">
        <f t="shared" si="68"/>
        <v>1170.2264333333333</v>
      </c>
      <c r="AA502">
        <f t="shared" si="69"/>
        <v>510.38906666666668</v>
      </c>
      <c r="AB502">
        <f t="shared" si="70"/>
        <v>10.080472216587228</v>
      </c>
      <c r="AC502">
        <f t="shared" si="71"/>
        <v>2.5333304874960563</v>
      </c>
    </row>
    <row r="503" spans="1:29" x14ac:dyDescent="0.4">
      <c r="A503">
        <v>500</v>
      </c>
      <c r="B503">
        <f t="shared" si="63"/>
        <v>16.666666666666668</v>
      </c>
      <c r="C503">
        <v>622.50099999999998</v>
      </c>
      <c r="D503">
        <v>510.88756999999998</v>
      </c>
      <c r="E503">
        <v>0.88631075999999998</v>
      </c>
      <c r="F503">
        <v>752.64764000000002</v>
      </c>
      <c r="G503">
        <v>447.75551999999999</v>
      </c>
      <c r="H503">
        <v>0.86007272999999995</v>
      </c>
      <c r="I503">
        <v>741.34799999999996</v>
      </c>
      <c r="J503">
        <v>591.50085000000001</v>
      </c>
      <c r="K503">
        <v>0.92997974000000005</v>
      </c>
      <c r="L503">
        <f t="shared" si="64"/>
        <v>705.49887999999999</v>
      </c>
      <c r="M503">
        <f t="shared" si="65"/>
        <v>516.71464666666668</v>
      </c>
      <c r="N503">
        <f t="shared" si="66"/>
        <v>-8.8695096969096596</v>
      </c>
      <c r="O503">
        <f t="shared" si="67"/>
        <v>2.4339321560925273</v>
      </c>
      <c r="Q503">
        <v>1087.2592</v>
      </c>
      <c r="R503">
        <v>517.09299999999996</v>
      </c>
      <c r="S503">
        <v>0.9081574</v>
      </c>
      <c r="T503">
        <v>1205.3897999999999</v>
      </c>
      <c r="U503">
        <v>434.83983999999998</v>
      </c>
      <c r="V503">
        <v>0.9919308</v>
      </c>
      <c r="W503">
        <v>1216.0392999999999</v>
      </c>
      <c r="X503">
        <v>579.06439999999998</v>
      </c>
      <c r="Y503">
        <v>0.94243690000000002</v>
      </c>
      <c r="Z503">
        <f t="shared" si="68"/>
        <v>1169.5627666666667</v>
      </c>
      <c r="AA503">
        <f t="shared" si="69"/>
        <v>510.33241333333331</v>
      </c>
      <c r="AB503">
        <f t="shared" si="70"/>
        <v>10.053243948874552</v>
      </c>
      <c r="AC503">
        <f t="shared" si="71"/>
        <v>2.5358739535592809</v>
      </c>
    </row>
    <row r="504" spans="1:29" x14ac:dyDescent="0.4">
      <c r="A504">
        <v>501</v>
      </c>
      <c r="B504">
        <f t="shared" si="63"/>
        <v>16.7</v>
      </c>
      <c r="C504">
        <v>623.04425000000003</v>
      </c>
      <c r="D504">
        <v>510.87344000000002</v>
      </c>
      <c r="E504">
        <v>0.8660506</v>
      </c>
      <c r="F504">
        <v>753.41189999999995</v>
      </c>
      <c r="G504">
        <v>447.77312999999998</v>
      </c>
      <c r="H504">
        <v>0.88201459999999998</v>
      </c>
      <c r="I504">
        <v>741.97230000000002</v>
      </c>
      <c r="J504">
        <v>591.51526000000001</v>
      </c>
      <c r="K504">
        <v>0.91495996999999996</v>
      </c>
      <c r="L504">
        <f t="shared" si="64"/>
        <v>706.14281666666659</v>
      </c>
      <c r="M504">
        <f t="shared" si="65"/>
        <v>516.72060999999997</v>
      </c>
      <c r="N504">
        <f t="shared" si="66"/>
        <v>-8.8434389240432942</v>
      </c>
      <c r="O504">
        <f t="shared" si="67"/>
        <v>2.4334726503937905</v>
      </c>
      <c r="Q504">
        <v>1086.5420999999999</v>
      </c>
      <c r="R504">
        <v>517.1309</v>
      </c>
      <c r="S504">
        <v>0.91566426000000001</v>
      </c>
      <c r="T504">
        <v>1204.9766</v>
      </c>
      <c r="U504">
        <v>434.70800000000003</v>
      </c>
      <c r="V504">
        <v>0.97042954000000003</v>
      </c>
      <c r="W504">
        <v>1215.1470999999999</v>
      </c>
      <c r="X504">
        <v>579.07420000000002</v>
      </c>
      <c r="Y504">
        <v>0.91510515999999997</v>
      </c>
      <c r="Z504">
        <f t="shared" si="68"/>
        <v>1168.8886</v>
      </c>
      <c r="AA504">
        <f t="shared" si="69"/>
        <v>510.30436666666668</v>
      </c>
      <c r="AB504">
        <f t="shared" si="70"/>
        <v>10.025575881967722</v>
      </c>
      <c r="AC504">
        <f t="shared" si="71"/>
        <v>2.5372533547751428</v>
      </c>
    </row>
    <row r="505" spans="1:29" x14ac:dyDescent="0.4">
      <c r="A505">
        <v>502</v>
      </c>
      <c r="B505">
        <f t="shared" si="63"/>
        <v>16.733333333333334</v>
      </c>
      <c r="C505">
        <v>623.86505</v>
      </c>
      <c r="D505">
        <v>511.02816999999999</v>
      </c>
      <c r="E505">
        <v>0.90128629999999998</v>
      </c>
      <c r="F505">
        <v>753.83623999999998</v>
      </c>
      <c r="G505">
        <v>447.72345000000001</v>
      </c>
      <c r="H505">
        <v>0.8895845</v>
      </c>
      <c r="I505">
        <v>742.62932999999998</v>
      </c>
      <c r="J505">
        <v>591.55619999999999</v>
      </c>
      <c r="K505">
        <v>0.90026854999999995</v>
      </c>
      <c r="L505">
        <f t="shared" si="64"/>
        <v>706.77687333333324</v>
      </c>
      <c r="M505">
        <f t="shared" si="65"/>
        <v>516.76927333333333</v>
      </c>
      <c r="N505">
        <f t="shared" si="66"/>
        <v>-8.8177815292204649</v>
      </c>
      <c r="O505">
        <f t="shared" si="67"/>
        <v>2.4312733454551103</v>
      </c>
      <c r="Q505">
        <v>1086.0319</v>
      </c>
      <c r="R505">
        <v>516.94500000000005</v>
      </c>
      <c r="S505">
        <v>0.93120349999999996</v>
      </c>
      <c r="T505">
        <v>1204.4992999999999</v>
      </c>
      <c r="U505">
        <v>434.83550000000002</v>
      </c>
      <c r="V505">
        <v>0.99548040000000004</v>
      </c>
      <c r="W505">
        <v>1214.2882</v>
      </c>
      <c r="X505">
        <v>579.19529999999997</v>
      </c>
      <c r="Y505">
        <v>0.92581380000000002</v>
      </c>
      <c r="Z505">
        <f t="shared" si="68"/>
        <v>1168.2731333333334</v>
      </c>
      <c r="AA505">
        <f t="shared" si="69"/>
        <v>510.32526666666672</v>
      </c>
      <c r="AB505">
        <f t="shared" si="70"/>
        <v>10.000302293054501</v>
      </c>
      <c r="AC505">
        <f t="shared" si="71"/>
        <v>2.5366143522449756</v>
      </c>
    </row>
    <row r="506" spans="1:29" x14ac:dyDescent="0.4">
      <c r="A506">
        <v>503</v>
      </c>
      <c r="B506">
        <f t="shared" si="63"/>
        <v>16.766666666666666</v>
      </c>
      <c r="C506">
        <v>624.51580000000001</v>
      </c>
      <c r="D506">
        <v>510.81848000000002</v>
      </c>
      <c r="E506">
        <v>0.91597779999999995</v>
      </c>
      <c r="F506">
        <v>754.38184000000001</v>
      </c>
      <c r="G506">
        <v>447.6173</v>
      </c>
      <c r="H506">
        <v>0.90750945000000005</v>
      </c>
      <c r="I506">
        <v>743.39702999999997</v>
      </c>
      <c r="J506">
        <v>591.71642999999995</v>
      </c>
      <c r="K506">
        <v>0.89119225999999996</v>
      </c>
      <c r="L506">
        <f t="shared" si="64"/>
        <v>707.43155666666678</v>
      </c>
      <c r="M506">
        <f t="shared" si="65"/>
        <v>516.71740333333332</v>
      </c>
      <c r="N506">
        <f t="shared" si="66"/>
        <v>-8.7912558675890597</v>
      </c>
      <c r="O506">
        <f t="shared" si="67"/>
        <v>2.4331710891643419</v>
      </c>
      <c r="Q506">
        <v>1085.4666</v>
      </c>
      <c r="R506">
        <v>516.77373999999998</v>
      </c>
      <c r="S506">
        <v>0.95509445999999998</v>
      </c>
      <c r="T506">
        <v>1203.4915000000001</v>
      </c>
      <c r="U506">
        <v>434.99606</v>
      </c>
      <c r="V506">
        <v>0.97332054000000001</v>
      </c>
      <c r="W506">
        <v>1213.8726999999999</v>
      </c>
      <c r="X506">
        <v>579.13525000000004</v>
      </c>
      <c r="Y506">
        <v>0.93697140000000001</v>
      </c>
      <c r="Z506">
        <f t="shared" si="68"/>
        <v>1167.6102666666666</v>
      </c>
      <c r="AA506">
        <f t="shared" si="69"/>
        <v>510.30168333333336</v>
      </c>
      <c r="AB506">
        <f t="shared" si="70"/>
        <v>9.9730977245230292</v>
      </c>
      <c r="AC506">
        <f t="shared" si="71"/>
        <v>2.5378076089114558</v>
      </c>
    </row>
    <row r="507" spans="1:29" x14ac:dyDescent="0.4">
      <c r="A507">
        <v>504</v>
      </c>
      <c r="B507">
        <f t="shared" si="63"/>
        <v>16.8</v>
      </c>
      <c r="C507">
        <v>625.09220000000005</v>
      </c>
      <c r="D507">
        <v>510.69537000000003</v>
      </c>
      <c r="E507">
        <v>0.93420565</v>
      </c>
      <c r="F507">
        <v>755.21220000000005</v>
      </c>
      <c r="G507">
        <v>447.62189999999998</v>
      </c>
      <c r="H507">
        <v>0.91757005000000003</v>
      </c>
      <c r="I507">
        <v>744.13980000000004</v>
      </c>
      <c r="J507">
        <v>591.69939999999997</v>
      </c>
      <c r="K507">
        <v>0.87855780000000006</v>
      </c>
      <c r="L507">
        <f t="shared" si="64"/>
        <v>708.14806666666664</v>
      </c>
      <c r="M507">
        <f t="shared" si="65"/>
        <v>516.67222333333336</v>
      </c>
      <c r="N507">
        <f t="shared" si="66"/>
        <v>-8.7622283447544369</v>
      </c>
      <c r="O507">
        <f t="shared" si="67"/>
        <v>2.4347749712179412</v>
      </c>
      <c r="Q507">
        <v>1084.9664</v>
      </c>
      <c r="R507">
        <v>516.77655000000004</v>
      </c>
      <c r="S507">
        <v>0.96144189999999996</v>
      </c>
      <c r="T507">
        <v>1202.8936000000001</v>
      </c>
      <c r="U507">
        <v>435.03665000000001</v>
      </c>
      <c r="V507">
        <v>0.95737916000000001</v>
      </c>
      <c r="W507">
        <v>1213.3207</v>
      </c>
      <c r="X507">
        <v>579.07560000000001</v>
      </c>
      <c r="Y507">
        <v>0.93343940000000003</v>
      </c>
      <c r="Z507">
        <f t="shared" si="68"/>
        <v>1167.0602333333334</v>
      </c>
      <c r="AA507">
        <f t="shared" si="69"/>
        <v>510.29626666666672</v>
      </c>
      <c r="AB507">
        <f t="shared" si="70"/>
        <v>9.9505197427164713</v>
      </c>
      <c r="AC507">
        <f t="shared" si="71"/>
        <v>2.5382200525104022</v>
      </c>
    </row>
    <row r="508" spans="1:29" x14ac:dyDescent="0.4">
      <c r="A508">
        <v>505</v>
      </c>
      <c r="B508">
        <f t="shared" si="63"/>
        <v>16.833333333333332</v>
      </c>
      <c r="C508">
        <v>625.75189999999998</v>
      </c>
      <c r="D508">
        <v>510.38850000000002</v>
      </c>
      <c r="E508">
        <v>0.94331830000000005</v>
      </c>
      <c r="F508">
        <v>756.12929999999994</v>
      </c>
      <c r="G508">
        <v>447.52123999999998</v>
      </c>
      <c r="H508">
        <v>0.91715944000000005</v>
      </c>
      <c r="I508">
        <v>744.81835999999998</v>
      </c>
      <c r="J508">
        <v>591.25080000000003</v>
      </c>
      <c r="K508">
        <v>0.89312035000000001</v>
      </c>
      <c r="L508">
        <f t="shared" si="64"/>
        <v>708.89985333333334</v>
      </c>
      <c r="M508">
        <f t="shared" si="65"/>
        <v>516.38684666666666</v>
      </c>
      <c r="N508">
        <f t="shared" si="66"/>
        <v>-8.7316939038553993</v>
      </c>
      <c r="O508">
        <f t="shared" si="67"/>
        <v>2.4461723059295366</v>
      </c>
      <c r="Q508">
        <v>1084.4248</v>
      </c>
      <c r="R508">
        <v>516.78326000000004</v>
      </c>
      <c r="S508">
        <v>0.95793539999999999</v>
      </c>
      <c r="T508">
        <v>1202.4259</v>
      </c>
      <c r="U508">
        <v>434.86835000000002</v>
      </c>
      <c r="V508">
        <v>0.92408259999999998</v>
      </c>
      <c r="W508">
        <v>1213.0642</v>
      </c>
      <c r="X508">
        <v>579.08489999999995</v>
      </c>
      <c r="Y508">
        <v>0.93967533000000003</v>
      </c>
      <c r="Z508">
        <f t="shared" si="68"/>
        <v>1166.6382999999998</v>
      </c>
      <c r="AA508">
        <f t="shared" si="69"/>
        <v>510.24550333333337</v>
      </c>
      <c r="AB508">
        <f t="shared" si="70"/>
        <v>9.93321541934084</v>
      </c>
      <c r="AC508">
        <f t="shared" si="71"/>
        <v>2.540438948542167</v>
      </c>
    </row>
    <row r="509" spans="1:29" x14ac:dyDescent="0.4">
      <c r="A509">
        <v>506</v>
      </c>
      <c r="B509">
        <f t="shared" si="63"/>
        <v>16.866666666666667</v>
      </c>
      <c r="C509">
        <v>626.55316000000005</v>
      </c>
      <c r="D509">
        <v>510.39449999999999</v>
      </c>
      <c r="E509">
        <v>0.95913464000000004</v>
      </c>
      <c r="F509">
        <v>756.79560000000004</v>
      </c>
      <c r="G509">
        <v>447.46530000000001</v>
      </c>
      <c r="H509">
        <v>0.91476109999999999</v>
      </c>
      <c r="I509">
        <v>745.54089999999997</v>
      </c>
      <c r="J509">
        <v>591.26369999999997</v>
      </c>
      <c r="K509">
        <v>0.89140326000000003</v>
      </c>
      <c r="L509">
        <f t="shared" si="64"/>
        <v>709.62988666666661</v>
      </c>
      <c r="M509">
        <f t="shared" si="65"/>
        <v>516.37450000000001</v>
      </c>
      <c r="N509">
        <f t="shared" si="66"/>
        <v>-8.7021281214180402</v>
      </c>
      <c r="O509">
        <f t="shared" si="67"/>
        <v>2.4464312943510156</v>
      </c>
      <c r="Q509">
        <v>1083.8514</v>
      </c>
      <c r="R509">
        <v>516.53629999999998</v>
      </c>
      <c r="S509">
        <v>0.96448772999999999</v>
      </c>
      <c r="T509">
        <v>1201.8518999999999</v>
      </c>
      <c r="U509">
        <v>434.87808000000001</v>
      </c>
      <c r="V509">
        <v>0.92825650000000004</v>
      </c>
      <c r="W509">
        <v>1212.5890999999999</v>
      </c>
      <c r="X509">
        <v>579.0702</v>
      </c>
      <c r="Y509">
        <v>0.93243927000000004</v>
      </c>
      <c r="Z509">
        <f t="shared" si="68"/>
        <v>1166.0974666666668</v>
      </c>
      <c r="AA509">
        <f t="shared" si="69"/>
        <v>510.16152666666659</v>
      </c>
      <c r="AB509">
        <f t="shared" si="70"/>
        <v>9.9110412182207579</v>
      </c>
      <c r="AC509">
        <f t="shared" si="71"/>
        <v>2.5440549406322139</v>
      </c>
    </row>
    <row r="510" spans="1:29" x14ac:dyDescent="0.4">
      <c r="A510">
        <v>507</v>
      </c>
      <c r="B510">
        <f t="shared" si="63"/>
        <v>16.899999999999999</v>
      </c>
      <c r="C510">
        <v>627.13070000000005</v>
      </c>
      <c r="D510">
        <v>510.24200000000002</v>
      </c>
      <c r="E510">
        <v>0.96174440000000005</v>
      </c>
      <c r="F510">
        <v>757.49850000000004</v>
      </c>
      <c r="G510">
        <v>447.40886999999998</v>
      </c>
      <c r="H510">
        <v>0.90988139999999995</v>
      </c>
      <c r="I510">
        <v>746.30110000000002</v>
      </c>
      <c r="J510">
        <v>591.154</v>
      </c>
      <c r="K510">
        <v>0.89156586000000004</v>
      </c>
      <c r="L510">
        <f t="shared" si="64"/>
        <v>710.31010000000003</v>
      </c>
      <c r="M510">
        <f t="shared" si="65"/>
        <v>516.26828999999998</v>
      </c>
      <c r="N510">
        <f t="shared" si="66"/>
        <v>-8.6745487403815549</v>
      </c>
      <c r="O510">
        <f t="shared" si="67"/>
        <v>2.4505386721144684</v>
      </c>
      <c r="Q510">
        <v>1083.3339000000001</v>
      </c>
      <c r="R510">
        <v>516.7201</v>
      </c>
      <c r="S510">
        <v>0.95574150000000002</v>
      </c>
      <c r="T510">
        <v>1201.2566999999999</v>
      </c>
      <c r="U510">
        <v>434.64587</v>
      </c>
      <c r="V510">
        <v>0.89195219999999997</v>
      </c>
      <c r="W510">
        <v>1212.2091</v>
      </c>
      <c r="X510">
        <v>578.94460000000004</v>
      </c>
      <c r="Y510">
        <v>0.93142486000000002</v>
      </c>
      <c r="Z510">
        <f t="shared" si="68"/>
        <v>1165.5998999999999</v>
      </c>
      <c r="AA510">
        <f t="shared" si="69"/>
        <v>510.10352333333338</v>
      </c>
      <c r="AB510">
        <f t="shared" si="70"/>
        <v>9.8906350254216342</v>
      </c>
      <c r="AC510">
        <f t="shared" si="71"/>
        <v>2.5465956611820988</v>
      </c>
    </row>
    <row r="511" spans="1:29" x14ac:dyDescent="0.4">
      <c r="A511">
        <v>508</v>
      </c>
      <c r="B511">
        <f t="shared" si="63"/>
        <v>16.933333333333334</v>
      </c>
      <c r="C511">
        <v>627.80290000000002</v>
      </c>
      <c r="D511">
        <v>510.23885999999999</v>
      </c>
      <c r="E511">
        <v>0.96118884999999998</v>
      </c>
      <c r="F511">
        <v>757.88120000000004</v>
      </c>
      <c r="G511">
        <v>447.35680000000002</v>
      </c>
      <c r="H511">
        <v>0.89378785999999999</v>
      </c>
      <c r="I511">
        <v>746.84900000000005</v>
      </c>
      <c r="J511">
        <v>591.08540000000005</v>
      </c>
      <c r="K511">
        <v>0.87614979999999998</v>
      </c>
      <c r="L511">
        <f t="shared" si="64"/>
        <v>710.8443666666667</v>
      </c>
      <c r="M511">
        <f t="shared" si="65"/>
        <v>516.22701999999992</v>
      </c>
      <c r="N511">
        <f t="shared" si="66"/>
        <v>-8.652900057531566</v>
      </c>
      <c r="O511">
        <f t="shared" si="67"/>
        <v>2.4520440526551508</v>
      </c>
      <c r="Q511">
        <v>1082.8035</v>
      </c>
      <c r="R511">
        <v>516.6798</v>
      </c>
      <c r="S511">
        <v>0.95467939999999996</v>
      </c>
      <c r="T511">
        <v>1200.8424</v>
      </c>
      <c r="U511">
        <v>434.49252000000001</v>
      </c>
      <c r="V511">
        <v>0.90594213999999995</v>
      </c>
      <c r="W511">
        <v>1211.6934000000001</v>
      </c>
      <c r="X511">
        <v>578.85004000000004</v>
      </c>
      <c r="Y511">
        <v>0.93395614999999998</v>
      </c>
      <c r="Z511">
        <f t="shared" si="68"/>
        <v>1165.1131</v>
      </c>
      <c r="AA511">
        <f t="shared" si="69"/>
        <v>510.00745333333333</v>
      </c>
      <c r="AB511">
        <f t="shared" si="70"/>
        <v>9.8706834350423875</v>
      </c>
      <c r="AC511">
        <f t="shared" si="71"/>
        <v>2.550686480176152</v>
      </c>
    </row>
    <row r="512" spans="1:29" x14ac:dyDescent="0.4">
      <c r="A512">
        <v>509</v>
      </c>
      <c r="B512">
        <f t="shared" si="63"/>
        <v>16.966666666666665</v>
      </c>
      <c r="C512">
        <v>628.58230000000003</v>
      </c>
      <c r="D512">
        <v>510.35586999999998</v>
      </c>
      <c r="E512">
        <v>0.95119209999999998</v>
      </c>
      <c r="F512">
        <v>758.36273000000006</v>
      </c>
      <c r="G512">
        <v>447.21658000000002</v>
      </c>
      <c r="H512">
        <v>0.89352520000000002</v>
      </c>
      <c r="I512">
        <v>747.37885000000006</v>
      </c>
      <c r="J512">
        <v>590.97484999999995</v>
      </c>
      <c r="K512">
        <v>0.87100840000000002</v>
      </c>
      <c r="L512">
        <f t="shared" si="64"/>
        <v>711.44129333333331</v>
      </c>
      <c r="M512">
        <f t="shared" si="65"/>
        <v>516.18243333333328</v>
      </c>
      <c r="N512">
        <f t="shared" si="66"/>
        <v>-8.6287124507619062</v>
      </c>
      <c r="O512">
        <f t="shared" si="67"/>
        <v>2.4536637827048087</v>
      </c>
      <c r="Q512">
        <v>1082.1492000000001</v>
      </c>
      <c r="R512">
        <v>516.52386000000001</v>
      </c>
      <c r="S512">
        <v>0.96102273000000005</v>
      </c>
      <c r="T512">
        <v>1200.2682</v>
      </c>
      <c r="U512">
        <v>434.51657</v>
      </c>
      <c r="V512">
        <v>0.90890649999999995</v>
      </c>
      <c r="W512">
        <v>1211.0473999999999</v>
      </c>
      <c r="X512">
        <v>578.89700000000005</v>
      </c>
      <c r="Y512">
        <v>0.92563313000000003</v>
      </c>
      <c r="Z512">
        <f t="shared" si="68"/>
        <v>1164.4882666666667</v>
      </c>
      <c r="AA512">
        <f t="shared" si="69"/>
        <v>509.9791433333333</v>
      </c>
      <c r="AB512">
        <f t="shared" si="70"/>
        <v>9.8450441457647067</v>
      </c>
      <c r="AC512">
        <f t="shared" si="71"/>
        <v>2.5520593887346963</v>
      </c>
    </row>
    <row r="513" spans="1:29" x14ac:dyDescent="0.4">
      <c r="A513">
        <v>510</v>
      </c>
      <c r="B513">
        <f t="shared" si="63"/>
        <v>17</v>
      </c>
      <c r="C513">
        <v>629.31475999999998</v>
      </c>
      <c r="D513">
        <v>510.25443000000001</v>
      </c>
      <c r="E513">
        <v>0.95122134999999997</v>
      </c>
      <c r="F513">
        <v>759.18535999999995</v>
      </c>
      <c r="G513">
        <v>447.27264000000002</v>
      </c>
      <c r="H513">
        <v>0.87599939999999998</v>
      </c>
      <c r="I513">
        <v>748.23206000000005</v>
      </c>
      <c r="J513">
        <v>590.86659999999995</v>
      </c>
      <c r="K513">
        <v>0.87435806000000005</v>
      </c>
      <c r="L513">
        <f t="shared" si="64"/>
        <v>712.24405999999999</v>
      </c>
      <c r="M513">
        <f t="shared" si="65"/>
        <v>516.13122333333331</v>
      </c>
      <c r="N513">
        <f t="shared" si="66"/>
        <v>-8.5961863109235477</v>
      </c>
      <c r="O513">
        <f t="shared" si="67"/>
        <v>2.4554847755998144</v>
      </c>
      <c r="Q513">
        <v>1081.6217999999999</v>
      </c>
      <c r="R513">
        <v>516.58344</v>
      </c>
      <c r="S513">
        <v>0.93175810000000003</v>
      </c>
      <c r="T513">
        <v>1199.5619999999999</v>
      </c>
      <c r="U513">
        <v>434.73009999999999</v>
      </c>
      <c r="V513">
        <v>0.93932510000000002</v>
      </c>
      <c r="W513">
        <v>1210.5651</v>
      </c>
      <c r="X513">
        <v>578.97533999999996</v>
      </c>
      <c r="Y513">
        <v>0.92470472999999997</v>
      </c>
      <c r="Z513">
        <f t="shared" si="68"/>
        <v>1163.9162999999999</v>
      </c>
      <c r="AA513">
        <f t="shared" si="69"/>
        <v>510.09629333333334</v>
      </c>
      <c r="AB513">
        <f t="shared" si="70"/>
        <v>9.8215282117473901</v>
      </c>
      <c r="AC513">
        <f t="shared" si="71"/>
        <v>2.5474763387599815</v>
      </c>
    </row>
    <row r="514" spans="1:29" x14ac:dyDescent="0.4">
      <c r="A514">
        <v>511</v>
      </c>
      <c r="B514">
        <f t="shared" si="63"/>
        <v>17.033333333333335</v>
      </c>
      <c r="C514">
        <v>629.84735000000001</v>
      </c>
      <c r="D514">
        <v>510.22255999999999</v>
      </c>
      <c r="E514">
        <v>0.94184285000000001</v>
      </c>
      <c r="F514">
        <v>760.05060000000003</v>
      </c>
      <c r="G514">
        <v>447.12317000000002</v>
      </c>
      <c r="H514">
        <v>0.89917504999999998</v>
      </c>
      <c r="I514">
        <v>748.9556</v>
      </c>
      <c r="J514">
        <v>590.84685999999999</v>
      </c>
      <c r="K514">
        <v>0.85559379999999996</v>
      </c>
      <c r="L514">
        <f t="shared" si="64"/>
        <v>712.95118333333323</v>
      </c>
      <c r="M514">
        <f t="shared" si="65"/>
        <v>516.0641966666667</v>
      </c>
      <c r="N514">
        <f t="shared" si="66"/>
        <v>-8.5675276527879412</v>
      </c>
      <c r="O514">
        <f t="shared" si="67"/>
        <v>2.4579835261006644</v>
      </c>
      <c r="Q514">
        <v>1081.1392000000001</v>
      </c>
      <c r="R514">
        <v>516.58344</v>
      </c>
      <c r="S514">
        <v>0.92151386000000002</v>
      </c>
      <c r="T514">
        <v>1199.2527</v>
      </c>
      <c r="U514">
        <v>434.51053000000002</v>
      </c>
      <c r="V514">
        <v>0.93544579999999999</v>
      </c>
      <c r="W514">
        <v>1209.9869000000001</v>
      </c>
      <c r="X514">
        <v>579.04083000000003</v>
      </c>
      <c r="Y514">
        <v>0.91506030000000005</v>
      </c>
      <c r="Z514">
        <f t="shared" si="68"/>
        <v>1163.4596000000001</v>
      </c>
      <c r="AA514">
        <f t="shared" si="69"/>
        <v>510.04493333333335</v>
      </c>
      <c r="AB514">
        <f t="shared" si="70"/>
        <v>9.8027986342981865</v>
      </c>
      <c r="AC514">
        <f t="shared" si="71"/>
        <v>2.5497316411008746</v>
      </c>
    </row>
    <row r="515" spans="1:29" x14ac:dyDescent="0.4">
      <c r="A515">
        <v>512</v>
      </c>
      <c r="B515">
        <f t="shared" si="63"/>
        <v>17.066666666666666</v>
      </c>
      <c r="C515">
        <v>630.79870000000005</v>
      </c>
      <c r="D515">
        <v>510.41890000000001</v>
      </c>
      <c r="E515">
        <v>0.95916570000000001</v>
      </c>
      <c r="F515">
        <v>760.76684999999998</v>
      </c>
      <c r="G515">
        <v>447.01983999999999</v>
      </c>
      <c r="H515">
        <v>0.90418240000000005</v>
      </c>
      <c r="I515">
        <v>749.71370000000002</v>
      </c>
      <c r="J515">
        <v>590.81823999999995</v>
      </c>
      <c r="K515">
        <v>0.85547214999999999</v>
      </c>
      <c r="L515">
        <f t="shared" si="64"/>
        <v>713.75975000000005</v>
      </c>
      <c r="M515">
        <f t="shared" si="65"/>
        <v>516.08566000000008</v>
      </c>
      <c r="N515">
        <f t="shared" si="66"/>
        <v>-8.5347886888022391</v>
      </c>
      <c r="O515">
        <f t="shared" si="67"/>
        <v>2.4568358805048383</v>
      </c>
      <c r="Q515">
        <v>1080.4375</v>
      </c>
      <c r="R515">
        <v>516.63530000000003</v>
      </c>
      <c r="S515">
        <v>0.91423379999999999</v>
      </c>
      <c r="T515">
        <v>1198.527</v>
      </c>
      <c r="U515">
        <v>434.5958</v>
      </c>
      <c r="V515">
        <v>0.95630809999999999</v>
      </c>
      <c r="W515">
        <v>1209.3983000000001</v>
      </c>
      <c r="X515">
        <v>579.04</v>
      </c>
      <c r="Y515">
        <v>0.91733109999999995</v>
      </c>
      <c r="Z515">
        <f t="shared" si="68"/>
        <v>1162.7875999999999</v>
      </c>
      <c r="AA515">
        <f t="shared" si="69"/>
        <v>510.09036666666663</v>
      </c>
      <c r="AB515">
        <f t="shared" si="70"/>
        <v>9.7752006890243841</v>
      </c>
      <c r="AC515">
        <f t="shared" si="71"/>
        <v>2.5481107791796078</v>
      </c>
    </row>
    <row r="516" spans="1:29" x14ac:dyDescent="0.4">
      <c r="A516">
        <v>513</v>
      </c>
      <c r="B516">
        <f t="shared" ref="B516:B579" si="72">A516/30</f>
        <v>17.100000000000001</v>
      </c>
      <c r="C516">
        <v>631.42840000000001</v>
      </c>
      <c r="D516">
        <v>510.20670000000001</v>
      </c>
      <c r="E516">
        <v>0.92609023999999995</v>
      </c>
      <c r="F516">
        <v>761.71010000000001</v>
      </c>
      <c r="G516">
        <v>447.00405999999998</v>
      </c>
      <c r="H516">
        <v>0.91908540000000005</v>
      </c>
      <c r="I516">
        <v>750.51953000000003</v>
      </c>
      <c r="J516">
        <v>590.81809999999996</v>
      </c>
      <c r="K516">
        <v>0.83854450000000003</v>
      </c>
      <c r="L516">
        <f t="shared" ref="L516:L579" si="73">(C516+F516+I516)/3</f>
        <v>714.55267666666668</v>
      </c>
      <c r="M516">
        <f t="shared" ref="M516:M579" si="74">(D516+G516+J516)/3</f>
        <v>516.00961999999993</v>
      </c>
      <c r="N516">
        <f t="shared" ref="N516:N579" si="75" xml:space="preserve"> -36.96+0.03963*L516-0.0003398*M516+6.089*10^(-7)*L516^2+1.529*10^(-8)*M516^2</f>
        <v>-8.5026507587022024</v>
      </c>
      <c r="O516">
        <f t="shared" ref="O516:O579" si="76" xml:space="preserve"> 23.7-0.0003167*L516-0.0406*M516-1.335*10^(-8)*L516^2-2.149*10^(-7)*M516^2</f>
        <v>2.4596737305917493</v>
      </c>
      <c r="Q516">
        <v>1079.9656</v>
      </c>
      <c r="R516">
        <v>516.61066000000005</v>
      </c>
      <c r="S516">
        <v>0.89851915999999998</v>
      </c>
      <c r="T516">
        <v>1197.8463999999999</v>
      </c>
      <c r="U516">
        <v>434.49576000000002</v>
      </c>
      <c r="V516">
        <v>0.97323519999999997</v>
      </c>
      <c r="W516">
        <v>1208.8696</v>
      </c>
      <c r="X516">
        <v>578.9357</v>
      </c>
      <c r="Y516">
        <v>0.92305760000000003</v>
      </c>
      <c r="Z516">
        <f t="shared" ref="Z516:Z579" si="77">(Q516+T516+W516)/3</f>
        <v>1162.2272</v>
      </c>
      <c r="AA516">
        <f t="shared" ref="AA516:AA579" si="78">(R516+U516+X516)/3</f>
        <v>510.01404000000002</v>
      </c>
      <c r="AB516">
        <f t="shared" ref="AB516:AB579" si="79" xml:space="preserve"> -36.96+0.03963*Z516-0.0003398*AA516+6.089*10^(-7)*Z516^2+1.529*10^(-8)*AA516^2</f>
        <v>9.7522234232012863</v>
      </c>
      <c r="AC516">
        <f t="shared" ref="AC516:AC579" si="80" xml:space="preserve"> 23.7-0.0003167*Z516-0.0406*AA516-1.335*10^(-8)*Z516^2-2.149*10^(-7)*AA516^2</f>
        <v>2.5514212471177111</v>
      </c>
    </row>
    <row r="517" spans="1:29" x14ac:dyDescent="0.4">
      <c r="A517">
        <v>514</v>
      </c>
      <c r="B517">
        <f t="shared" si="72"/>
        <v>17.133333333333333</v>
      </c>
      <c r="C517">
        <v>632.26482999999996</v>
      </c>
      <c r="D517">
        <v>510.11059999999998</v>
      </c>
      <c r="E517">
        <v>0.90407970000000004</v>
      </c>
      <c r="F517">
        <v>762.33936000000006</v>
      </c>
      <c r="G517">
        <v>446.8947</v>
      </c>
      <c r="H517">
        <v>0.94568629999999998</v>
      </c>
      <c r="I517">
        <v>751.48413000000005</v>
      </c>
      <c r="J517">
        <v>590.72815000000003</v>
      </c>
      <c r="K517">
        <v>0.83743330000000005</v>
      </c>
      <c r="L517">
        <f t="shared" si="73"/>
        <v>715.36277333333328</v>
      </c>
      <c r="M517">
        <f t="shared" si="74"/>
        <v>515.91115000000002</v>
      </c>
      <c r="N517">
        <f t="shared" si="75"/>
        <v>-8.4698093900281393</v>
      </c>
      <c r="O517">
        <f t="shared" si="76"/>
        <v>2.4634214274262831</v>
      </c>
      <c r="Q517">
        <v>1079.462</v>
      </c>
      <c r="R517">
        <v>516.39970000000005</v>
      </c>
      <c r="S517">
        <v>0.91728926</v>
      </c>
      <c r="T517">
        <v>1197.2705000000001</v>
      </c>
      <c r="U517">
        <v>434.42547999999999</v>
      </c>
      <c r="V517">
        <v>0.97026133999999997</v>
      </c>
      <c r="W517">
        <v>1208.5608999999999</v>
      </c>
      <c r="X517">
        <v>579.05553999999995</v>
      </c>
      <c r="Y517">
        <v>0.92481166000000004</v>
      </c>
      <c r="Z517">
        <f t="shared" si="77"/>
        <v>1161.7644666666667</v>
      </c>
      <c r="AA517">
        <f t="shared" si="78"/>
        <v>509.96024000000006</v>
      </c>
      <c r="AB517">
        <f t="shared" si="79"/>
        <v>9.7332479394052154</v>
      </c>
      <c r="AC517">
        <f t="shared" si="80"/>
        <v>2.5537782237546973</v>
      </c>
    </row>
    <row r="518" spans="1:29" x14ac:dyDescent="0.4">
      <c r="A518">
        <v>515</v>
      </c>
      <c r="B518">
        <f t="shared" si="72"/>
        <v>17.166666666666668</v>
      </c>
      <c r="C518">
        <v>633.24743999999998</v>
      </c>
      <c r="D518">
        <v>509.88625999999999</v>
      </c>
      <c r="E518">
        <v>0.88510036000000003</v>
      </c>
      <c r="F518">
        <v>762.97973999999999</v>
      </c>
      <c r="G518">
        <v>446.96480000000003</v>
      </c>
      <c r="H518">
        <v>0.92599929999999997</v>
      </c>
      <c r="I518">
        <v>752.26260000000002</v>
      </c>
      <c r="J518">
        <v>590.6499</v>
      </c>
      <c r="K518">
        <v>0.86300533999999995</v>
      </c>
      <c r="L518">
        <f t="shared" si="73"/>
        <v>716.16325999999992</v>
      </c>
      <c r="M518">
        <f t="shared" si="74"/>
        <v>515.83365333333325</v>
      </c>
      <c r="N518">
        <f t="shared" si="75"/>
        <v>-8.4373632434326442</v>
      </c>
      <c r="O518">
        <f t="shared" si="76"/>
        <v>2.4663161626796528</v>
      </c>
      <c r="Q518">
        <v>1078.8384000000001</v>
      </c>
      <c r="R518">
        <v>516.21673999999996</v>
      </c>
      <c r="S518">
        <v>0.93648019999999998</v>
      </c>
      <c r="T518">
        <v>1197.0238999999999</v>
      </c>
      <c r="U518">
        <v>434.50749999999999</v>
      </c>
      <c r="V518">
        <v>0.97283699999999995</v>
      </c>
      <c r="W518">
        <v>1207.6539</v>
      </c>
      <c r="X518">
        <v>579.07446000000004</v>
      </c>
      <c r="Y518">
        <v>0.92029046999999997</v>
      </c>
      <c r="Z518">
        <f t="shared" si="77"/>
        <v>1161.1720666666668</v>
      </c>
      <c r="AA518">
        <f t="shared" si="78"/>
        <v>509.93290000000002</v>
      </c>
      <c r="AB518">
        <f t="shared" si="79"/>
        <v>9.7089420792736458</v>
      </c>
      <c r="AC518">
        <f t="shared" si="80"/>
        <v>2.5551002041166657</v>
      </c>
    </row>
    <row r="519" spans="1:29" x14ac:dyDescent="0.4">
      <c r="A519">
        <v>516</v>
      </c>
      <c r="B519">
        <f t="shared" si="72"/>
        <v>17.2</v>
      </c>
      <c r="C519">
        <v>633.89819999999997</v>
      </c>
      <c r="D519">
        <v>509.88357999999999</v>
      </c>
      <c r="E519">
        <v>0.89344089999999998</v>
      </c>
      <c r="F519">
        <v>763.71783000000005</v>
      </c>
      <c r="G519">
        <v>446.77454</v>
      </c>
      <c r="H519">
        <v>0.93225955999999999</v>
      </c>
      <c r="I519">
        <v>752.96489999999994</v>
      </c>
      <c r="J519">
        <v>590.38</v>
      </c>
      <c r="K519">
        <v>0.90489529999999996</v>
      </c>
      <c r="L519">
        <f t="shared" si="73"/>
        <v>716.86031000000003</v>
      </c>
      <c r="M519">
        <f t="shared" si="74"/>
        <v>515.67937333333339</v>
      </c>
      <c r="N519">
        <f t="shared" si="75"/>
        <v>-8.4090809373067312</v>
      </c>
      <c r="O519">
        <f t="shared" si="76"/>
        <v>2.4723800393546482</v>
      </c>
      <c r="Q519">
        <v>1078.2745</v>
      </c>
      <c r="R519">
        <v>516.173</v>
      </c>
      <c r="S519">
        <v>0.95375615000000002</v>
      </c>
      <c r="T519">
        <v>1196.3774000000001</v>
      </c>
      <c r="U519">
        <v>434.37848000000002</v>
      </c>
      <c r="V519">
        <v>0.97772110000000001</v>
      </c>
      <c r="W519">
        <v>1207.279</v>
      </c>
      <c r="X519">
        <v>579.02904999999998</v>
      </c>
      <c r="Y519">
        <v>0.93268585000000004</v>
      </c>
      <c r="Z519">
        <f t="shared" si="77"/>
        <v>1160.6436333333334</v>
      </c>
      <c r="AA519">
        <f t="shared" si="78"/>
        <v>509.86017666666675</v>
      </c>
      <c r="AB519">
        <f t="shared" si="79"/>
        <v>9.6872767691971866</v>
      </c>
      <c r="AC519">
        <f t="shared" si="80"/>
        <v>2.5582524433082448</v>
      </c>
    </row>
    <row r="520" spans="1:29" x14ac:dyDescent="0.4">
      <c r="A520">
        <v>517</v>
      </c>
      <c r="B520">
        <f t="shared" si="72"/>
        <v>17.233333333333334</v>
      </c>
      <c r="C520">
        <v>634.53449999999998</v>
      </c>
      <c r="D520">
        <v>509.91824000000003</v>
      </c>
      <c r="E520">
        <v>0.89384799999999998</v>
      </c>
      <c r="F520">
        <v>764.47173999999995</v>
      </c>
      <c r="G520">
        <v>446.79525999999998</v>
      </c>
      <c r="H520">
        <v>0.91024539999999998</v>
      </c>
      <c r="I520">
        <v>753.64110000000005</v>
      </c>
      <c r="J520">
        <v>590.29809999999998</v>
      </c>
      <c r="K520">
        <v>0.95153045999999997</v>
      </c>
      <c r="L520">
        <f t="shared" si="73"/>
        <v>717.54911333333337</v>
      </c>
      <c r="M520">
        <f t="shared" si="74"/>
        <v>515.67053333333331</v>
      </c>
      <c r="N520">
        <f t="shared" si="75"/>
        <v>-8.3811791877490727</v>
      </c>
      <c r="O520">
        <f t="shared" si="76"/>
        <v>2.4725095684639058</v>
      </c>
      <c r="Q520">
        <v>1077.7571</v>
      </c>
      <c r="R520">
        <v>515.97609999999997</v>
      </c>
      <c r="S520">
        <v>0.95267826</v>
      </c>
      <c r="T520">
        <v>1195.7438999999999</v>
      </c>
      <c r="U520">
        <v>434.26965000000001</v>
      </c>
      <c r="V520">
        <v>0.95670580000000005</v>
      </c>
      <c r="W520">
        <v>1206.7139999999999</v>
      </c>
      <c r="X520">
        <v>578.93290000000002</v>
      </c>
      <c r="Y520">
        <v>0.93590105000000001</v>
      </c>
      <c r="Z520">
        <f t="shared" si="77"/>
        <v>1160.0716666666667</v>
      </c>
      <c r="AA520">
        <f t="shared" si="78"/>
        <v>509.72621666666669</v>
      </c>
      <c r="AB520">
        <f t="shared" si="79"/>
        <v>9.6638449247533664</v>
      </c>
      <c r="AC520">
        <f t="shared" si="80"/>
        <v>2.5639194334222064</v>
      </c>
    </row>
    <row r="521" spans="1:29" x14ac:dyDescent="0.4">
      <c r="A521">
        <v>518</v>
      </c>
      <c r="B521">
        <f t="shared" si="72"/>
        <v>17.266666666666666</v>
      </c>
      <c r="C521">
        <v>635.34280000000001</v>
      </c>
      <c r="D521">
        <v>509.8415</v>
      </c>
      <c r="E521">
        <v>0.92189264000000004</v>
      </c>
      <c r="F521">
        <v>765.42660000000001</v>
      </c>
      <c r="G521">
        <v>446.94223</v>
      </c>
      <c r="H521">
        <v>0.90100247</v>
      </c>
      <c r="I521">
        <v>754.26056000000005</v>
      </c>
      <c r="J521">
        <v>590.17316000000005</v>
      </c>
      <c r="K521">
        <v>0.98816579999999998</v>
      </c>
      <c r="L521">
        <f t="shared" si="73"/>
        <v>718.34332000000006</v>
      </c>
      <c r="M521">
        <f t="shared" si="74"/>
        <v>515.65229666666664</v>
      </c>
      <c r="N521">
        <f t="shared" si="75"/>
        <v>-8.3490044815779285</v>
      </c>
      <c r="O521">
        <f t="shared" si="76"/>
        <v>2.4729872694171173</v>
      </c>
      <c r="Q521">
        <v>1077.2858000000001</v>
      </c>
      <c r="R521">
        <v>516.07324000000006</v>
      </c>
      <c r="S521">
        <v>0.96150345000000004</v>
      </c>
      <c r="T521">
        <v>1195.2965999999999</v>
      </c>
      <c r="U521">
        <v>434.28120000000001</v>
      </c>
      <c r="V521">
        <v>0.94961410000000002</v>
      </c>
      <c r="W521">
        <v>1205.9761000000001</v>
      </c>
      <c r="X521">
        <v>579.04949999999997</v>
      </c>
      <c r="Y521">
        <v>0.96176666</v>
      </c>
      <c r="Z521">
        <f t="shared" si="77"/>
        <v>1159.5195000000001</v>
      </c>
      <c r="AA521">
        <f t="shared" si="78"/>
        <v>509.80131333333338</v>
      </c>
      <c r="AB521">
        <f t="shared" si="79"/>
        <v>9.6411583328744008</v>
      </c>
      <c r="AC521">
        <f t="shared" si="80"/>
        <v>2.5610460252168972</v>
      </c>
    </row>
    <row r="522" spans="1:29" x14ac:dyDescent="0.4">
      <c r="A522">
        <v>519</v>
      </c>
      <c r="B522">
        <f t="shared" si="72"/>
        <v>17.3</v>
      </c>
      <c r="C522">
        <v>636.00869999999998</v>
      </c>
      <c r="D522">
        <v>509.84661999999997</v>
      </c>
      <c r="E522">
        <v>0.91403973000000005</v>
      </c>
      <c r="F522">
        <v>765.88653999999997</v>
      </c>
      <c r="G522">
        <v>446.73507999999998</v>
      </c>
      <c r="H522">
        <v>0.9090163</v>
      </c>
      <c r="I522">
        <v>754.94799999999998</v>
      </c>
      <c r="J522">
        <v>590.20360000000005</v>
      </c>
      <c r="K522">
        <v>1</v>
      </c>
      <c r="L522">
        <f t="shared" si="73"/>
        <v>718.9477466666666</v>
      </c>
      <c r="M522">
        <f t="shared" si="74"/>
        <v>515.5951</v>
      </c>
      <c r="N522">
        <f t="shared" si="75"/>
        <v>-8.324503545225836</v>
      </c>
      <c r="O522">
        <f t="shared" si="76"/>
        <v>2.475119110161883</v>
      </c>
      <c r="Q522">
        <v>1076.4937</v>
      </c>
      <c r="R522">
        <v>516.03516000000002</v>
      </c>
      <c r="S522">
        <v>0.96517085999999996</v>
      </c>
      <c r="T522">
        <v>1194.8331000000001</v>
      </c>
      <c r="U522">
        <v>434.16275000000002</v>
      </c>
      <c r="V522">
        <v>0.94828239999999997</v>
      </c>
      <c r="W522">
        <v>1205.5945999999999</v>
      </c>
      <c r="X522">
        <v>579.04265999999996</v>
      </c>
      <c r="Y522">
        <v>0.97185177</v>
      </c>
      <c r="Z522">
        <f t="shared" si="77"/>
        <v>1158.9738</v>
      </c>
      <c r="AA522">
        <f t="shared" si="78"/>
        <v>509.74685666666664</v>
      </c>
      <c r="AB522">
        <f t="shared" si="79"/>
        <v>9.6187795159584031</v>
      </c>
      <c r="AC522">
        <f t="shared" si="80"/>
        <v>2.5634586110222868</v>
      </c>
    </row>
    <row r="523" spans="1:29" x14ac:dyDescent="0.4">
      <c r="A523">
        <v>520</v>
      </c>
      <c r="B523">
        <f t="shared" si="72"/>
        <v>17.333333333333332</v>
      </c>
      <c r="C523">
        <v>636.79200000000003</v>
      </c>
      <c r="D523">
        <v>509.86615</v>
      </c>
      <c r="E523">
        <v>0.9115103</v>
      </c>
      <c r="F523">
        <v>766.58344</v>
      </c>
      <c r="G523">
        <v>446.62957999999998</v>
      </c>
      <c r="H523">
        <v>0.89146066000000002</v>
      </c>
      <c r="I523">
        <v>755.86239999999998</v>
      </c>
      <c r="J523">
        <v>590.2663</v>
      </c>
      <c r="K523">
        <v>0.98707557000000001</v>
      </c>
      <c r="L523">
        <f t="shared" si="73"/>
        <v>719.74594666666655</v>
      </c>
      <c r="M523">
        <f t="shared" si="74"/>
        <v>515.58734333333325</v>
      </c>
      <c r="N523">
        <f t="shared" si="75"/>
        <v>-8.2921691261733219</v>
      </c>
      <c r="O523">
        <f t="shared" si="76"/>
        <v>2.4751676290976401</v>
      </c>
      <c r="Q523">
        <v>1075.8306</v>
      </c>
      <c r="R523">
        <v>516.05895999999996</v>
      </c>
      <c r="S523">
        <v>0.97634679999999996</v>
      </c>
      <c r="T523">
        <v>1194.4113</v>
      </c>
      <c r="U523">
        <v>434.10944000000001</v>
      </c>
      <c r="V523">
        <v>0.94273006999999998</v>
      </c>
      <c r="W523">
        <v>1205.1157000000001</v>
      </c>
      <c r="X523">
        <v>579.09265000000005</v>
      </c>
      <c r="Y523">
        <v>0.97178710000000001</v>
      </c>
      <c r="Z523">
        <f t="shared" si="77"/>
        <v>1158.4525333333333</v>
      </c>
      <c r="AA523">
        <f t="shared" si="78"/>
        <v>509.75368333333336</v>
      </c>
      <c r="AB523">
        <f t="shared" si="79"/>
        <v>9.5973839552380653</v>
      </c>
      <c r="AC523">
        <f t="shared" si="80"/>
        <v>2.5633611646112895</v>
      </c>
    </row>
    <row r="524" spans="1:29" x14ac:dyDescent="0.4">
      <c r="A524">
        <v>521</v>
      </c>
      <c r="B524">
        <f t="shared" si="72"/>
        <v>17.366666666666667</v>
      </c>
      <c r="C524">
        <v>637.64369999999997</v>
      </c>
      <c r="D524">
        <v>509.97034000000002</v>
      </c>
      <c r="E524">
        <v>0.90777624000000001</v>
      </c>
      <c r="F524">
        <v>767.36237000000006</v>
      </c>
      <c r="G524">
        <v>446.66708</v>
      </c>
      <c r="H524">
        <v>0.89470183999999997</v>
      </c>
      <c r="I524">
        <v>756.51513999999997</v>
      </c>
      <c r="J524">
        <v>590.24350000000004</v>
      </c>
      <c r="K524">
        <v>0.97397659999999997</v>
      </c>
      <c r="L524">
        <f t="shared" si="73"/>
        <v>720.50707</v>
      </c>
      <c r="M524">
        <f t="shared" si="74"/>
        <v>515.62697333333335</v>
      </c>
      <c r="N524">
        <f t="shared" si="75"/>
        <v>-8.2613511675138209</v>
      </c>
      <c r="O524">
        <f t="shared" si="76"/>
        <v>2.4732941866087872</v>
      </c>
      <c r="Q524">
        <v>1074.9793999999999</v>
      </c>
      <c r="R524">
        <v>516.18395999999996</v>
      </c>
      <c r="S524">
        <v>0.99373909999999999</v>
      </c>
      <c r="T524">
        <v>1193.7974999999999</v>
      </c>
      <c r="U524">
        <v>433.92919999999998</v>
      </c>
      <c r="V524">
        <v>0.93389979999999995</v>
      </c>
      <c r="W524">
        <v>1204.3824</v>
      </c>
      <c r="X524">
        <v>578.98249999999996</v>
      </c>
      <c r="Y524">
        <v>0.96947413999999998</v>
      </c>
      <c r="Z524">
        <f t="shared" si="77"/>
        <v>1157.7197666666666</v>
      </c>
      <c r="AA524">
        <f t="shared" si="78"/>
        <v>509.69855333333334</v>
      </c>
      <c r="AB524">
        <f t="shared" si="79"/>
        <v>9.5673288525606051</v>
      </c>
      <c r="AC524">
        <f t="shared" si="80"/>
        <v>2.5658662455157466</v>
      </c>
    </row>
    <row r="525" spans="1:29" x14ac:dyDescent="0.4">
      <c r="A525">
        <v>522</v>
      </c>
      <c r="B525">
        <f t="shared" si="72"/>
        <v>17.399999999999999</v>
      </c>
      <c r="C525">
        <v>638.44669999999996</v>
      </c>
      <c r="D525">
        <v>510.11554000000001</v>
      </c>
      <c r="E525">
        <v>0.90406509999999995</v>
      </c>
      <c r="F525">
        <v>767.99805000000003</v>
      </c>
      <c r="G525">
        <v>446.49572999999998</v>
      </c>
      <c r="H525">
        <v>0.89562845000000002</v>
      </c>
      <c r="I525">
        <v>757.3338</v>
      </c>
      <c r="J525">
        <v>590.21673999999996</v>
      </c>
      <c r="K525">
        <v>0.94984555000000004</v>
      </c>
      <c r="L525">
        <f t="shared" si="73"/>
        <v>721.25951666666663</v>
      </c>
      <c r="M525">
        <f t="shared" si="74"/>
        <v>515.60933666666665</v>
      </c>
      <c r="N525">
        <f t="shared" si="75"/>
        <v>-8.2308654245981927</v>
      </c>
      <c r="O525">
        <f t="shared" si="76"/>
        <v>2.4737613611447702</v>
      </c>
      <c r="Q525">
        <v>1074.2896000000001</v>
      </c>
      <c r="R525">
        <v>515.96749999999997</v>
      </c>
      <c r="S525">
        <v>0.97239600000000004</v>
      </c>
      <c r="T525">
        <v>1193.3635999999999</v>
      </c>
      <c r="U525">
        <v>433.88373000000001</v>
      </c>
      <c r="V525">
        <v>0.92591239999999997</v>
      </c>
      <c r="W525">
        <v>1203.7837</v>
      </c>
      <c r="X525">
        <v>578.97046</v>
      </c>
      <c r="Y525">
        <v>0.96041449999999995</v>
      </c>
      <c r="Z525">
        <f t="shared" si="77"/>
        <v>1157.1456333333333</v>
      </c>
      <c r="AA525">
        <f t="shared" si="78"/>
        <v>509.60723000000002</v>
      </c>
      <c r="AB525">
        <f t="shared" si="79"/>
        <v>9.5437963036368405</v>
      </c>
      <c r="AC525">
        <f t="shared" si="80"/>
        <v>2.5697935478460283</v>
      </c>
    </row>
    <row r="526" spans="1:29" x14ac:dyDescent="0.4">
      <c r="A526">
        <v>523</v>
      </c>
      <c r="B526">
        <f t="shared" si="72"/>
        <v>17.433333333333334</v>
      </c>
      <c r="C526">
        <v>639.09173999999996</v>
      </c>
      <c r="D526">
        <v>509.94617</v>
      </c>
      <c r="E526">
        <v>0.9213401</v>
      </c>
      <c r="F526">
        <v>768.72046</v>
      </c>
      <c r="G526">
        <v>446.4606</v>
      </c>
      <c r="H526">
        <v>0.91014340000000005</v>
      </c>
      <c r="I526">
        <v>758.0684</v>
      </c>
      <c r="J526">
        <v>590.28629999999998</v>
      </c>
      <c r="K526">
        <v>0.91996306000000005</v>
      </c>
      <c r="L526">
        <f t="shared" si="73"/>
        <v>721.96019999999999</v>
      </c>
      <c r="M526">
        <f t="shared" si="74"/>
        <v>515.56435666666664</v>
      </c>
      <c r="N526">
        <f t="shared" si="75"/>
        <v>-8.202467025040816</v>
      </c>
      <c r="O526">
        <f t="shared" si="76"/>
        <v>2.4753621102122945</v>
      </c>
      <c r="Q526">
        <v>1073.5667000000001</v>
      </c>
      <c r="R526">
        <v>515.97173999999995</v>
      </c>
      <c r="S526">
        <v>0.963279</v>
      </c>
      <c r="T526">
        <v>1192.8911000000001</v>
      </c>
      <c r="U526">
        <v>433.85928000000001</v>
      </c>
      <c r="V526">
        <v>0.90933657000000001</v>
      </c>
      <c r="W526">
        <v>1202.9148</v>
      </c>
      <c r="X526">
        <v>578.97490000000005</v>
      </c>
      <c r="Y526">
        <v>0.95255959999999995</v>
      </c>
      <c r="Z526">
        <f t="shared" si="77"/>
        <v>1156.4575333333335</v>
      </c>
      <c r="AA526">
        <f t="shared" si="78"/>
        <v>509.60197333333332</v>
      </c>
      <c r="AB526">
        <f t="shared" si="79"/>
        <v>9.5155592420164137</v>
      </c>
      <c r="AC526">
        <f t="shared" si="80"/>
        <v>2.5702472942112129</v>
      </c>
    </row>
    <row r="527" spans="1:29" x14ac:dyDescent="0.4">
      <c r="A527">
        <v>524</v>
      </c>
      <c r="B527">
        <f t="shared" si="72"/>
        <v>17.466666666666665</v>
      </c>
      <c r="C527">
        <v>639.72490000000005</v>
      </c>
      <c r="D527">
        <v>509.92038000000002</v>
      </c>
      <c r="E527">
        <v>0.94158759999999997</v>
      </c>
      <c r="F527">
        <v>769.28480000000002</v>
      </c>
      <c r="G527">
        <v>446.21087999999997</v>
      </c>
      <c r="H527">
        <v>0.92703133999999998</v>
      </c>
      <c r="I527">
        <v>758.88170000000002</v>
      </c>
      <c r="J527">
        <v>590.28216999999995</v>
      </c>
      <c r="K527">
        <v>0.8893664</v>
      </c>
      <c r="L527">
        <f t="shared" si="73"/>
        <v>722.63046666666662</v>
      </c>
      <c r="M527">
        <f t="shared" si="74"/>
        <v>515.47114333333332</v>
      </c>
      <c r="N527">
        <f t="shared" si="75"/>
        <v>-8.175284578509654</v>
      </c>
      <c r="O527">
        <f t="shared" si="76"/>
        <v>2.4789420250426959</v>
      </c>
      <c r="Q527">
        <v>1073.2141999999999</v>
      </c>
      <c r="R527">
        <v>516.08439999999996</v>
      </c>
      <c r="S527">
        <v>0.94563339999999996</v>
      </c>
      <c r="T527">
        <v>1192.3119999999999</v>
      </c>
      <c r="U527">
        <v>433.85788000000002</v>
      </c>
      <c r="V527">
        <v>0.92875969999999997</v>
      </c>
      <c r="W527">
        <v>1202.4314999999999</v>
      </c>
      <c r="X527">
        <v>578.99059999999997</v>
      </c>
      <c r="Y527">
        <v>0.96816849999999999</v>
      </c>
      <c r="Z527">
        <f t="shared" si="77"/>
        <v>1155.9858999999999</v>
      </c>
      <c r="AA527">
        <f t="shared" si="78"/>
        <v>509.64429333333328</v>
      </c>
      <c r="AB527">
        <f t="shared" si="79"/>
        <v>9.4961906103980702</v>
      </c>
      <c r="AC527">
        <f t="shared" si="80"/>
        <v>2.5686837587325511</v>
      </c>
    </row>
    <row r="528" spans="1:29" x14ac:dyDescent="0.4">
      <c r="A528">
        <v>525</v>
      </c>
      <c r="B528">
        <f t="shared" si="72"/>
        <v>17.5</v>
      </c>
      <c r="C528">
        <v>640.49900000000002</v>
      </c>
      <c r="D528">
        <v>509.67975000000001</v>
      </c>
      <c r="E528">
        <v>0.94406909999999999</v>
      </c>
      <c r="F528">
        <v>770.13130000000001</v>
      </c>
      <c r="G528">
        <v>446.16372999999999</v>
      </c>
      <c r="H528">
        <v>0.9437816</v>
      </c>
      <c r="I528">
        <v>759.80615</v>
      </c>
      <c r="J528">
        <v>590.25744999999995</v>
      </c>
      <c r="K528">
        <v>0.87240059999999997</v>
      </c>
      <c r="L528">
        <f t="shared" si="73"/>
        <v>723.47881666666672</v>
      </c>
      <c r="M528">
        <f t="shared" si="74"/>
        <v>515.36697666666669</v>
      </c>
      <c r="N528">
        <f t="shared" si="75"/>
        <v>-8.1408837113338564</v>
      </c>
      <c r="O528">
        <f t="shared" si="76"/>
        <v>2.482909217134269</v>
      </c>
      <c r="Q528">
        <v>1072.5885000000001</v>
      </c>
      <c r="R528">
        <v>515.97797000000003</v>
      </c>
      <c r="S528">
        <v>0.92508626000000005</v>
      </c>
      <c r="T528">
        <v>1191.5406</v>
      </c>
      <c r="U528">
        <v>433.98430000000002</v>
      </c>
      <c r="V528">
        <v>0.94373404999999999</v>
      </c>
      <c r="W528">
        <v>1201.6729</v>
      </c>
      <c r="X528">
        <v>579.01750000000004</v>
      </c>
      <c r="Y528">
        <v>0.9643526</v>
      </c>
      <c r="Z528">
        <f t="shared" si="77"/>
        <v>1155.2673333333335</v>
      </c>
      <c r="AA528">
        <f t="shared" si="78"/>
        <v>509.65992333333332</v>
      </c>
      <c r="AB528">
        <f t="shared" si="79"/>
        <v>9.4666974911743029</v>
      </c>
      <c r="AC528">
        <f t="shared" si="80"/>
        <v>2.568295498608451</v>
      </c>
    </row>
    <row r="529" spans="1:29" x14ac:dyDescent="0.4">
      <c r="A529">
        <v>526</v>
      </c>
      <c r="B529">
        <f t="shared" si="72"/>
        <v>17.533333333333335</v>
      </c>
      <c r="C529">
        <v>641.36159999999995</v>
      </c>
      <c r="D529">
        <v>509.88256999999999</v>
      </c>
      <c r="E529">
        <v>0.97469234000000005</v>
      </c>
      <c r="F529">
        <v>771.04349999999999</v>
      </c>
      <c r="G529">
        <v>446.12709999999998</v>
      </c>
      <c r="H529">
        <v>0.94555800000000001</v>
      </c>
      <c r="I529">
        <v>760.58623999999998</v>
      </c>
      <c r="J529">
        <v>590.01684999999998</v>
      </c>
      <c r="K529">
        <v>0.87213359999999995</v>
      </c>
      <c r="L529">
        <f t="shared" si="73"/>
        <v>724.33044666666672</v>
      </c>
      <c r="M529">
        <f t="shared" si="74"/>
        <v>515.34217333333333</v>
      </c>
      <c r="N529">
        <f t="shared" si="75"/>
        <v>-8.1063748047881798</v>
      </c>
      <c r="O529">
        <f t="shared" si="76"/>
        <v>2.483635554649295</v>
      </c>
      <c r="Q529">
        <v>1072.0617999999999</v>
      </c>
      <c r="R529">
        <v>515.96159999999998</v>
      </c>
      <c r="S529">
        <v>0.91154409999999997</v>
      </c>
      <c r="T529">
        <v>1191.0277000000001</v>
      </c>
      <c r="U529">
        <v>433.91922</v>
      </c>
      <c r="V529">
        <v>0.9632598</v>
      </c>
      <c r="W529">
        <v>1200.9199000000001</v>
      </c>
      <c r="X529">
        <v>578.97875999999997</v>
      </c>
      <c r="Y529">
        <v>0.94284650000000003</v>
      </c>
      <c r="Z529">
        <f t="shared" si="77"/>
        <v>1154.6697999999999</v>
      </c>
      <c r="AA529">
        <f t="shared" si="78"/>
        <v>509.61985999999996</v>
      </c>
      <c r="AB529">
        <f t="shared" si="79"/>
        <v>9.442189791301896</v>
      </c>
      <c r="AC529">
        <f t="shared" si="80"/>
        <v>2.5701385108804131</v>
      </c>
    </row>
    <row r="530" spans="1:29" x14ac:dyDescent="0.4">
      <c r="A530">
        <v>527</v>
      </c>
      <c r="B530">
        <f t="shared" si="72"/>
        <v>17.566666666666666</v>
      </c>
      <c r="C530">
        <v>642.28890000000001</v>
      </c>
      <c r="D530">
        <v>509.66552999999999</v>
      </c>
      <c r="E530">
        <v>0.98889649999999996</v>
      </c>
      <c r="F530">
        <v>771.74559999999997</v>
      </c>
      <c r="G530">
        <v>446.00403</v>
      </c>
      <c r="H530">
        <v>0.93890023</v>
      </c>
      <c r="I530">
        <v>761.25699999999995</v>
      </c>
      <c r="J530">
        <v>589.75400000000002</v>
      </c>
      <c r="K530">
        <v>0.89342129999999997</v>
      </c>
      <c r="L530">
        <f t="shared" si="73"/>
        <v>725.09716666666657</v>
      </c>
      <c r="M530">
        <f t="shared" si="74"/>
        <v>515.14118666666673</v>
      </c>
      <c r="N530">
        <f t="shared" si="75"/>
        <v>-8.0752478889834194</v>
      </c>
      <c r="O530">
        <f t="shared" si="76"/>
        <v>2.491582465841351</v>
      </c>
      <c r="Q530">
        <v>1071.2633000000001</v>
      </c>
      <c r="R530">
        <v>515.92200000000003</v>
      </c>
      <c r="S530">
        <v>0.92863965000000004</v>
      </c>
      <c r="T530">
        <v>1190.1619000000001</v>
      </c>
      <c r="U530">
        <v>434.07170000000002</v>
      </c>
      <c r="V530">
        <v>0.98048219999999997</v>
      </c>
      <c r="W530">
        <v>1200.2840000000001</v>
      </c>
      <c r="X530">
        <v>578.84875</v>
      </c>
      <c r="Y530">
        <v>0.90880499999999997</v>
      </c>
      <c r="Z530">
        <f t="shared" si="77"/>
        <v>1153.9030666666667</v>
      </c>
      <c r="AA530">
        <f t="shared" si="78"/>
        <v>509.61415000000005</v>
      </c>
      <c r="AB530">
        <f t="shared" si="79"/>
        <v>9.4107282111812278</v>
      </c>
      <c r="AC530">
        <f t="shared" si="80"/>
        <v>2.570638042305649</v>
      </c>
    </row>
    <row r="531" spans="1:29" x14ac:dyDescent="0.4">
      <c r="A531">
        <v>528</v>
      </c>
      <c r="B531">
        <f t="shared" si="72"/>
        <v>17.600000000000001</v>
      </c>
      <c r="C531">
        <v>643.23505</v>
      </c>
      <c r="D531">
        <v>509.71613000000002</v>
      </c>
      <c r="E531">
        <v>1</v>
      </c>
      <c r="F531">
        <v>772.53229999999996</v>
      </c>
      <c r="G531">
        <v>446.07409999999999</v>
      </c>
      <c r="H531">
        <v>0.92494799999999999</v>
      </c>
      <c r="I531">
        <v>762.13559999999995</v>
      </c>
      <c r="J531">
        <v>589.7405</v>
      </c>
      <c r="K531">
        <v>0.90604572999999999</v>
      </c>
      <c r="L531">
        <f t="shared" si="73"/>
        <v>725.96765000000005</v>
      </c>
      <c r="M531">
        <f t="shared" si="74"/>
        <v>515.17691000000002</v>
      </c>
      <c r="N531">
        <f t="shared" si="75"/>
        <v>-8.0399930920223017</v>
      </c>
      <c r="O531">
        <f t="shared" si="76"/>
        <v>2.4898316439863746</v>
      </c>
      <c r="Q531">
        <v>1070.7378000000001</v>
      </c>
      <c r="R531">
        <v>515.75630000000001</v>
      </c>
      <c r="S531">
        <v>0.94363699999999995</v>
      </c>
      <c r="T531">
        <v>1189.7343000000001</v>
      </c>
      <c r="U531">
        <v>434.16836999999998</v>
      </c>
      <c r="V531">
        <v>0.98707813</v>
      </c>
      <c r="W531">
        <v>1199.1256000000001</v>
      </c>
      <c r="X531">
        <v>578.96969999999999</v>
      </c>
      <c r="Y531">
        <v>0.90275030000000001</v>
      </c>
      <c r="Z531">
        <f t="shared" si="77"/>
        <v>1153.1992333333335</v>
      </c>
      <c r="AA531">
        <f t="shared" si="78"/>
        <v>509.63145666666668</v>
      </c>
      <c r="AB531">
        <f t="shared" si="79"/>
        <v>9.3818409438283243</v>
      </c>
      <c r="AC531">
        <f t="shared" si="80"/>
        <v>2.5701761828116232</v>
      </c>
    </row>
    <row r="532" spans="1:29" x14ac:dyDescent="0.4">
      <c r="A532">
        <v>529</v>
      </c>
      <c r="B532">
        <f t="shared" si="72"/>
        <v>17.633333333333333</v>
      </c>
      <c r="C532">
        <v>643.89430000000004</v>
      </c>
      <c r="D532">
        <v>509.62204000000003</v>
      </c>
      <c r="E532">
        <v>0.99486273999999997</v>
      </c>
      <c r="F532">
        <v>773.39620000000002</v>
      </c>
      <c r="G532">
        <v>446.16674999999998</v>
      </c>
      <c r="H532">
        <v>0.93036509999999994</v>
      </c>
      <c r="I532">
        <v>763.03357000000005</v>
      </c>
      <c r="J532">
        <v>589.61379999999997</v>
      </c>
      <c r="K532">
        <v>0.89267850000000004</v>
      </c>
      <c r="L532">
        <f t="shared" si="73"/>
        <v>726.77469000000008</v>
      </c>
      <c r="M532">
        <f t="shared" si="74"/>
        <v>515.13419666666675</v>
      </c>
      <c r="N532">
        <f t="shared" si="75"/>
        <v>-8.0072823684589576</v>
      </c>
      <c r="O532">
        <f t="shared" si="76"/>
        <v>2.4913040212528439</v>
      </c>
      <c r="Q532">
        <v>1069.9168999999999</v>
      </c>
      <c r="R532">
        <v>515.80079999999998</v>
      </c>
      <c r="S532">
        <v>0.94636697000000003</v>
      </c>
      <c r="T532">
        <v>1189.1356000000001</v>
      </c>
      <c r="U532">
        <v>434.25922000000003</v>
      </c>
      <c r="V532">
        <v>0.97692040000000002</v>
      </c>
      <c r="W532">
        <v>1198.6316999999999</v>
      </c>
      <c r="X532">
        <v>579.06035999999995</v>
      </c>
      <c r="Y532">
        <v>0.90183100000000005</v>
      </c>
      <c r="Z532">
        <f t="shared" si="77"/>
        <v>1152.5613999999998</v>
      </c>
      <c r="AA532">
        <f t="shared" si="78"/>
        <v>509.70679333333328</v>
      </c>
      <c r="AB532">
        <f t="shared" si="79"/>
        <v>9.3556436798581029</v>
      </c>
      <c r="AC532">
        <f t="shared" si="80"/>
        <v>2.5673226467533246</v>
      </c>
    </row>
    <row r="533" spans="1:29" x14ac:dyDescent="0.4">
      <c r="A533">
        <v>530</v>
      </c>
      <c r="B533">
        <f t="shared" si="72"/>
        <v>17.666666666666668</v>
      </c>
      <c r="C533">
        <v>644.54499999999996</v>
      </c>
      <c r="D533">
        <v>509.68948</v>
      </c>
      <c r="E533">
        <v>0.99846880000000005</v>
      </c>
      <c r="F533">
        <v>773.99919999999997</v>
      </c>
      <c r="G533">
        <v>446.18579999999997</v>
      </c>
      <c r="H533">
        <v>0.91417349999999997</v>
      </c>
      <c r="I533">
        <v>763.65752999999995</v>
      </c>
      <c r="J533">
        <v>589.51369999999997</v>
      </c>
      <c r="K533">
        <v>0.86944072999999999</v>
      </c>
      <c r="L533">
        <f t="shared" si="73"/>
        <v>727.40057666666655</v>
      </c>
      <c r="M533">
        <f t="shared" si="74"/>
        <v>515.12965999999994</v>
      </c>
      <c r="N533">
        <f t="shared" si="75"/>
        <v>-7.9819228200929935</v>
      </c>
      <c r="O533">
        <f t="shared" si="76"/>
        <v>2.4912788455590285</v>
      </c>
      <c r="Q533">
        <v>1069.3007</v>
      </c>
      <c r="R533">
        <v>515.78405999999995</v>
      </c>
      <c r="S533">
        <v>0.95042585999999996</v>
      </c>
      <c r="T533">
        <v>1188.3983000000001</v>
      </c>
      <c r="U533">
        <v>434.50292999999999</v>
      </c>
      <c r="V533">
        <v>0.97686099999999998</v>
      </c>
      <c r="W533">
        <v>1197.5450000000001</v>
      </c>
      <c r="X533">
        <v>579.19209999999998</v>
      </c>
      <c r="Y533">
        <v>0.93150840000000001</v>
      </c>
      <c r="Z533">
        <f t="shared" si="77"/>
        <v>1151.748</v>
      </c>
      <c r="AA533">
        <f t="shared" si="78"/>
        <v>509.82636333333329</v>
      </c>
      <c r="AB533">
        <f t="shared" si="79"/>
        <v>9.3222285952539821</v>
      </c>
      <c r="AC533">
        <f t="shared" si="80"/>
        <v>2.5627245332665805</v>
      </c>
    </row>
    <row r="534" spans="1:29" x14ac:dyDescent="0.4">
      <c r="A534">
        <v>531</v>
      </c>
      <c r="B534">
        <f t="shared" si="72"/>
        <v>17.7</v>
      </c>
      <c r="C534">
        <v>644.99530000000004</v>
      </c>
      <c r="D534">
        <v>509.84985</v>
      </c>
      <c r="E534">
        <v>0.98456500000000002</v>
      </c>
      <c r="F534">
        <v>775.01840000000004</v>
      </c>
      <c r="G534">
        <v>445.98145</v>
      </c>
      <c r="H534">
        <v>0.91462480000000002</v>
      </c>
      <c r="I534">
        <v>764.39790000000005</v>
      </c>
      <c r="J534">
        <v>589.54369999999994</v>
      </c>
      <c r="K534">
        <v>0.83729500000000001</v>
      </c>
      <c r="L534">
        <f t="shared" si="73"/>
        <v>728.13720000000001</v>
      </c>
      <c r="M534">
        <f t="shared" si="74"/>
        <v>515.125</v>
      </c>
      <c r="N534">
        <f t="shared" si="75"/>
        <v>-7.9520760750492778</v>
      </c>
      <c r="O534">
        <f t="shared" si="76"/>
        <v>2.491221471037171</v>
      </c>
      <c r="Q534">
        <v>1068.7070000000001</v>
      </c>
      <c r="R534">
        <v>515.65344000000005</v>
      </c>
      <c r="S534">
        <v>0.94980909999999996</v>
      </c>
      <c r="T534">
        <v>1187.5306</v>
      </c>
      <c r="U534">
        <v>434.36385999999999</v>
      </c>
      <c r="V534">
        <v>0.96963805000000003</v>
      </c>
      <c r="W534">
        <v>1197.0501999999999</v>
      </c>
      <c r="X534">
        <v>578.90300000000002</v>
      </c>
      <c r="Y534">
        <v>0.93659009999999998</v>
      </c>
      <c r="Z534">
        <f t="shared" si="77"/>
        <v>1151.0959333333333</v>
      </c>
      <c r="AA534">
        <f t="shared" si="78"/>
        <v>509.64010000000002</v>
      </c>
      <c r="AB534">
        <f t="shared" si="79"/>
        <v>9.2955332531588368</v>
      </c>
      <c r="AC534">
        <f t="shared" si="80"/>
        <v>2.5705541877706817</v>
      </c>
    </row>
    <row r="535" spans="1:29" x14ac:dyDescent="0.4">
      <c r="A535">
        <v>532</v>
      </c>
      <c r="B535">
        <f t="shared" si="72"/>
        <v>17.733333333333334</v>
      </c>
      <c r="C535">
        <v>645.9864</v>
      </c>
      <c r="D535">
        <v>509.82249999999999</v>
      </c>
      <c r="E535">
        <v>0.97489139999999996</v>
      </c>
      <c r="F535">
        <v>775.77599999999995</v>
      </c>
      <c r="G535">
        <v>445.88754</v>
      </c>
      <c r="H535">
        <v>0.91284929999999997</v>
      </c>
      <c r="I535">
        <v>765.09204</v>
      </c>
      <c r="J535">
        <v>589.65419999999995</v>
      </c>
      <c r="K535">
        <v>0.82809580000000005</v>
      </c>
      <c r="L535">
        <f t="shared" si="73"/>
        <v>728.95148000000006</v>
      </c>
      <c r="M535">
        <f t="shared" si="74"/>
        <v>515.12141333333329</v>
      </c>
      <c r="N535">
        <f t="shared" si="75"/>
        <v>-7.9190825498408675</v>
      </c>
      <c r="O535">
        <f t="shared" si="76"/>
        <v>2.4910941618321014</v>
      </c>
      <c r="Q535">
        <v>1068.1559</v>
      </c>
      <c r="R535">
        <v>515.79010000000005</v>
      </c>
      <c r="S535">
        <v>0.96612847000000002</v>
      </c>
      <c r="T535">
        <v>1186.8690999999999</v>
      </c>
      <c r="U535">
        <v>434.36523</v>
      </c>
      <c r="V535">
        <v>0.95813495000000004</v>
      </c>
      <c r="W535">
        <v>1196.5744999999999</v>
      </c>
      <c r="X535">
        <v>578.92060000000004</v>
      </c>
      <c r="Y535">
        <v>0.93108880000000005</v>
      </c>
      <c r="Z535">
        <f t="shared" si="77"/>
        <v>1150.5331666666664</v>
      </c>
      <c r="AA535">
        <f t="shared" si="78"/>
        <v>509.69197666666668</v>
      </c>
      <c r="AB535">
        <f t="shared" si="79"/>
        <v>9.2724252949206996</v>
      </c>
      <c r="AC535">
        <f t="shared" si="80"/>
        <v>2.5686321514817996</v>
      </c>
    </row>
    <row r="536" spans="1:29" x14ac:dyDescent="0.4">
      <c r="A536">
        <v>533</v>
      </c>
      <c r="B536">
        <f t="shared" si="72"/>
        <v>17.766666666666666</v>
      </c>
      <c r="C536">
        <v>646.93304000000001</v>
      </c>
      <c r="D536">
        <v>509.78473000000002</v>
      </c>
      <c r="E536">
        <v>0.94849539999999999</v>
      </c>
      <c r="F536">
        <v>776.59720000000004</v>
      </c>
      <c r="G536">
        <v>445.91930000000002</v>
      </c>
      <c r="H536">
        <v>0.93903154</v>
      </c>
      <c r="I536">
        <v>765.95389999999998</v>
      </c>
      <c r="J536">
        <v>589.72533999999996</v>
      </c>
      <c r="K536">
        <v>0.84946513000000001</v>
      </c>
      <c r="L536">
        <f t="shared" si="73"/>
        <v>729.82804666666664</v>
      </c>
      <c r="M536">
        <f t="shared" si="74"/>
        <v>515.14312333333339</v>
      </c>
      <c r="N536">
        <f t="shared" si="75"/>
        <v>-7.8835726368167149</v>
      </c>
      <c r="O536">
        <f t="shared" si="76"/>
        <v>2.4899132496124827</v>
      </c>
      <c r="Q536">
        <v>1067.3523</v>
      </c>
      <c r="R536">
        <v>515.76586999999995</v>
      </c>
      <c r="S536">
        <v>0.97067749999999997</v>
      </c>
      <c r="T536">
        <v>1186.1406999999999</v>
      </c>
      <c r="U536">
        <v>434.17003999999997</v>
      </c>
      <c r="V536">
        <v>0.94232680000000002</v>
      </c>
      <c r="W536">
        <v>1196.1126999999999</v>
      </c>
      <c r="X536">
        <v>578.90545999999995</v>
      </c>
      <c r="Y536">
        <v>0.91423339999999997</v>
      </c>
      <c r="Z536">
        <f t="shared" si="77"/>
        <v>1149.8685666666668</v>
      </c>
      <c r="AA536">
        <f t="shared" si="78"/>
        <v>509.61378999999994</v>
      </c>
      <c r="AB536">
        <f t="shared" si="79"/>
        <v>9.2451816312629536</v>
      </c>
      <c r="AC536">
        <f t="shared" si="80"/>
        <v>2.572054545772041</v>
      </c>
    </row>
    <row r="537" spans="1:29" x14ac:dyDescent="0.4">
      <c r="A537">
        <v>534</v>
      </c>
      <c r="B537">
        <f t="shared" si="72"/>
        <v>17.8</v>
      </c>
      <c r="C537">
        <v>647.83776999999998</v>
      </c>
      <c r="D537">
        <v>509.84807999999998</v>
      </c>
      <c r="E537">
        <v>0.92451209999999995</v>
      </c>
      <c r="F537">
        <v>777.29259999999999</v>
      </c>
      <c r="G537">
        <v>445.80799999999999</v>
      </c>
      <c r="H537">
        <v>0.94119169999999996</v>
      </c>
      <c r="I537">
        <v>767.18150000000003</v>
      </c>
      <c r="J537">
        <v>589.48620000000005</v>
      </c>
      <c r="K537">
        <v>0.83384170000000002</v>
      </c>
      <c r="L537">
        <f t="shared" si="73"/>
        <v>730.77062333333333</v>
      </c>
      <c r="M537">
        <f t="shared" si="74"/>
        <v>515.04742666666664</v>
      </c>
      <c r="N537">
        <f t="shared" si="75"/>
        <v>-7.8453490245674553</v>
      </c>
      <c r="O537">
        <f t="shared" si="76"/>
        <v>2.4935028270424868</v>
      </c>
      <c r="Q537">
        <v>1066.6152</v>
      </c>
      <c r="R537">
        <v>515.68539999999996</v>
      </c>
      <c r="S537">
        <v>0.95757674999999998</v>
      </c>
      <c r="T537">
        <v>1185.566</v>
      </c>
      <c r="U537">
        <v>434.14641999999998</v>
      </c>
      <c r="V537">
        <v>0.93474959999999996</v>
      </c>
      <c r="W537">
        <v>1195.3604</v>
      </c>
      <c r="X537">
        <v>578.88459999999998</v>
      </c>
      <c r="Y537">
        <v>0.90345776</v>
      </c>
      <c r="Z537">
        <f t="shared" si="77"/>
        <v>1149.1805333333334</v>
      </c>
      <c r="AA537">
        <f t="shared" si="78"/>
        <v>509.57213999999993</v>
      </c>
      <c r="AB537">
        <f t="shared" si="79"/>
        <v>9.2169652022173434</v>
      </c>
      <c r="AC537">
        <f t="shared" si="80"/>
        <v>2.5739936755682558</v>
      </c>
    </row>
    <row r="538" spans="1:29" x14ac:dyDescent="0.4">
      <c r="A538">
        <v>535</v>
      </c>
      <c r="B538">
        <f t="shared" si="72"/>
        <v>17.833333333333332</v>
      </c>
      <c r="C538">
        <v>648.30619999999999</v>
      </c>
      <c r="D538">
        <v>509.79108000000002</v>
      </c>
      <c r="E538">
        <v>0.90796169999999998</v>
      </c>
      <c r="F538">
        <v>778.25959999999998</v>
      </c>
      <c r="G538">
        <v>445.66356999999999</v>
      </c>
      <c r="H538">
        <v>0.98742454999999996</v>
      </c>
      <c r="I538">
        <v>768.27369999999996</v>
      </c>
      <c r="J538">
        <v>589.26499999999999</v>
      </c>
      <c r="K538">
        <v>0.88463060000000004</v>
      </c>
      <c r="L538">
        <f t="shared" si="73"/>
        <v>731.61316666666664</v>
      </c>
      <c r="M538">
        <f t="shared" si="74"/>
        <v>514.90655000000004</v>
      </c>
      <c r="N538">
        <f t="shared" si="75"/>
        <v>-7.8111631419902805</v>
      </c>
      <c r="O538">
        <f t="shared" si="76"/>
        <v>2.4989703186448207</v>
      </c>
      <c r="Q538">
        <v>1066.0437999999999</v>
      </c>
      <c r="R538">
        <v>515.47410000000002</v>
      </c>
      <c r="S538">
        <v>0.93309903000000005</v>
      </c>
      <c r="T538">
        <v>1184.7901999999999</v>
      </c>
      <c r="U538">
        <v>434.00304999999997</v>
      </c>
      <c r="V538">
        <v>0.92465730000000002</v>
      </c>
      <c r="W538">
        <v>1194.8838000000001</v>
      </c>
      <c r="X538">
        <v>578.89570000000003</v>
      </c>
      <c r="Y538">
        <v>0.89997362999999997</v>
      </c>
      <c r="Z538">
        <f t="shared" si="77"/>
        <v>1148.5726</v>
      </c>
      <c r="AA538">
        <f t="shared" si="78"/>
        <v>509.45761666666664</v>
      </c>
      <c r="AB538">
        <f t="shared" si="79"/>
        <v>9.1920593741906274</v>
      </c>
      <c r="AC538">
        <f t="shared" si="80"/>
        <v>2.5788795831527858</v>
      </c>
    </row>
    <row r="539" spans="1:29" x14ac:dyDescent="0.4">
      <c r="A539">
        <v>536</v>
      </c>
      <c r="B539">
        <f t="shared" si="72"/>
        <v>17.866666666666667</v>
      </c>
      <c r="C539">
        <v>649.20489999999995</v>
      </c>
      <c r="D539">
        <v>509.66140000000001</v>
      </c>
      <c r="E539">
        <v>0.8787353</v>
      </c>
      <c r="F539">
        <v>778.98614999999995</v>
      </c>
      <c r="G539">
        <v>445.61147999999997</v>
      </c>
      <c r="H539">
        <v>0.98554160000000002</v>
      </c>
      <c r="I539">
        <v>768.84154999999998</v>
      </c>
      <c r="J539">
        <v>589.13885000000005</v>
      </c>
      <c r="K539">
        <v>0.90856939999999997</v>
      </c>
      <c r="L539">
        <f t="shared" si="73"/>
        <v>732.3442</v>
      </c>
      <c r="M539">
        <f t="shared" si="74"/>
        <v>514.80390999999997</v>
      </c>
      <c r="N539">
        <f t="shared" si="75"/>
        <v>-7.7815073841357432</v>
      </c>
      <c r="O539">
        <f t="shared" si="76"/>
        <v>2.5029144098659453</v>
      </c>
      <c r="Q539">
        <v>1065.3137999999999</v>
      </c>
      <c r="R539">
        <v>515.22942999999998</v>
      </c>
      <c r="S539">
        <v>0.90305453999999996</v>
      </c>
      <c r="T539">
        <v>1184.2733000000001</v>
      </c>
      <c r="U539">
        <v>434.07445999999999</v>
      </c>
      <c r="V539">
        <v>0.92450690000000002</v>
      </c>
      <c r="W539">
        <v>1194.1359</v>
      </c>
      <c r="X539">
        <v>578.62</v>
      </c>
      <c r="Y539">
        <v>0.89259153999999996</v>
      </c>
      <c r="Z539">
        <f t="shared" si="77"/>
        <v>1147.9076666666667</v>
      </c>
      <c r="AA539">
        <f t="shared" si="78"/>
        <v>509.30796333333336</v>
      </c>
      <c r="AB539">
        <f t="shared" si="79"/>
        <v>9.1648267931313736</v>
      </c>
      <c r="AC539">
        <f t="shared" si="80"/>
        <v>2.5852192424183986</v>
      </c>
    </row>
    <row r="540" spans="1:29" x14ac:dyDescent="0.4">
      <c r="A540">
        <v>537</v>
      </c>
      <c r="B540">
        <f t="shared" si="72"/>
        <v>17.899999999999999</v>
      </c>
      <c r="C540">
        <v>650.19946000000004</v>
      </c>
      <c r="D540">
        <v>509.34012000000001</v>
      </c>
      <c r="E540">
        <v>0.88394079999999997</v>
      </c>
      <c r="F540">
        <v>779.68320000000006</v>
      </c>
      <c r="G540">
        <v>445.45794999999998</v>
      </c>
      <c r="H540">
        <v>0.97654795999999999</v>
      </c>
      <c r="I540">
        <v>769.54034000000001</v>
      </c>
      <c r="J540">
        <v>589.08389999999997</v>
      </c>
      <c r="K540">
        <v>0.97918826000000003</v>
      </c>
      <c r="L540">
        <f t="shared" si="73"/>
        <v>733.14100000000008</v>
      </c>
      <c r="M540">
        <f t="shared" si="74"/>
        <v>514.62732333333327</v>
      </c>
      <c r="N540">
        <f t="shared" si="75"/>
        <v>-7.749161963779148</v>
      </c>
      <c r="O540">
        <f t="shared" si="76"/>
        <v>2.5098549585412835</v>
      </c>
      <c r="Q540">
        <v>1064.6029000000001</v>
      </c>
      <c r="R540">
        <v>515.2088</v>
      </c>
      <c r="S540">
        <v>0.90011839999999999</v>
      </c>
      <c r="T540">
        <v>1183.7915</v>
      </c>
      <c r="U540">
        <v>434.11721999999997</v>
      </c>
      <c r="V540">
        <v>0.93478404999999998</v>
      </c>
      <c r="W540">
        <v>1193.5753</v>
      </c>
      <c r="X540">
        <v>578.56560000000002</v>
      </c>
      <c r="Y540">
        <v>0.88677629999999996</v>
      </c>
      <c r="Z540">
        <f t="shared" si="77"/>
        <v>1147.3232333333333</v>
      </c>
      <c r="AA540">
        <f t="shared" si="78"/>
        <v>509.29720666666663</v>
      </c>
      <c r="AB540">
        <f t="shared" si="79"/>
        <v>9.140852403505825</v>
      </c>
      <c r="AC540">
        <f t="shared" si="80"/>
        <v>2.5858613155533545</v>
      </c>
    </row>
    <row r="541" spans="1:29" x14ac:dyDescent="0.4">
      <c r="A541">
        <v>538</v>
      </c>
      <c r="B541">
        <f t="shared" si="72"/>
        <v>17.933333333333334</v>
      </c>
      <c r="C541">
        <v>650.94370000000004</v>
      </c>
      <c r="D541">
        <v>509.44385</v>
      </c>
      <c r="E541">
        <v>0.90936804000000004</v>
      </c>
      <c r="F541">
        <v>780.3329</v>
      </c>
      <c r="G541">
        <v>445.18572999999998</v>
      </c>
      <c r="H541">
        <v>0.96733785000000005</v>
      </c>
      <c r="I541">
        <v>770.32479999999998</v>
      </c>
      <c r="J541">
        <v>588.99945000000002</v>
      </c>
      <c r="K541">
        <v>1</v>
      </c>
      <c r="L541">
        <f t="shared" si="73"/>
        <v>733.8671333333333</v>
      </c>
      <c r="M541">
        <f t="shared" si="74"/>
        <v>514.54300999999998</v>
      </c>
      <c r="N541">
        <f t="shared" si="75"/>
        <v>-7.7197093500935789</v>
      </c>
      <c r="O541">
        <f t="shared" si="76"/>
        <v>2.5130525399178647</v>
      </c>
      <c r="Q541">
        <v>1064.1590000000001</v>
      </c>
      <c r="R541">
        <v>515.06177000000002</v>
      </c>
      <c r="S541">
        <v>0.90334590000000003</v>
      </c>
      <c r="T541">
        <v>1183.2372</v>
      </c>
      <c r="U541">
        <v>434.2079</v>
      </c>
      <c r="V541">
        <v>0.95029604000000001</v>
      </c>
      <c r="W541">
        <v>1193.0320999999999</v>
      </c>
      <c r="X541">
        <v>578.65980000000002</v>
      </c>
      <c r="Y541">
        <v>0.88597570000000003</v>
      </c>
      <c r="Z541">
        <f t="shared" si="77"/>
        <v>1146.8094333333333</v>
      </c>
      <c r="AA541">
        <f t="shared" si="78"/>
        <v>509.30982333333333</v>
      </c>
      <c r="AB541">
        <f t="shared" si="79"/>
        <v>9.1197686929865682</v>
      </c>
      <c r="AC541">
        <f t="shared" si="80"/>
        <v>2.585524773558987</v>
      </c>
    </row>
    <row r="542" spans="1:29" x14ac:dyDescent="0.4">
      <c r="A542">
        <v>539</v>
      </c>
      <c r="B542">
        <f t="shared" si="72"/>
        <v>17.966666666666665</v>
      </c>
      <c r="C542">
        <v>651.80849999999998</v>
      </c>
      <c r="D542">
        <v>509.47687000000002</v>
      </c>
      <c r="E542">
        <v>0.90799432999999996</v>
      </c>
      <c r="F542">
        <v>781.23649999999998</v>
      </c>
      <c r="G542">
        <v>445.14116999999999</v>
      </c>
      <c r="H542">
        <v>0.94841814000000002</v>
      </c>
      <c r="I542">
        <v>771.09220000000005</v>
      </c>
      <c r="J542">
        <v>588.83812999999998</v>
      </c>
      <c r="K542">
        <v>1</v>
      </c>
      <c r="L542">
        <f t="shared" si="73"/>
        <v>734.7124</v>
      </c>
      <c r="M542">
        <f t="shared" si="74"/>
        <v>514.48538999999994</v>
      </c>
      <c r="N542">
        <f t="shared" si="75"/>
        <v>-7.6854369066677481</v>
      </c>
      <c r="O542">
        <f t="shared" si="76"/>
        <v>2.5151203860410853</v>
      </c>
      <c r="Q542">
        <v>1063.6460999999999</v>
      </c>
      <c r="R542">
        <v>514.71027000000004</v>
      </c>
      <c r="S542">
        <v>0.9126668</v>
      </c>
      <c r="T542">
        <v>1182.5217</v>
      </c>
      <c r="U542">
        <v>434.11795000000001</v>
      </c>
      <c r="V542">
        <v>0.95401780000000003</v>
      </c>
      <c r="W542">
        <v>1192.1436000000001</v>
      </c>
      <c r="X542">
        <v>578.69464000000005</v>
      </c>
      <c r="Y542">
        <v>0.88275075000000003</v>
      </c>
      <c r="Z542">
        <f t="shared" si="77"/>
        <v>1146.1038000000001</v>
      </c>
      <c r="AA542">
        <f t="shared" si="78"/>
        <v>509.17428666666666</v>
      </c>
      <c r="AB542">
        <f t="shared" si="79"/>
        <v>9.0908632152714191</v>
      </c>
      <c r="AC542">
        <f t="shared" si="80"/>
        <v>2.5913023012282164</v>
      </c>
    </row>
    <row r="543" spans="1:29" x14ac:dyDescent="0.4">
      <c r="A543">
        <v>540</v>
      </c>
      <c r="B543">
        <f t="shared" si="72"/>
        <v>18</v>
      </c>
      <c r="C543">
        <v>653.15170000000001</v>
      </c>
      <c r="D543">
        <v>509.55689999999998</v>
      </c>
      <c r="E543">
        <v>0.90106070000000005</v>
      </c>
      <c r="F543">
        <v>781.96289999999999</v>
      </c>
      <c r="G543">
        <v>445.37182999999999</v>
      </c>
      <c r="H543">
        <v>0.96130950000000004</v>
      </c>
      <c r="I543">
        <v>772.04840000000002</v>
      </c>
      <c r="J543">
        <v>588.89269999999999</v>
      </c>
      <c r="K543">
        <v>1</v>
      </c>
      <c r="L543">
        <f t="shared" si="73"/>
        <v>735.721</v>
      </c>
      <c r="M543">
        <f t="shared" si="74"/>
        <v>514.60714333333328</v>
      </c>
      <c r="N543">
        <f t="shared" si="75"/>
        <v>-7.6446024978024685</v>
      </c>
      <c r="O543">
        <f t="shared" si="76"/>
        <v>2.5098110519900052</v>
      </c>
      <c r="Q543">
        <v>1062.7003999999999</v>
      </c>
      <c r="R543">
        <v>514.73770000000002</v>
      </c>
      <c r="S543">
        <v>0.95904089999999997</v>
      </c>
      <c r="T543">
        <v>1181.8796</v>
      </c>
      <c r="U543">
        <v>434.2561</v>
      </c>
      <c r="V543">
        <v>0.96607155</v>
      </c>
      <c r="W543">
        <v>1191.3145</v>
      </c>
      <c r="X543">
        <v>578.77124000000003</v>
      </c>
      <c r="Y543">
        <v>0.91417400000000004</v>
      </c>
      <c r="Z543">
        <f t="shared" si="77"/>
        <v>1145.2981666666667</v>
      </c>
      <c r="AA543">
        <f t="shared" si="78"/>
        <v>509.25501333333335</v>
      </c>
      <c r="AB543">
        <f t="shared" si="79"/>
        <v>9.0577857448603964</v>
      </c>
      <c r="AC543">
        <f t="shared" si="80"/>
        <v>2.5882869192609794</v>
      </c>
    </row>
    <row r="544" spans="1:29" x14ac:dyDescent="0.4">
      <c r="A544">
        <v>541</v>
      </c>
      <c r="B544">
        <f t="shared" si="72"/>
        <v>18.033333333333335</v>
      </c>
      <c r="C544">
        <v>653.81150000000002</v>
      </c>
      <c r="D544">
        <v>509.55099999999999</v>
      </c>
      <c r="E544">
        <v>0.9002599</v>
      </c>
      <c r="F544">
        <v>782.88574000000006</v>
      </c>
      <c r="G544">
        <v>445.40057000000002</v>
      </c>
      <c r="H544">
        <v>0.93724244999999995</v>
      </c>
      <c r="I544">
        <v>772.93035999999995</v>
      </c>
      <c r="J544">
        <v>589.00543000000005</v>
      </c>
      <c r="K544">
        <v>0.99312465999999999</v>
      </c>
      <c r="L544">
        <f t="shared" si="73"/>
        <v>736.54253333333327</v>
      </c>
      <c r="M544">
        <f t="shared" si="74"/>
        <v>514.65233333333333</v>
      </c>
      <c r="N544">
        <f t="shared" si="75"/>
        <v>-7.6113233033807779</v>
      </c>
      <c r="O544">
        <f t="shared" si="76"/>
        <v>2.5076900158977411</v>
      </c>
      <c r="Q544">
        <v>1062.0735</v>
      </c>
      <c r="R544">
        <v>514.89350000000002</v>
      </c>
      <c r="S544">
        <v>0.95324189999999998</v>
      </c>
      <c r="T544">
        <v>1181.0693000000001</v>
      </c>
      <c r="U544">
        <v>433.98108000000002</v>
      </c>
      <c r="V544">
        <v>0.96387535000000002</v>
      </c>
      <c r="W544">
        <v>1190.7360000000001</v>
      </c>
      <c r="X544">
        <v>578.70410000000004</v>
      </c>
      <c r="Y544">
        <v>0.92414284000000002</v>
      </c>
      <c r="Z544">
        <f t="shared" si="77"/>
        <v>1144.6262666666669</v>
      </c>
      <c r="AA544">
        <f t="shared" si="78"/>
        <v>509.19289333333336</v>
      </c>
      <c r="AB544">
        <f t="shared" si="79"/>
        <v>9.0302416352214312</v>
      </c>
      <c r="AC544">
        <f t="shared" si="80"/>
        <v>2.5910559181639585</v>
      </c>
    </row>
    <row r="545" spans="1:29" x14ac:dyDescent="0.4">
      <c r="A545">
        <v>542</v>
      </c>
      <c r="B545">
        <f t="shared" si="72"/>
        <v>18.066666666666666</v>
      </c>
      <c r="C545">
        <v>654.56646999999998</v>
      </c>
      <c r="D545">
        <v>509.53591999999998</v>
      </c>
      <c r="E545">
        <v>0.91205959999999997</v>
      </c>
      <c r="F545">
        <v>783.86255000000006</v>
      </c>
      <c r="G545">
        <v>445.16055</v>
      </c>
      <c r="H545">
        <v>0.93257920000000005</v>
      </c>
      <c r="I545">
        <v>773.73</v>
      </c>
      <c r="J545">
        <v>589.03033000000005</v>
      </c>
      <c r="K545">
        <v>0.97666556000000004</v>
      </c>
      <c r="L545">
        <f t="shared" si="73"/>
        <v>737.38634000000002</v>
      </c>
      <c r="M545">
        <f t="shared" si="74"/>
        <v>514.57560000000001</v>
      </c>
      <c r="N545">
        <f t="shared" si="75"/>
        <v>-7.577101083104834</v>
      </c>
      <c r="O545">
        <f t="shared" si="76"/>
        <v>2.510538524079521</v>
      </c>
      <c r="Q545">
        <v>1061.4191000000001</v>
      </c>
      <c r="R545">
        <v>514.80010000000004</v>
      </c>
      <c r="S545">
        <v>0.9509339</v>
      </c>
      <c r="T545">
        <v>1180.3683000000001</v>
      </c>
      <c r="U545">
        <v>434.24203</v>
      </c>
      <c r="V545">
        <v>0.98590580000000005</v>
      </c>
      <c r="W545">
        <v>1190.0748000000001</v>
      </c>
      <c r="X545">
        <v>578.80316000000005</v>
      </c>
      <c r="Y545">
        <v>0.94537926000000005</v>
      </c>
      <c r="Z545">
        <f t="shared" si="77"/>
        <v>1143.9540666666669</v>
      </c>
      <c r="AA545">
        <f t="shared" si="78"/>
        <v>509.2817633333334</v>
      </c>
      <c r="AB545">
        <f t="shared" si="79"/>
        <v>9.0026368132865375</v>
      </c>
      <c r="AC545">
        <f t="shared" si="80"/>
        <v>2.5876617683313521</v>
      </c>
    </row>
    <row r="546" spans="1:29" x14ac:dyDescent="0.4">
      <c r="A546">
        <v>543</v>
      </c>
      <c r="B546">
        <f t="shared" si="72"/>
        <v>18.100000000000001</v>
      </c>
      <c r="C546">
        <v>655.48865000000001</v>
      </c>
      <c r="D546">
        <v>509.41388000000001</v>
      </c>
      <c r="E546">
        <v>0.93369572999999995</v>
      </c>
      <c r="F546">
        <v>784.62289999999996</v>
      </c>
      <c r="G546">
        <v>445.04793999999998</v>
      </c>
      <c r="H546">
        <v>0.93838299999999997</v>
      </c>
      <c r="I546">
        <v>774.71924000000001</v>
      </c>
      <c r="J546">
        <v>588.9923</v>
      </c>
      <c r="K546">
        <v>0.94853160000000003</v>
      </c>
      <c r="L546">
        <f t="shared" si="73"/>
        <v>738.27692999999999</v>
      </c>
      <c r="M546">
        <f t="shared" si="74"/>
        <v>514.48470666666663</v>
      </c>
      <c r="N546">
        <f t="shared" si="75"/>
        <v>-7.5409773229476134</v>
      </c>
      <c r="O546">
        <f t="shared" si="76"/>
        <v>2.5139492994552963</v>
      </c>
      <c r="Q546">
        <v>1060.4779000000001</v>
      </c>
      <c r="R546">
        <v>514.89319999999998</v>
      </c>
      <c r="S546">
        <v>0.96263677000000003</v>
      </c>
      <c r="T546">
        <v>1179.6919</v>
      </c>
      <c r="U546">
        <v>434.07675</v>
      </c>
      <c r="V546">
        <v>0.96866949999999996</v>
      </c>
      <c r="W546">
        <v>1189.6605999999999</v>
      </c>
      <c r="X546">
        <v>578.69293000000005</v>
      </c>
      <c r="Y546">
        <v>0.94478019999999996</v>
      </c>
      <c r="Z546">
        <f t="shared" si="77"/>
        <v>1143.2767999999999</v>
      </c>
      <c r="AA546">
        <f t="shared" si="78"/>
        <v>509.22095999999993</v>
      </c>
      <c r="AB546">
        <f t="shared" si="79"/>
        <v>8.9748732235590776</v>
      </c>
      <c r="AC546">
        <f t="shared" si="80"/>
        <v>2.5903788624434672</v>
      </c>
    </row>
    <row r="547" spans="1:29" x14ac:dyDescent="0.4">
      <c r="A547">
        <v>544</v>
      </c>
      <c r="B547">
        <f t="shared" si="72"/>
        <v>18.133333333333333</v>
      </c>
      <c r="C547">
        <v>656.30089999999996</v>
      </c>
      <c r="D547">
        <v>509.47253000000001</v>
      </c>
      <c r="E547">
        <v>0.95728533999999998</v>
      </c>
      <c r="F547">
        <v>785.62523999999996</v>
      </c>
      <c r="G547">
        <v>445.04259999999999</v>
      </c>
      <c r="H547">
        <v>0.95666932999999998</v>
      </c>
      <c r="I547">
        <v>775.64880000000005</v>
      </c>
      <c r="J547">
        <v>588.98833999999999</v>
      </c>
      <c r="K547">
        <v>0.91342279999999998</v>
      </c>
      <c r="L547">
        <f t="shared" si="73"/>
        <v>739.19164666666666</v>
      </c>
      <c r="M547">
        <f t="shared" si="74"/>
        <v>514.5011566666667</v>
      </c>
      <c r="N547">
        <f t="shared" si="75"/>
        <v>-7.5039095252279706</v>
      </c>
      <c r="O547">
        <f t="shared" si="76"/>
        <v>2.5129700590543851</v>
      </c>
      <c r="Q547">
        <v>1059.7203</v>
      </c>
      <c r="R547">
        <v>514.87139999999999</v>
      </c>
      <c r="S547">
        <v>0.97885319999999998</v>
      </c>
      <c r="T547">
        <v>1179.0898</v>
      </c>
      <c r="U547">
        <v>434.08807000000002</v>
      </c>
      <c r="V547">
        <v>0.97079504000000005</v>
      </c>
      <c r="W547">
        <v>1188.7222999999999</v>
      </c>
      <c r="X547">
        <v>578.53539999999998</v>
      </c>
      <c r="Y547">
        <v>0.95201349999999996</v>
      </c>
      <c r="Z547">
        <f t="shared" si="77"/>
        <v>1142.5107999999998</v>
      </c>
      <c r="AA547">
        <f t="shared" si="78"/>
        <v>509.16495666666668</v>
      </c>
      <c r="AB547">
        <f t="shared" si="79"/>
        <v>8.9434686703477357</v>
      </c>
      <c r="AC547">
        <f t="shared" si="80"/>
        <v>2.592930821062351</v>
      </c>
    </row>
    <row r="548" spans="1:29" x14ac:dyDescent="0.4">
      <c r="A548">
        <v>545</v>
      </c>
      <c r="B548">
        <f t="shared" si="72"/>
        <v>18.166666666666668</v>
      </c>
      <c r="C548">
        <v>657.36609999999996</v>
      </c>
      <c r="D548">
        <v>509.59183000000002</v>
      </c>
      <c r="E548">
        <v>0.98216400000000004</v>
      </c>
      <c r="F548">
        <v>786.6164</v>
      </c>
      <c r="G548">
        <v>444.94632000000001</v>
      </c>
      <c r="H548">
        <v>0.97420525999999996</v>
      </c>
      <c r="I548">
        <v>776.68970000000002</v>
      </c>
      <c r="J548">
        <v>588.83483999999999</v>
      </c>
      <c r="K548">
        <v>0.89208379999999998</v>
      </c>
      <c r="L548">
        <f t="shared" si="73"/>
        <v>740.22406666666666</v>
      </c>
      <c r="M548">
        <f t="shared" si="74"/>
        <v>514.45766333333336</v>
      </c>
      <c r="N548">
        <f t="shared" si="75"/>
        <v>-7.4620506051744089</v>
      </c>
      <c r="O548">
        <f t="shared" si="76"/>
        <v>2.5143981478597062</v>
      </c>
      <c r="Q548">
        <v>1058.8331000000001</v>
      </c>
      <c r="R548">
        <v>514.87840000000006</v>
      </c>
      <c r="S548">
        <v>0.97072879999999995</v>
      </c>
      <c r="T548">
        <v>1178.4384</v>
      </c>
      <c r="U548">
        <v>433.92523</v>
      </c>
      <c r="V548">
        <v>0.96164159999999999</v>
      </c>
      <c r="W548">
        <v>1188.0847000000001</v>
      </c>
      <c r="X548">
        <v>578.66832999999997</v>
      </c>
      <c r="Y548">
        <v>0.95685463999999998</v>
      </c>
      <c r="Z548">
        <f t="shared" si="77"/>
        <v>1141.7854</v>
      </c>
      <c r="AA548">
        <f t="shared" si="78"/>
        <v>509.15732000000003</v>
      </c>
      <c r="AB548">
        <f t="shared" si="79"/>
        <v>8.9137145797516393</v>
      </c>
      <c r="AC548">
        <f t="shared" si="80"/>
        <v>2.5934943964277193</v>
      </c>
    </row>
    <row r="549" spans="1:29" x14ac:dyDescent="0.4">
      <c r="A549">
        <v>546</v>
      </c>
      <c r="B549">
        <f t="shared" si="72"/>
        <v>18.2</v>
      </c>
      <c r="C549">
        <v>658.30579999999998</v>
      </c>
      <c r="D549">
        <v>509.63747999999998</v>
      </c>
      <c r="E549">
        <v>0.99210346000000005</v>
      </c>
      <c r="F549">
        <v>787.47280000000001</v>
      </c>
      <c r="G549">
        <v>444.93984999999998</v>
      </c>
      <c r="H549">
        <v>0.96598583000000005</v>
      </c>
      <c r="I549">
        <v>777.41143999999997</v>
      </c>
      <c r="J549">
        <v>588.7527</v>
      </c>
      <c r="K549">
        <v>0.87396459999999998</v>
      </c>
      <c r="L549">
        <f t="shared" si="73"/>
        <v>741.06334666666669</v>
      </c>
      <c r="M549">
        <f t="shared" si="74"/>
        <v>514.44334333333336</v>
      </c>
      <c r="N549">
        <f t="shared" si="75"/>
        <v>-7.4280283045663946</v>
      </c>
      <c r="O549">
        <f t="shared" si="76"/>
        <v>2.5147003092718228</v>
      </c>
      <c r="Q549">
        <v>1058.2034000000001</v>
      </c>
      <c r="R549">
        <v>514.91449999999998</v>
      </c>
      <c r="S549">
        <v>0.9708774</v>
      </c>
      <c r="T549">
        <v>1177.8569</v>
      </c>
      <c r="U549">
        <v>433.71409999999997</v>
      </c>
      <c r="V549">
        <v>0.96496546000000005</v>
      </c>
      <c r="W549">
        <v>1187.0663</v>
      </c>
      <c r="X549">
        <v>578.70870000000002</v>
      </c>
      <c r="Y549">
        <v>0.96044810000000003</v>
      </c>
      <c r="Z549">
        <f t="shared" si="77"/>
        <v>1141.0422000000001</v>
      </c>
      <c r="AA549">
        <f t="shared" si="78"/>
        <v>509.1124333333334</v>
      </c>
      <c r="AB549">
        <f t="shared" si="79"/>
        <v>8.8832430591841032</v>
      </c>
      <c r="AC549">
        <f t="shared" si="80"/>
        <v>2.5955846384879919</v>
      </c>
    </row>
    <row r="550" spans="1:29" x14ac:dyDescent="0.4">
      <c r="A550">
        <v>547</v>
      </c>
      <c r="B550">
        <f t="shared" si="72"/>
        <v>18.233333333333334</v>
      </c>
      <c r="C550">
        <v>659.12976000000003</v>
      </c>
      <c r="D550">
        <v>509.3929</v>
      </c>
      <c r="E550">
        <v>1</v>
      </c>
      <c r="F550">
        <v>788.16250000000002</v>
      </c>
      <c r="G550">
        <v>444.99106</v>
      </c>
      <c r="H550">
        <v>0.95827949999999995</v>
      </c>
      <c r="I550">
        <v>778.16890000000001</v>
      </c>
      <c r="J550">
        <v>588.63940000000002</v>
      </c>
      <c r="K550">
        <v>0.8833086</v>
      </c>
      <c r="L550">
        <f t="shared" si="73"/>
        <v>741.82038666666676</v>
      </c>
      <c r="M550">
        <f t="shared" si="74"/>
        <v>514.34112000000005</v>
      </c>
      <c r="N550">
        <f t="shared" si="75"/>
        <v>-7.3973101293210837</v>
      </c>
      <c r="O550">
        <f t="shared" si="76"/>
        <v>2.5186184354219314</v>
      </c>
      <c r="Q550">
        <v>1057.4955</v>
      </c>
      <c r="R550">
        <v>514.78089999999997</v>
      </c>
      <c r="S550">
        <v>0.94213813999999996</v>
      </c>
      <c r="T550">
        <v>1177.2266999999999</v>
      </c>
      <c r="U550">
        <v>433.85910000000001</v>
      </c>
      <c r="V550">
        <v>0.94390105999999996</v>
      </c>
      <c r="W550">
        <v>1186.4423999999999</v>
      </c>
      <c r="X550">
        <v>578.6146</v>
      </c>
      <c r="Y550">
        <v>0.95388585000000004</v>
      </c>
      <c r="Z550">
        <f t="shared" si="77"/>
        <v>1140.3882000000001</v>
      </c>
      <c r="AA550">
        <f t="shared" si="78"/>
        <v>509.08486666666664</v>
      </c>
      <c r="AB550">
        <f t="shared" si="79"/>
        <v>8.8564254645902967</v>
      </c>
      <c r="AC550">
        <f t="shared" si="80"/>
        <v>2.5969369177742099</v>
      </c>
    </row>
    <row r="551" spans="1:29" x14ac:dyDescent="0.4">
      <c r="A551">
        <v>548</v>
      </c>
      <c r="B551">
        <f t="shared" si="72"/>
        <v>18.266666666666666</v>
      </c>
      <c r="C551">
        <v>660.09410000000003</v>
      </c>
      <c r="D551">
        <v>509.54689999999999</v>
      </c>
      <c r="E551">
        <v>1</v>
      </c>
      <c r="F551">
        <v>789.15930000000003</v>
      </c>
      <c r="G551">
        <v>445.02454</v>
      </c>
      <c r="H551">
        <v>0.96956589999999998</v>
      </c>
      <c r="I551">
        <v>779.25829999999996</v>
      </c>
      <c r="J551">
        <v>588.64166</v>
      </c>
      <c r="K551">
        <v>0.87587950000000003</v>
      </c>
      <c r="L551">
        <f t="shared" si="73"/>
        <v>742.8372333333333</v>
      </c>
      <c r="M551">
        <f t="shared" si="74"/>
        <v>514.40436666666665</v>
      </c>
      <c r="N551">
        <f t="shared" si="75"/>
        <v>-7.3561137547521334</v>
      </c>
      <c r="O551">
        <f t="shared" si="76"/>
        <v>2.5156944489238091</v>
      </c>
      <c r="Q551">
        <v>1056.8569</v>
      </c>
      <c r="R551">
        <v>514.84393</v>
      </c>
      <c r="S551">
        <v>0.92853330000000001</v>
      </c>
      <c r="T551">
        <v>1176.5015000000001</v>
      </c>
      <c r="U551">
        <v>433.84255999999999</v>
      </c>
      <c r="V551">
        <v>0.92264210000000002</v>
      </c>
      <c r="W551">
        <v>1185.3920000000001</v>
      </c>
      <c r="X551">
        <v>578.59784000000002</v>
      </c>
      <c r="Y551">
        <v>0.94695145000000003</v>
      </c>
      <c r="Z551">
        <f t="shared" si="77"/>
        <v>1139.5834666666667</v>
      </c>
      <c r="AA551">
        <f t="shared" si="78"/>
        <v>509.09477666666663</v>
      </c>
      <c r="AB551">
        <f t="shared" si="79"/>
        <v>8.8234134784854419</v>
      </c>
      <c r="AC551">
        <f t="shared" si="80"/>
        <v>2.5968117566142439</v>
      </c>
    </row>
    <row r="552" spans="1:29" x14ac:dyDescent="0.4">
      <c r="A552">
        <v>549</v>
      </c>
      <c r="B552">
        <f t="shared" si="72"/>
        <v>18.3</v>
      </c>
      <c r="C552">
        <v>661.29939999999999</v>
      </c>
      <c r="D552">
        <v>509.50146000000001</v>
      </c>
      <c r="E552">
        <v>0.96887809999999996</v>
      </c>
      <c r="F552">
        <v>790.00525000000005</v>
      </c>
      <c r="G552">
        <v>445.10333000000003</v>
      </c>
      <c r="H552">
        <v>0.96254987000000003</v>
      </c>
      <c r="I552">
        <v>780.08579999999995</v>
      </c>
      <c r="J552">
        <v>588.55053999999996</v>
      </c>
      <c r="K552">
        <v>0.88466409999999995</v>
      </c>
      <c r="L552">
        <f t="shared" si="73"/>
        <v>743.79681666666659</v>
      </c>
      <c r="M552">
        <f t="shared" si="74"/>
        <v>514.38511000000005</v>
      </c>
      <c r="N552">
        <f t="shared" si="75"/>
        <v>-7.3172106009051729</v>
      </c>
      <c r="O552">
        <f t="shared" si="76"/>
        <v>2.5161575825121636</v>
      </c>
      <c r="Q552">
        <v>1055.9973</v>
      </c>
      <c r="R552">
        <v>514.88879999999995</v>
      </c>
      <c r="S552">
        <v>0.91746395999999997</v>
      </c>
      <c r="T552">
        <v>1175.69</v>
      </c>
      <c r="U552">
        <v>433.82249999999999</v>
      </c>
      <c r="V552">
        <v>0.96076819999999996</v>
      </c>
      <c r="W552">
        <v>1184.6217999999999</v>
      </c>
      <c r="X552">
        <v>578.71294999999998</v>
      </c>
      <c r="Y552">
        <v>0.94388989999999995</v>
      </c>
      <c r="Z552">
        <f t="shared" si="77"/>
        <v>1138.7697000000001</v>
      </c>
      <c r="AA552">
        <f t="shared" si="78"/>
        <v>509.14141666666666</v>
      </c>
      <c r="AB552">
        <f t="shared" si="79"/>
        <v>8.7900198536006098</v>
      </c>
      <c r="AC552">
        <f t="shared" si="80"/>
        <v>2.5951904383403352</v>
      </c>
    </row>
    <row r="553" spans="1:29" x14ac:dyDescent="0.4">
      <c r="A553">
        <v>550</v>
      </c>
      <c r="B553">
        <f t="shared" si="72"/>
        <v>18.333333333333332</v>
      </c>
      <c r="C553">
        <v>662.43335000000002</v>
      </c>
      <c r="D553">
        <v>509.73021999999997</v>
      </c>
      <c r="E553">
        <v>0.95840745999999999</v>
      </c>
      <c r="F553">
        <v>791.12829999999997</v>
      </c>
      <c r="G553">
        <v>444.97262999999998</v>
      </c>
      <c r="H553">
        <v>0.92243385</v>
      </c>
      <c r="I553">
        <v>780.91690000000006</v>
      </c>
      <c r="J553">
        <v>588.52009999999996</v>
      </c>
      <c r="K553">
        <v>0.86672895999999999</v>
      </c>
      <c r="L553">
        <f t="shared" si="73"/>
        <v>744.82618333333346</v>
      </c>
      <c r="M553">
        <f t="shared" si="74"/>
        <v>514.40764999999999</v>
      </c>
      <c r="N553">
        <f t="shared" si="75"/>
        <v>-7.2754910632840977</v>
      </c>
      <c r="O553">
        <f t="shared" si="76"/>
        <v>2.5148910180508808</v>
      </c>
      <c r="Q553">
        <v>1055.3157000000001</v>
      </c>
      <c r="R553">
        <v>514.68179999999995</v>
      </c>
      <c r="S553">
        <v>0.89613646000000002</v>
      </c>
      <c r="T553">
        <v>1174.9831999999999</v>
      </c>
      <c r="U553">
        <v>433.85352</v>
      </c>
      <c r="V553">
        <v>0.97643303999999997</v>
      </c>
      <c r="W553">
        <v>1183.8652</v>
      </c>
      <c r="X553">
        <v>578.83025999999995</v>
      </c>
      <c r="Y553">
        <v>0.9211646</v>
      </c>
      <c r="Z553">
        <f t="shared" si="77"/>
        <v>1138.0546999999999</v>
      </c>
      <c r="AA553">
        <f t="shared" si="78"/>
        <v>509.12185999999997</v>
      </c>
      <c r="AB553">
        <f t="shared" si="79"/>
        <v>8.7606994982337199</v>
      </c>
      <c r="AC553">
        <f t="shared" si="80"/>
        <v>2.5962368918483505</v>
      </c>
    </row>
    <row r="554" spans="1:29" x14ac:dyDescent="0.4">
      <c r="A554">
        <v>551</v>
      </c>
      <c r="B554">
        <f t="shared" si="72"/>
        <v>18.366666666666667</v>
      </c>
      <c r="C554">
        <v>663.08672999999999</v>
      </c>
      <c r="D554">
        <v>509.67971999999997</v>
      </c>
      <c r="E554">
        <v>0.92611973999999997</v>
      </c>
      <c r="F554">
        <v>791.85749999999996</v>
      </c>
      <c r="G554">
        <v>444.95715000000001</v>
      </c>
      <c r="H554">
        <v>0.89773696999999997</v>
      </c>
      <c r="I554">
        <v>781.82794000000001</v>
      </c>
      <c r="J554">
        <v>588.5385</v>
      </c>
      <c r="K554">
        <v>0.87411576999999996</v>
      </c>
      <c r="L554">
        <f t="shared" si="73"/>
        <v>745.59072333333336</v>
      </c>
      <c r="M554">
        <f t="shared" si="74"/>
        <v>514.39179000000001</v>
      </c>
      <c r="N554">
        <f t="shared" si="75"/>
        <v>-7.2444933719325109</v>
      </c>
      <c r="O554">
        <f t="shared" si="76"/>
        <v>2.5152810986018048</v>
      </c>
      <c r="Q554">
        <v>1054.6346000000001</v>
      </c>
      <c r="R554">
        <v>514.63239999999996</v>
      </c>
      <c r="S554">
        <v>0.91807209999999995</v>
      </c>
      <c r="T554">
        <v>1174.1370999999999</v>
      </c>
      <c r="U554">
        <v>433.96096999999997</v>
      </c>
      <c r="V554">
        <v>1</v>
      </c>
      <c r="W554">
        <v>1183.0658000000001</v>
      </c>
      <c r="X554">
        <v>578.85119999999995</v>
      </c>
      <c r="Y554">
        <v>0.93260750000000003</v>
      </c>
      <c r="Z554">
        <f t="shared" si="77"/>
        <v>1137.2791666666669</v>
      </c>
      <c r="AA554">
        <f t="shared" si="78"/>
        <v>509.14818999999994</v>
      </c>
      <c r="AB554">
        <f t="shared" si="79"/>
        <v>8.7288821119702629</v>
      </c>
      <c r="AC554">
        <f t="shared" si="80"/>
        <v>2.5954313009336794</v>
      </c>
    </row>
    <row r="555" spans="1:29" x14ac:dyDescent="0.4">
      <c r="A555">
        <v>552</v>
      </c>
      <c r="B555">
        <f t="shared" si="72"/>
        <v>18.399999999999999</v>
      </c>
      <c r="C555">
        <v>664.04296999999997</v>
      </c>
      <c r="D555">
        <v>509.68200000000002</v>
      </c>
      <c r="E555">
        <v>0.91807519999999998</v>
      </c>
      <c r="F555">
        <v>792.7482</v>
      </c>
      <c r="G555">
        <v>444.80963000000003</v>
      </c>
      <c r="H555">
        <v>0.90883875000000003</v>
      </c>
      <c r="I555">
        <v>783.44866999999999</v>
      </c>
      <c r="J555">
        <v>588.27290000000005</v>
      </c>
      <c r="K555">
        <v>0.90625816999999997</v>
      </c>
      <c r="L555">
        <f t="shared" si="73"/>
        <v>746.74661333333336</v>
      </c>
      <c r="M555">
        <f t="shared" si="74"/>
        <v>514.25484333333327</v>
      </c>
      <c r="N555">
        <f t="shared" si="75"/>
        <v>-7.1975907316684093</v>
      </c>
      <c r="O555">
        <f t="shared" si="76"/>
        <v>2.5204823073562528</v>
      </c>
      <c r="Q555">
        <v>1053.9349</v>
      </c>
      <c r="R555">
        <v>514.75977</v>
      </c>
      <c r="S555">
        <v>0.92099169999999997</v>
      </c>
      <c r="T555">
        <v>1173.635</v>
      </c>
      <c r="U555">
        <v>434.10180000000003</v>
      </c>
      <c r="V555">
        <v>1</v>
      </c>
      <c r="W555">
        <v>1182.2804000000001</v>
      </c>
      <c r="X555">
        <v>578.66930000000002</v>
      </c>
      <c r="Y555">
        <v>0.94437104000000005</v>
      </c>
      <c r="Z555">
        <f t="shared" si="77"/>
        <v>1136.6167666666668</v>
      </c>
      <c r="AA555">
        <f t="shared" si="78"/>
        <v>509.17695666666668</v>
      </c>
      <c r="AB555">
        <f t="shared" si="79"/>
        <v>8.7017047303245576</v>
      </c>
      <c r="AC555">
        <f t="shared" si="80"/>
        <v>2.5944869692577752</v>
      </c>
    </row>
    <row r="556" spans="1:29" x14ac:dyDescent="0.4">
      <c r="A556">
        <v>553</v>
      </c>
      <c r="B556">
        <f t="shared" si="72"/>
        <v>18.433333333333334</v>
      </c>
      <c r="C556">
        <v>664.54205000000002</v>
      </c>
      <c r="D556">
        <v>509.59937000000002</v>
      </c>
      <c r="E556">
        <v>0.89030206000000001</v>
      </c>
      <c r="F556">
        <v>793.54610000000002</v>
      </c>
      <c r="G556">
        <v>444.71413999999999</v>
      </c>
      <c r="H556">
        <v>0.94367509999999999</v>
      </c>
      <c r="I556">
        <v>784.45330000000001</v>
      </c>
      <c r="J556">
        <v>588.36584000000005</v>
      </c>
      <c r="K556">
        <v>0.93391469999999999</v>
      </c>
      <c r="L556">
        <f t="shared" si="73"/>
        <v>747.51381666666668</v>
      </c>
      <c r="M556">
        <f t="shared" si="74"/>
        <v>514.22645</v>
      </c>
      <c r="N556">
        <f t="shared" si="75"/>
        <v>-7.1664792180887646</v>
      </c>
      <c r="O556">
        <f t="shared" si="76"/>
        <v>2.5213830744452062</v>
      </c>
      <c r="Q556">
        <v>1053.1134</v>
      </c>
      <c r="R556">
        <v>514.84924000000001</v>
      </c>
      <c r="S556">
        <v>0.93583994999999998</v>
      </c>
      <c r="T556">
        <v>1172.7360000000001</v>
      </c>
      <c r="U556">
        <v>434.08474999999999</v>
      </c>
      <c r="V556">
        <v>0.98450680000000002</v>
      </c>
      <c r="W556">
        <v>1181.2674999999999</v>
      </c>
      <c r="X556">
        <v>578.60913000000005</v>
      </c>
      <c r="Y556">
        <v>0.94739485000000001</v>
      </c>
      <c r="Z556">
        <f t="shared" si="77"/>
        <v>1135.7056333333333</v>
      </c>
      <c r="AA556">
        <f t="shared" si="78"/>
        <v>509.18104</v>
      </c>
      <c r="AB556">
        <f t="shared" si="79"/>
        <v>8.6643345327193106</v>
      </c>
      <c r="AC556">
        <f t="shared" si="80"/>
        <v>2.594636487922394</v>
      </c>
    </row>
    <row r="557" spans="1:29" x14ac:dyDescent="0.4">
      <c r="A557">
        <v>554</v>
      </c>
      <c r="B557">
        <f t="shared" si="72"/>
        <v>18.466666666666665</v>
      </c>
      <c r="C557">
        <v>665.80070000000001</v>
      </c>
      <c r="D557">
        <v>509.42439999999999</v>
      </c>
      <c r="E557">
        <v>0.85315960000000002</v>
      </c>
      <c r="F557">
        <v>794.23310000000004</v>
      </c>
      <c r="G557">
        <v>444.47341999999998</v>
      </c>
      <c r="H557">
        <v>0.93518424</v>
      </c>
      <c r="I557">
        <v>785.29332999999997</v>
      </c>
      <c r="J557">
        <v>588.26104999999995</v>
      </c>
      <c r="K557">
        <v>0.95944655000000001</v>
      </c>
      <c r="L557">
        <f t="shared" si="73"/>
        <v>748.44237666666675</v>
      </c>
      <c r="M557">
        <f t="shared" si="74"/>
        <v>514.05295666666655</v>
      </c>
      <c r="N557">
        <f t="shared" si="75"/>
        <v>-7.1287783460773468</v>
      </c>
      <c r="O557">
        <f t="shared" si="76"/>
        <v>2.5281526226194231</v>
      </c>
      <c r="Q557">
        <v>1052.3868</v>
      </c>
      <c r="R557">
        <v>514.76289999999995</v>
      </c>
      <c r="S557">
        <v>0.95455250000000003</v>
      </c>
      <c r="T557">
        <v>1172.0741</v>
      </c>
      <c r="U557">
        <v>434.01693999999998</v>
      </c>
      <c r="V557">
        <v>0.96716933999999999</v>
      </c>
      <c r="W557">
        <v>1180.4160999999999</v>
      </c>
      <c r="X557">
        <v>578.76279999999997</v>
      </c>
      <c r="Y557">
        <v>0.95042680000000002</v>
      </c>
      <c r="Z557">
        <f t="shared" si="77"/>
        <v>1134.9590000000001</v>
      </c>
      <c r="AA557">
        <f t="shared" si="78"/>
        <v>509.18087999999995</v>
      </c>
      <c r="AB557">
        <f t="shared" si="79"/>
        <v>8.6337132046038061</v>
      </c>
      <c r="AC557">
        <f t="shared" si="80"/>
        <v>2.59490211068904</v>
      </c>
    </row>
    <row r="558" spans="1:29" x14ac:dyDescent="0.4">
      <c r="A558">
        <v>555</v>
      </c>
      <c r="B558">
        <f t="shared" si="72"/>
        <v>18.5</v>
      </c>
      <c r="C558">
        <v>666.67079999999999</v>
      </c>
      <c r="D558">
        <v>509.21172999999999</v>
      </c>
      <c r="E558">
        <v>0.85262210000000005</v>
      </c>
      <c r="F558">
        <v>795.34580000000005</v>
      </c>
      <c r="G558">
        <v>444.39578</v>
      </c>
      <c r="H558">
        <v>0.95003426000000002</v>
      </c>
      <c r="I558">
        <v>785.96270000000004</v>
      </c>
      <c r="J558">
        <v>588.38214000000005</v>
      </c>
      <c r="K558">
        <v>1</v>
      </c>
      <c r="L558">
        <f t="shared" si="73"/>
        <v>749.32643333333328</v>
      </c>
      <c r="M558">
        <f t="shared" si="74"/>
        <v>513.99654999999996</v>
      </c>
      <c r="N558">
        <f t="shared" si="75"/>
        <v>-7.0929186479392445</v>
      </c>
      <c r="O558">
        <f t="shared" si="76"/>
        <v>2.5301575374408301</v>
      </c>
      <c r="Q558">
        <v>1051.5289</v>
      </c>
      <c r="R558">
        <v>514.64750000000004</v>
      </c>
      <c r="S558">
        <v>0.9446213</v>
      </c>
      <c r="T558">
        <v>1171.2203</v>
      </c>
      <c r="U558">
        <v>433.82859999999999</v>
      </c>
      <c r="V558">
        <v>0.95033210000000001</v>
      </c>
      <c r="W558">
        <v>1179.9821999999999</v>
      </c>
      <c r="X558">
        <v>578.62885000000006</v>
      </c>
      <c r="Y558">
        <v>0.95394250000000003</v>
      </c>
      <c r="Z558">
        <f t="shared" si="77"/>
        <v>1134.2438</v>
      </c>
      <c r="AA558">
        <f t="shared" si="78"/>
        <v>509.0349833333334</v>
      </c>
      <c r="AB558">
        <f t="shared" si="79"/>
        <v>8.6044289284791482</v>
      </c>
      <c r="AC558">
        <f t="shared" si="80"/>
        <v>2.6011056096816563</v>
      </c>
    </row>
    <row r="559" spans="1:29" x14ac:dyDescent="0.4">
      <c r="A559">
        <v>556</v>
      </c>
      <c r="B559">
        <f t="shared" si="72"/>
        <v>18.533333333333335</v>
      </c>
      <c r="C559">
        <v>667.89909999999998</v>
      </c>
      <c r="D559">
        <v>509.42664000000002</v>
      </c>
      <c r="E559">
        <v>0.88806956999999997</v>
      </c>
      <c r="F559">
        <v>796.15660000000003</v>
      </c>
      <c r="G559">
        <v>444.32549999999998</v>
      </c>
      <c r="H559">
        <v>0.95964192999999998</v>
      </c>
      <c r="I559">
        <v>786.95385999999996</v>
      </c>
      <c r="J559">
        <v>588.24634000000003</v>
      </c>
      <c r="K559">
        <v>1</v>
      </c>
      <c r="L559">
        <f t="shared" si="73"/>
        <v>750.33651999999995</v>
      </c>
      <c r="M559">
        <f t="shared" si="74"/>
        <v>513.99949333333336</v>
      </c>
      <c r="N559">
        <f t="shared" si="75"/>
        <v>-7.0519675118612</v>
      </c>
      <c r="O559">
        <f t="shared" si="76"/>
        <v>2.5296972709891623</v>
      </c>
      <c r="Q559">
        <v>1050.8320000000001</v>
      </c>
      <c r="R559">
        <v>514.62260000000003</v>
      </c>
      <c r="S559">
        <v>0.93339899999999998</v>
      </c>
      <c r="T559">
        <v>1170.3056999999999</v>
      </c>
      <c r="U559">
        <v>433.82580000000002</v>
      </c>
      <c r="V559">
        <v>0.94547736999999998</v>
      </c>
      <c r="W559">
        <v>1179.1289999999999</v>
      </c>
      <c r="X559">
        <v>578.65509999999995</v>
      </c>
      <c r="Y559">
        <v>0.93815409999999999</v>
      </c>
      <c r="Z559">
        <f t="shared" si="77"/>
        <v>1133.4222333333335</v>
      </c>
      <c r="AA559">
        <f t="shared" si="78"/>
        <v>509.03449999999998</v>
      </c>
      <c r="AB559">
        <f t="shared" si="79"/>
        <v>8.570735993852109</v>
      </c>
      <c r="AC559">
        <f t="shared" si="80"/>
        <v>2.6014104004918108</v>
      </c>
    </row>
    <row r="560" spans="1:29" x14ac:dyDescent="0.4">
      <c r="A560">
        <v>557</v>
      </c>
      <c r="B560">
        <f t="shared" si="72"/>
        <v>18.566666666666666</v>
      </c>
      <c r="C560">
        <v>668.97680000000003</v>
      </c>
      <c r="D560">
        <v>509.2484</v>
      </c>
      <c r="E560">
        <v>0.89847666000000004</v>
      </c>
      <c r="F560">
        <v>797.33789999999999</v>
      </c>
      <c r="G560">
        <v>444.25153</v>
      </c>
      <c r="H560">
        <v>0.97499245000000001</v>
      </c>
      <c r="I560">
        <v>788.18426999999997</v>
      </c>
      <c r="J560">
        <v>588.10924999999997</v>
      </c>
      <c r="K560">
        <v>1</v>
      </c>
      <c r="L560">
        <f t="shared" si="73"/>
        <v>751.49965666666651</v>
      </c>
      <c r="M560">
        <f t="shared" si="74"/>
        <v>513.86972666666668</v>
      </c>
      <c r="N560">
        <f t="shared" si="75"/>
        <v>-7.0047666991593358</v>
      </c>
      <c r="O560">
        <f t="shared" si="76"/>
        <v>2.5346027759914342</v>
      </c>
      <c r="Q560">
        <v>1050.1677999999999</v>
      </c>
      <c r="R560">
        <v>514.60504000000003</v>
      </c>
      <c r="S560">
        <v>0.92901610000000001</v>
      </c>
      <c r="T560">
        <v>1169.855</v>
      </c>
      <c r="U560">
        <v>433.79538000000002</v>
      </c>
      <c r="V560">
        <v>0.94549227000000002</v>
      </c>
      <c r="W560">
        <v>1178.617</v>
      </c>
      <c r="X560">
        <v>578.53734999999995</v>
      </c>
      <c r="Y560">
        <v>0.94342833999999998</v>
      </c>
      <c r="Z560">
        <f t="shared" si="77"/>
        <v>1132.8799333333334</v>
      </c>
      <c r="AA560">
        <f t="shared" si="78"/>
        <v>508.97925666666669</v>
      </c>
      <c r="AB560">
        <f t="shared" si="79"/>
        <v>8.5485142090121098</v>
      </c>
      <c r="AC560">
        <f t="shared" si="80"/>
        <v>2.6038535192421803</v>
      </c>
    </row>
    <row r="561" spans="1:29" x14ac:dyDescent="0.4">
      <c r="A561">
        <v>558</v>
      </c>
      <c r="B561">
        <f t="shared" si="72"/>
        <v>18.600000000000001</v>
      </c>
      <c r="C561">
        <v>669.90750000000003</v>
      </c>
      <c r="D561">
        <v>509.3141</v>
      </c>
      <c r="E561">
        <v>0.89255505999999996</v>
      </c>
      <c r="F561">
        <v>798.23950000000002</v>
      </c>
      <c r="G561">
        <v>444.06709999999998</v>
      </c>
      <c r="H561">
        <v>0.97336199999999995</v>
      </c>
      <c r="I561">
        <v>789.20680000000004</v>
      </c>
      <c r="J561">
        <v>587.9325</v>
      </c>
      <c r="K561">
        <v>0.98395679999999996</v>
      </c>
      <c r="L561">
        <f t="shared" si="73"/>
        <v>752.45126666666658</v>
      </c>
      <c r="M561">
        <f t="shared" si="74"/>
        <v>513.77123333333338</v>
      </c>
      <c r="N561">
        <f t="shared" si="75"/>
        <v>-6.966151032115933</v>
      </c>
      <c r="O561">
        <f t="shared" si="76"/>
        <v>2.5383028755269121</v>
      </c>
      <c r="Q561">
        <v>1049.4818</v>
      </c>
      <c r="R561">
        <v>514.46130000000005</v>
      </c>
      <c r="S561">
        <v>0.8834263</v>
      </c>
      <c r="T561">
        <v>1169.0101</v>
      </c>
      <c r="U561">
        <v>433.91363999999999</v>
      </c>
      <c r="V561">
        <v>0.92071219999999998</v>
      </c>
      <c r="W561">
        <v>1177.7174</v>
      </c>
      <c r="X561">
        <v>578.72393999999997</v>
      </c>
      <c r="Y561">
        <v>0.94571640000000001</v>
      </c>
      <c r="Z561">
        <f t="shared" si="77"/>
        <v>1132.0697666666667</v>
      </c>
      <c r="AA561">
        <f t="shared" si="78"/>
        <v>509.03296</v>
      </c>
      <c r="AB561">
        <f t="shared" si="79"/>
        <v>8.5152725681024393</v>
      </c>
      <c r="AC561">
        <f t="shared" si="80"/>
        <v>2.6019424920427157</v>
      </c>
    </row>
    <row r="562" spans="1:29" x14ac:dyDescent="0.4">
      <c r="A562">
        <v>559</v>
      </c>
      <c r="B562">
        <f t="shared" si="72"/>
        <v>18.633333333333333</v>
      </c>
      <c r="C562">
        <v>670.79160000000002</v>
      </c>
      <c r="D562">
        <v>509.20078000000001</v>
      </c>
      <c r="E562">
        <v>0.8929397</v>
      </c>
      <c r="F562">
        <v>799.31769999999995</v>
      </c>
      <c r="G562">
        <v>444.23971999999998</v>
      </c>
      <c r="H562">
        <v>0.93511979999999995</v>
      </c>
      <c r="I562">
        <v>790.13440000000003</v>
      </c>
      <c r="J562">
        <v>588.05160000000001</v>
      </c>
      <c r="K562">
        <v>0.96921710000000005</v>
      </c>
      <c r="L562">
        <f t="shared" si="73"/>
        <v>753.4145666666667</v>
      </c>
      <c r="M562">
        <f t="shared" si="74"/>
        <v>513.83069999999998</v>
      </c>
      <c r="N562">
        <f t="shared" si="75"/>
        <v>-6.9271114548676911</v>
      </c>
      <c r="O562">
        <f t="shared" si="76"/>
        <v>2.5355509541103665</v>
      </c>
      <c r="Q562">
        <v>1048.5563</v>
      </c>
      <c r="R562">
        <v>514.30420000000004</v>
      </c>
      <c r="S562">
        <v>0.88061374000000003</v>
      </c>
      <c r="T562">
        <v>1168.0814</v>
      </c>
      <c r="U562">
        <v>433.82702999999998</v>
      </c>
      <c r="V562">
        <v>0.91031026999999998</v>
      </c>
      <c r="W562">
        <v>1177.1296</v>
      </c>
      <c r="X562">
        <v>578.63696000000004</v>
      </c>
      <c r="Y562">
        <v>0.93228036000000003</v>
      </c>
      <c r="Z562">
        <f t="shared" si="77"/>
        <v>1131.2557666666669</v>
      </c>
      <c r="AA562">
        <f t="shared" si="78"/>
        <v>508.92273</v>
      </c>
      <c r="AB562">
        <f t="shared" si="79"/>
        <v>8.4819276834982862</v>
      </c>
      <c r="AC562">
        <f t="shared" si="80"/>
        <v>2.6067243329440037</v>
      </c>
    </row>
    <row r="563" spans="1:29" x14ac:dyDescent="0.4">
      <c r="A563">
        <v>560</v>
      </c>
      <c r="B563">
        <f t="shared" si="72"/>
        <v>18.666666666666668</v>
      </c>
      <c r="C563">
        <v>671.87860000000001</v>
      </c>
      <c r="D563">
        <v>509.07522999999998</v>
      </c>
      <c r="E563">
        <v>0.94504630000000001</v>
      </c>
      <c r="F563">
        <v>800.29596000000004</v>
      </c>
      <c r="G563">
        <v>443.98779999999999</v>
      </c>
      <c r="H563">
        <v>0.92465174000000006</v>
      </c>
      <c r="I563">
        <v>791.19110000000001</v>
      </c>
      <c r="J563">
        <v>587.95450000000005</v>
      </c>
      <c r="K563">
        <v>0.93844439999999996</v>
      </c>
      <c r="L563">
        <f t="shared" si="73"/>
        <v>754.45521999999994</v>
      </c>
      <c r="M563">
        <f t="shared" si="74"/>
        <v>513.67250999999999</v>
      </c>
      <c r="N563">
        <f t="shared" si="75"/>
        <v>-6.8848636281111562</v>
      </c>
      <c r="O563">
        <f t="shared" si="76"/>
        <v>2.5416578747874161</v>
      </c>
      <c r="Q563">
        <v>1047.6293000000001</v>
      </c>
      <c r="R563">
        <v>513.85455000000002</v>
      </c>
      <c r="S563">
        <v>0.88732827000000003</v>
      </c>
      <c r="T563">
        <v>1167.5238999999999</v>
      </c>
      <c r="U563">
        <v>433.90442000000002</v>
      </c>
      <c r="V563">
        <v>0.94672674000000001</v>
      </c>
      <c r="W563">
        <v>1176.2247</v>
      </c>
      <c r="X563">
        <v>578.77300000000002</v>
      </c>
      <c r="Y563">
        <v>0.92478347000000005</v>
      </c>
      <c r="Z563">
        <f t="shared" si="77"/>
        <v>1130.4592999999998</v>
      </c>
      <c r="AA563">
        <f t="shared" si="78"/>
        <v>508.84399000000002</v>
      </c>
      <c r="AB563">
        <f t="shared" si="79"/>
        <v>8.4492923793417685</v>
      </c>
      <c r="AC563">
        <f t="shared" si="80"/>
        <v>2.6102146882298358</v>
      </c>
    </row>
    <row r="564" spans="1:29" x14ac:dyDescent="0.4">
      <c r="A564">
        <v>561</v>
      </c>
      <c r="B564">
        <f t="shared" si="72"/>
        <v>18.7</v>
      </c>
      <c r="C564">
        <v>672.78252999999995</v>
      </c>
      <c r="D564">
        <v>508.82170000000002</v>
      </c>
      <c r="E564">
        <v>0.95935243000000003</v>
      </c>
      <c r="F564">
        <v>801.20500000000004</v>
      </c>
      <c r="G564">
        <v>443.88403</v>
      </c>
      <c r="H564">
        <v>0.93966530000000004</v>
      </c>
      <c r="I564">
        <v>792.19209999999998</v>
      </c>
      <c r="J564">
        <v>587.93640000000005</v>
      </c>
      <c r="K564">
        <v>0.89109119999999997</v>
      </c>
      <c r="L564">
        <f t="shared" si="73"/>
        <v>755.39320999999984</v>
      </c>
      <c r="M564">
        <f t="shared" si="74"/>
        <v>513.54737666666676</v>
      </c>
      <c r="N564">
        <f t="shared" si="75"/>
        <v>-6.8467881914530624</v>
      </c>
      <c r="O564">
        <f t="shared" si="76"/>
        <v>2.5464499432417944</v>
      </c>
      <c r="Q564">
        <v>1046.9132999999999</v>
      </c>
      <c r="R564">
        <v>513.86320000000001</v>
      </c>
      <c r="S564">
        <v>0.90917510000000001</v>
      </c>
      <c r="T564">
        <v>1166.8232</v>
      </c>
      <c r="U564">
        <v>433.81072999999998</v>
      </c>
      <c r="V564">
        <v>0.94802165000000005</v>
      </c>
      <c r="W564">
        <v>1175.4493</v>
      </c>
      <c r="X564">
        <v>578.86914000000002</v>
      </c>
      <c r="Y564">
        <v>0.93611529999999998</v>
      </c>
      <c r="Z564">
        <f t="shared" si="77"/>
        <v>1129.7286000000001</v>
      </c>
      <c r="AA564">
        <f t="shared" si="78"/>
        <v>508.84769</v>
      </c>
      <c r="AB564">
        <f t="shared" si="79"/>
        <v>8.4193279285547824</v>
      </c>
      <c r="AC564">
        <f t="shared" si="80"/>
        <v>2.6103171195052894</v>
      </c>
    </row>
    <row r="565" spans="1:29" x14ac:dyDescent="0.4">
      <c r="A565">
        <v>562</v>
      </c>
      <c r="B565">
        <f t="shared" si="72"/>
        <v>18.733333333333334</v>
      </c>
      <c r="C565">
        <v>673.75250000000005</v>
      </c>
      <c r="D565">
        <v>509.0557</v>
      </c>
      <c r="E565">
        <v>0.9845855</v>
      </c>
      <c r="F565">
        <v>802.12059999999997</v>
      </c>
      <c r="G565">
        <v>443.61471999999998</v>
      </c>
      <c r="H565">
        <v>0.95415110000000003</v>
      </c>
      <c r="I565">
        <v>793.17600000000004</v>
      </c>
      <c r="J565">
        <v>587.75969999999995</v>
      </c>
      <c r="K565">
        <v>0.88605630000000002</v>
      </c>
      <c r="L565">
        <f t="shared" si="73"/>
        <v>756.3497000000001</v>
      </c>
      <c r="M565">
        <f t="shared" si="74"/>
        <v>513.4767066666667</v>
      </c>
      <c r="N565">
        <f t="shared" si="75"/>
        <v>-6.8079791395403912</v>
      </c>
      <c r="O565">
        <f t="shared" si="76"/>
        <v>2.5490125185969625</v>
      </c>
      <c r="Q565">
        <v>1046.2028</v>
      </c>
      <c r="R565">
        <v>513.98015999999996</v>
      </c>
      <c r="S565">
        <v>0.93626869999999995</v>
      </c>
      <c r="T565">
        <v>1165.9712999999999</v>
      </c>
      <c r="U565">
        <v>433.79626000000002</v>
      </c>
      <c r="V565">
        <v>0.96656949999999997</v>
      </c>
      <c r="W565">
        <v>1174.8175000000001</v>
      </c>
      <c r="X565">
        <v>578.96747000000005</v>
      </c>
      <c r="Y565">
        <v>0.94901440000000004</v>
      </c>
      <c r="Z565">
        <f t="shared" si="77"/>
        <v>1128.9972</v>
      </c>
      <c r="AA565">
        <f t="shared" si="78"/>
        <v>508.91462999999999</v>
      </c>
      <c r="AB565">
        <f t="shared" si="79"/>
        <v>8.3893149197200128</v>
      </c>
      <c r="AC565">
        <f t="shared" si="80"/>
        <v>2.6078384035889712</v>
      </c>
    </row>
    <row r="566" spans="1:29" x14ac:dyDescent="0.4">
      <c r="A566">
        <v>563</v>
      </c>
      <c r="B566">
        <f t="shared" si="72"/>
        <v>18.766666666666666</v>
      </c>
      <c r="C566">
        <v>674.90459999999996</v>
      </c>
      <c r="D566">
        <v>508.86374000000001</v>
      </c>
      <c r="E566">
        <v>0.99724760000000001</v>
      </c>
      <c r="F566">
        <v>803.04285000000004</v>
      </c>
      <c r="G566">
        <v>443.65030000000002</v>
      </c>
      <c r="H566">
        <v>0.97036767000000002</v>
      </c>
      <c r="I566">
        <v>794.15967000000001</v>
      </c>
      <c r="J566">
        <v>587.69934000000001</v>
      </c>
      <c r="K566">
        <v>0.90770960000000001</v>
      </c>
      <c r="L566">
        <f t="shared" si="73"/>
        <v>757.36904000000004</v>
      </c>
      <c r="M566">
        <f t="shared" si="74"/>
        <v>513.40446000000009</v>
      </c>
      <c r="N566">
        <f t="shared" si="75"/>
        <v>-6.7666197511855222</v>
      </c>
      <c r="O566">
        <f t="shared" si="76"/>
        <v>2.5516182524754352</v>
      </c>
      <c r="Q566">
        <v>1045.2853</v>
      </c>
      <c r="R566">
        <v>513.80610000000001</v>
      </c>
      <c r="S566">
        <v>0.94411783999999999</v>
      </c>
      <c r="T566">
        <v>1165.2412999999999</v>
      </c>
      <c r="U566">
        <v>433.86844000000002</v>
      </c>
      <c r="V566">
        <v>0.97604389999999996</v>
      </c>
      <c r="W566">
        <v>1173.7933</v>
      </c>
      <c r="X566">
        <v>578.87789999999995</v>
      </c>
      <c r="Y566">
        <v>0.96869934000000002</v>
      </c>
      <c r="Z566">
        <f t="shared" si="77"/>
        <v>1128.1066333333335</v>
      </c>
      <c r="AA566">
        <f t="shared" si="78"/>
        <v>508.85081333333329</v>
      </c>
      <c r="AB566">
        <f t="shared" si="79"/>
        <v>8.3528185037666756</v>
      </c>
      <c r="AC566">
        <f t="shared" si="80"/>
        <v>2.6107521954136983</v>
      </c>
    </row>
    <row r="567" spans="1:29" x14ac:dyDescent="0.4">
      <c r="A567">
        <v>564</v>
      </c>
      <c r="B567">
        <f t="shared" si="72"/>
        <v>18.8</v>
      </c>
      <c r="C567">
        <v>675.94640000000004</v>
      </c>
      <c r="D567">
        <v>508.9187</v>
      </c>
      <c r="E567">
        <v>1</v>
      </c>
      <c r="F567">
        <v>804.17449999999997</v>
      </c>
      <c r="G567">
        <v>443.69515999999999</v>
      </c>
      <c r="H567">
        <v>0.94018699999999999</v>
      </c>
      <c r="I567">
        <v>795.04079999999999</v>
      </c>
      <c r="J567">
        <v>587.61365000000001</v>
      </c>
      <c r="K567">
        <v>0.90532564999999998</v>
      </c>
      <c r="L567">
        <f t="shared" si="73"/>
        <v>758.38723333333326</v>
      </c>
      <c r="M567">
        <f t="shared" si="74"/>
        <v>513.40917000000002</v>
      </c>
      <c r="N567">
        <f t="shared" si="75"/>
        <v>-6.7253305404740376</v>
      </c>
      <c r="O567">
        <f t="shared" si="76"/>
        <v>2.5510829218329323</v>
      </c>
      <c r="Q567">
        <v>1044.3362</v>
      </c>
      <c r="R567">
        <v>513.88256999999999</v>
      </c>
      <c r="S567">
        <v>0.94869952999999996</v>
      </c>
      <c r="T567">
        <v>1164.2170000000001</v>
      </c>
      <c r="U567">
        <v>433.98500000000001</v>
      </c>
      <c r="V567">
        <v>0.98853046</v>
      </c>
      <c r="W567">
        <v>1173.0969</v>
      </c>
      <c r="X567">
        <v>578.79876999999999</v>
      </c>
      <c r="Y567">
        <v>0.97284919999999997</v>
      </c>
      <c r="Z567">
        <f t="shared" si="77"/>
        <v>1127.2167000000002</v>
      </c>
      <c r="AA567">
        <f t="shared" si="78"/>
        <v>508.88878</v>
      </c>
      <c r="AB567">
        <f t="shared" si="79"/>
        <v>8.3163160199766608</v>
      </c>
      <c r="AC567">
        <f t="shared" si="80"/>
        <v>2.6095110814759832</v>
      </c>
    </row>
    <row r="568" spans="1:29" x14ac:dyDescent="0.4">
      <c r="A568">
        <v>565</v>
      </c>
      <c r="B568">
        <f t="shared" si="72"/>
        <v>18.833333333333332</v>
      </c>
      <c r="C568">
        <v>677.04285000000004</v>
      </c>
      <c r="D568">
        <v>508.71976000000001</v>
      </c>
      <c r="E568">
        <v>0.98748749999999996</v>
      </c>
      <c r="F568">
        <v>805.22546</v>
      </c>
      <c r="G568">
        <v>443.7534</v>
      </c>
      <c r="H568">
        <v>0.93987679999999996</v>
      </c>
      <c r="I568">
        <v>796.15106000000003</v>
      </c>
      <c r="J568">
        <v>587.45807000000002</v>
      </c>
      <c r="K568">
        <v>0.89715873999999995</v>
      </c>
      <c r="L568">
        <f t="shared" si="73"/>
        <v>759.47312333333332</v>
      </c>
      <c r="M568">
        <f t="shared" si="74"/>
        <v>513.31041000000005</v>
      </c>
      <c r="N568">
        <f t="shared" si="75"/>
        <v>-6.6812611046429566</v>
      </c>
      <c r="O568">
        <f t="shared" si="76"/>
        <v>2.5547484632153186</v>
      </c>
      <c r="Q568">
        <v>1043.2475999999999</v>
      </c>
      <c r="R568">
        <v>513.83989999999994</v>
      </c>
      <c r="S568">
        <v>0.93377969999999999</v>
      </c>
      <c r="T568">
        <v>1163.4517000000001</v>
      </c>
      <c r="U568">
        <v>433.87542999999999</v>
      </c>
      <c r="V568">
        <v>0.94606847000000005</v>
      </c>
      <c r="W568">
        <v>1172.5930000000001</v>
      </c>
      <c r="X568">
        <v>578.73760000000004</v>
      </c>
      <c r="Y568">
        <v>0.95901879999999995</v>
      </c>
      <c r="Z568">
        <f t="shared" si="77"/>
        <v>1126.4307666666666</v>
      </c>
      <c r="AA568">
        <f t="shared" si="78"/>
        <v>508.81764333333331</v>
      </c>
      <c r="AB568">
        <f t="shared" si="79"/>
        <v>8.2841140534497288</v>
      </c>
      <c r="AC568">
        <f t="shared" si="80"/>
        <v>2.6126873389243395</v>
      </c>
    </row>
    <row r="569" spans="1:29" x14ac:dyDescent="0.4">
      <c r="A569">
        <v>566</v>
      </c>
      <c r="B569">
        <f t="shared" si="72"/>
        <v>18.866666666666667</v>
      </c>
      <c r="C569">
        <v>678.07230000000004</v>
      </c>
      <c r="D569">
        <v>509.03113000000002</v>
      </c>
      <c r="E569">
        <v>0.96701735</v>
      </c>
      <c r="F569">
        <v>806.18395999999996</v>
      </c>
      <c r="G569">
        <v>443.55993999999998</v>
      </c>
      <c r="H569">
        <v>0.89550792999999995</v>
      </c>
      <c r="I569">
        <v>797.13199999999995</v>
      </c>
      <c r="J569">
        <v>587.24440000000004</v>
      </c>
      <c r="K569">
        <v>0.87524190000000002</v>
      </c>
      <c r="L569">
        <f t="shared" si="73"/>
        <v>760.46275333333335</v>
      </c>
      <c r="M569">
        <f t="shared" si="74"/>
        <v>513.27849000000003</v>
      </c>
      <c r="N569">
        <f t="shared" si="75"/>
        <v>-6.64111583072581</v>
      </c>
      <c r="O569">
        <f t="shared" si="76"/>
        <v>2.5557179606669576</v>
      </c>
      <c r="Q569">
        <v>1042.5129999999999</v>
      </c>
      <c r="R569">
        <v>513.74080000000004</v>
      </c>
      <c r="S569">
        <v>0.92745299999999997</v>
      </c>
      <c r="T569">
        <v>1162.8300999999999</v>
      </c>
      <c r="U569">
        <v>433.93007999999998</v>
      </c>
      <c r="V569">
        <v>0.95072055</v>
      </c>
      <c r="W569">
        <v>1171.2492999999999</v>
      </c>
      <c r="X569">
        <v>578.65769999999998</v>
      </c>
      <c r="Y569">
        <v>0.96753836000000004</v>
      </c>
      <c r="Z569">
        <f t="shared" si="77"/>
        <v>1125.5308</v>
      </c>
      <c r="AA569">
        <f t="shared" si="78"/>
        <v>508.77619333333331</v>
      </c>
      <c r="AB569">
        <f t="shared" si="79"/>
        <v>8.2472277624879418</v>
      </c>
      <c r="AC569">
        <f t="shared" si="80"/>
        <v>2.6146913490077197</v>
      </c>
    </row>
    <row r="570" spans="1:29" x14ac:dyDescent="0.4">
      <c r="A570">
        <v>567</v>
      </c>
      <c r="B570">
        <f t="shared" si="72"/>
        <v>18.899999999999999</v>
      </c>
      <c r="C570">
        <v>678.96910000000003</v>
      </c>
      <c r="D570">
        <v>509.00085000000001</v>
      </c>
      <c r="E570">
        <v>0.92497019999999996</v>
      </c>
      <c r="F570">
        <v>807.27215999999999</v>
      </c>
      <c r="G570">
        <v>443.52465999999998</v>
      </c>
      <c r="H570">
        <v>0.88424040000000004</v>
      </c>
      <c r="I570">
        <v>798.7559</v>
      </c>
      <c r="J570">
        <v>587.21514999999999</v>
      </c>
      <c r="K570">
        <v>0.91648940000000001</v>
      </c>
      <c r="L570">
        <f t="shared" si="73"/>
        <v>761.66571999999996</v>
      </c>
      <c r="M570">
        <f t="shared" si="74"/>
        <v>513.24688666666668</v>
      </c>
      <c r="N570">
        <f t="shared" si="75"/>
        <v>-6.5923170805347286</v>
      </c>
      <c r="O570">
        <f t="shared" si="76"/>
        <v>2.5566026033798415</v>
      </c>
      <c r="Q570">
        <v>1041.8126999999999</v>
      </c>
      <c r="R570">
        <v>513.79110000000003</v>
      </c>
      <c r="S570">
        <v>0.91652650000000002</v>
      </c>
      <c r="T570">
        <v>1162.0786000000001</v>
      </c>
      <c r="U570">
        <v>433.64461999999997</v>
      </c>
      <c r="V570">
        <v>0.95948979999999995</v>
      </c>
      <c r="W570">
        <v>1170.1371999999999</v>
      </c>
      <c r="X570">
        <v>578.48413000000005</v>
      </c>
      <c r="Y570">
        <v>0.96200019999999997</v>
      </c>
      <c r="Z570">
        <f t="shared" si="77"/>
        <v>1124.6761666666669</v>
      </c>
      <c r="AA570">
        <f t="shared" si="78"/>
        <v>508.63995</v>
      </c>
      <c r="AB570">
        <f t="shared" si="79"/>
        <v>8.2122318427963208</v>
      </c>
      <c r="AC570">
        <f t="shared" si="80"/>
        <v>2.6205489527420642</v>
      </c>
    </row>
    <row r="571" spans="1:29" x14ac:dyDescent="0.4">
      <c r="A571">
        <v>568</v>
      </c>
      <c r="B571">
        <f t="shared" si="72"/>
        <v>18.933333333333334</v>
      </c>
      <c r="C571">
        <v>680.12929999999994</v>
      </c>
      <c r="D571">
        <v>508.78766000000002</v>
      </c>
      <c r="E571">
        <v>0.8934666</v>
      </c>
      <c r="F571">
        <v>808.25379999999996</v>
      </c>
      <c r="G571">
        <v>443.42415999999997</v>
      </c>
      <c r="H571">
        <v>0.85811245000000003</v>
      </c>
      <c r="I571">
        <v>799.74609999999996</v>
      </c>
      <c r="J571">
        <v>586.95270000000005</v>
      </c>
      <c r="K571">
        <v>0.90452330000000003</v>
      </c>
      <c r="L571">
        <f t="shared" si="73"/>
        <v>762.70973333333325</v>
      </c>
      <c r="M571">
        <f t="shared" si="74"/>
        <v>513.05484000000001</v>
      </c>
      <c r="N571">
        <f t="shared" si="75"/>
        <v>-6.5499115432563251</v>
      </c>
      <c r="O571">
        <f t="shared" si="76"/>
        <v>2.5640901692447806</v>
      </c>
      <c r="Q571">
        <v>1040.8452</v>
      </c>
      <c r="R571">
        <v>513.73469999999998</v>
      </c>
      <c r="S571">
        <v>0.89919910000000003</v>
      </c>
      <c r="T571">
        <v>1161.123</v>
      </c>
      <c r="U571">
        <v>433.60180000000003</v>
      </c>
      <c r="V571">
        <v>0.94446569999999996</v>
      </c>
      <c r="W571">
        <v>1169.2662</v>
      </c>
      <c r="X571">
        <v>578.62176999999997</v>
      </c>
      <c r="Y571">
        <v>0.95967069999999999</v>
      </c>
      <c r="Z571">
        <f t="shared" si="77"/>
        <v>1123.7448000000002</v>
      </c>
      <c r="AA571">
        <f t="shared" si="78"/>
        <v>508.65275666666668</v>
      </c>
      <c r="AB571">
        <f t="shared" si="79"/>
        <v>8.1740425291578447</v>
      </c>
      <c r="AC571">
        <f t="shared" si="80"/>
        <v>2.6203491224468456</v>
      </c>
    </row>
    <row r="572" spans="1:29" x14ac:dyDescent="0.4">
      <c r="A572">
        <v>569</v>
      </c>
      <c r="B572">
        <f t="shared" si="72"/>
        <v>18.966666666666665</v>
      </c>
      <c r="C572">
        <v>680.87530000000004</v>
      </c>
      <c r="D572">
        <v>508.58328</v>
      </c>
      <c r="E572">
        <v>0.86438422999999998</v>
      </c>
      <c r="F572">
        <v>809.32024999999999</v>
      </c>
      <c r="G572">
        <v>443.61444</v>
      </c>
      <c r="H572">
        <v>0.86979320000000004</v>
      </c>
      <c r="I572">
        <v>800.81964000000005</v>
      </c>
      <c r="J572">
        <v>586.9248</v>
      </c>
      <c r="K572">
        <v>0.95654749999999999</v>
      </c>
      <c r="L572">
        <f t="shared" si="73"/>
        <v>763.67173000000003</v>
      </c>
      <c r="M572">
        <f t="shared" si="74"/>
        <v>513.04084</v>
      </c>
      <c r="N572">
        <f t="shared" si="75"/>
        <v>-6.5108889849469573</v>
      </c>
      <c r="O572">
        <f t="shared" si="76"/>
        <v>2.5643373892206132</v>
      </c>
      <c r="Q572">
        <v>1039.6370999999999</v>
      </c>
      <c r="R572">
        <v>513.67290000000003</v>
      </c>
      <c r="S572">
        <v>0.89997170000000004</v>
      </c>
      <c r="T572">
        <v>1160.2766999999999</v>
      </c>
      <c r="U572">
        <v>433.54937999999999</v>
      </c>
      <c r="V572">
        <v>0.93746936000000003</v>
      </c>
      <c r="W572">
        <v>1168.4552000000001</v>
      </c>
      <c r="X572">
        <v>578.50549999999998</v>
      </c>
      <c r="Y572">
        <v>0.93903506000000003</v>
      </c>
      <c r="Z572">
        <f t="shared" si="77"/>
        <v>1122.7896666666666</v>
      </c>
      <c r="AA572">
        <f t="shared" si="78"/>
        <v>508.57592666666665</v>
      </c>
      <c r="AB572">
        <f t="shared" si="79"/>
        <v>8.1349089659643283</v>
      </c>
      <c r="AC572">
        <f t="shared" si="80"/>
        <v>2.6238163520276716</v>
      </c>
    </row>
    <row r="573" spans="1:29" x14ac:dyDescent="0.4">
      <c r="A573">
        <v>570</v>
      </c>
      <c r="B573">
        <f t="shared" si="72"/>
        <v>19</v>
      </c>
      <c r="C573">
        <v>682.13819999999998</v>
      </c>
      <c r="D573">
        <v>508.63718</v>
      </c>
      <c r="E573">
        <v>0.85279536</v>
      </c>
      <c r="F573">
        <v>810.19910000000004</v>
      </c>
      <c r="G573">
        <v>443.27762000000001</v>
      </c>
      <c r="H573">
        <v>0.89264030000000005</v>
      </c>
      <c r="I573">
        <v>801.80560000000003</v>
      </c>
      <c r="J573">
        <v>586.95270000000005</v>
      </c>
      <c r="K573">
        <v>0.98883283</v>
      </c>
      <c r="L573">
        <f t="shared" si="73"/>
        <v>764.71430000000009</v>
      </c>
      <c r="M573">
        <f t="shared" si="74"/>
        <v>512.95583333333332</v>
      </c>
      <c r="N573">
        <f t="shared" si="75"/>
        <v>-6.4685741327689366</v>
      </c>
      <c r="O573">
        <f t="shared" si="76"/>
        <v>2.5674559482566255</v>
      </c>
      <c r="Q573">
        <v>1038.742</v>
      </c>
      <c r="R573">
        <v>513.73410000000001</v>
      </c>
      <c r="S573">
        <v>0.91901385999999996</v>
      </c>
      <c r="T573">
        <v>1159.2211</v>
      </c>
      <c r="U573">
        <v>433.7337</v>
      </c>
      <c r="V573">
        <v>0.98144260000000005</v>
      </c>
      <c r="W573">
        <v>1167.1387</v>
      </c>
      <c r="X573">
        <v>578.50445999999999</v>
      </c>
      <c r="Y573">
        <v>0.93174000000000001</v>
      </c>
      <c r="Z573">
        <f t="shared" si="77"/>
        <v>1121.7005999999999</v>
      </c>
      <c r="AA573">
        <f t="shared" si="78"/>
        <v>508.65742</v>
      </c>
      <c r="AB573">
        <f t="shared" si="79"/>
        <v>8.0902344351603546</v>
      </c>
      <c r="AC573">
        <f t="shared" si="80"/>
        <v>2.620867448117925</v>
      </c>
    </row>
    <row r="574" spans="1:29" x14ac:dyDescent="0.4">
      <c r="A574">
        <v>571</v>
      </c>
      <c r="B574">
        <f t="shared" si="72"/>
        <v>19.033333333333335</v>
      </c>
      <c r="C574">
        <v>683.24303999999995</v>
      </c>
      <c r="D574">
        <v>508.53012000000001</v>
      </c>
      <c r="E574">
        <v>0.86463409999999996</v>
      </c>
      <c r="F574">
        <v>811.24603000000002</v>
      </c>
      <c r="G574">
        <v>443.17266999999998</v>
      </c>
      <c r="H574">
        <v>0.93362224000000005</v>
      </c>
      <c r="I574">
        <v>802.71642999999995</v>
      </c>
      <c r="J574">
        <v>586.91765999999996</v>
      </c>
      <c r="K574">
        <v>1</v>
      </c>
      <c r="L574">
        <f t="shared" si="73"/>
        <v>765.73516666666671</v>
      </c>
      <c r="M574">
        <f t="shared" si="74"/>
        <v>512.8734833333333</v>
      </c>
      <c r="N574">
        <f t="shared" si="75"/>
        <v>-6.4271391597604959</v>
      </c>
      <c r="O574">
        <f t="shared" si="76"/>
        <v>2.5704733460624114</v>
      </c>
      <c r="Q574">
        <v>1038.0416</v>
      </c>
      <c r="R574">
        <v>513.81659999999999</v>
      </c>
      <c r="S574">
        <v>0.92356300000000002</v>
      </c>
      <c r="T574">
        <v>1158.1941999999999</v>
      </c>
      <c r="U574">
        <v>433.78879999999998</v>
      </c>
      <c r="V574">
        <v>0.99156237000000003</v>
      </c>
      <c r="W574">
        <v>1166.1472000000001</v>
      </c>
      <c r="X574">
        <v>578.43460000000005</v>
      </c>
      <c r="Y574">
        <v>0.95068984999999995</v>
      </c>
      <c r="Z574">
        <f t="shared" si="77"/>
        <v>1120.7943333333333</v>
      </c>
      <c r="AA574">
        <f t="shared" si="78"/>
        <v>508.68</v>
      </c>
      <c r="AB574">
        <f t="shared" si="79"/>
        <v>8.0530742992094808</v>
      </c>
      <c r="AC574">
        <f t="shared" si="80"/>
        <v>2.620259909384187</v>
      </c>
    </row>
    <row r="575" spans="1:29" x14ac:dyDescent="0.4">
      <c r="A575">
        <v>572</v>
      </c>
      <c r="B575">
        <f t="shared" si="72"/>
        <v>19.066666666666666</v>
      </c>
      <c r="C575">
        <v>684.44104000000004</v>
      </c>
      <c r="D575">
        <v>508.62723</v>
      </c>
      <c r="E575">
        <v>0.89118770000000003</v>
      </c>
      <c r="F575">
        <v>812.48990000000003</v>
      </c>
      <c r="G575">
        <v>443.19812000000002</v>
      </c>
      <c r="H575">
        <v>0.95721619999999996</v>
      </c>
      <c r="I575">
        <v>803.94244000000003</v>
      </c>
      <c r="J575">
        <v>586.78409999999997</v>
      </c>
      <c r="K575">
        <v>0.99931776999999999</v>
      </c>
      <c r="L575">
        <f t="shared" si="73"/>
        <v>766.95779333333337</v>
      </c>
      <c r="M575">
        <f t="shared" si="74"/>
        <v>512.86981666666668</v>
      </c>
      <c r="N575">
        <f t="shared" si="75"/>
        <v>-6.377544251952493</v>
      </c>
      <c r="O575">
        <f t="shared" si="76"/>
        <v>2.5702107983996223</v>
      </c>
      <c r="Q575">
        <v>1037.2863</v>
      </c>
      <c r="R575">
        <v>513.80960000000005</v>
      </c>
      <c r="S575">
        <v>0.93925183999999995</v>
      </c>
      <c r="T575">
        <v>1157.7197000000001</v>
      </c>
      <c r="U575">
        <v>433.7704</v>
      </c>
      <c r="V575">
        <v>0.99297862999999997</v>
      </c>
      <c r="W575">
        <v>1165.327</v>
      </c>
      <c r="X575">
        <v>578.375</v>
      </c>
      <c r="Y575">
        <v>0.94847745000000006</v>
      </c>
      <c r="Z575">
        <f t="shared" si="77"/>
        <v>1120.1110000000001</v>
      </c>
      <c r="AA575">
        <f t="shared" si="78"/>
        <v>508.65166666666664</v>
      </c>
      <c r="AB575">
        <f t="shared" si="79"/>
        <v>8.0250705865251906</v>
      </c>
      <c r="AC575">
        <f t="shared" si="80"/>
        <v>2.621653291406056</v>
      </c>
    </row>
    <row r="576" spans="1:29" x14ac:dyDescent="0.4">
      <c r="A576">
        <v>573</v>
      </c>
      <c r="B576">
        <f t="shared" si="72"/>
        <v>19.100000000000001</v>
      </c>
      <c r="C576">
        <v>685.50696000000005</v>
      </c>
      <c r="D576">
        <v>508.64452999999997</v>
      </c>
      <c r="E576">
        <v>0.88001859999999998</v>
      </c>
      <c r="F576">
        <v>813.68119999999999</v>
      </c>
      <c r="G576">
        <v>443.03397000000001</v>
      </c>
      <c r="H576">
        <v>0.97273134999999999</v>
      </c>
      <c r="I576">
        <v>805.30895999999996</v>
      </c>
      <c r="J576">
        <v>586.87494000000004</v>
      </c>
      <c r="K576">
        <v>1</v>
      </c>
      <c r="L576">
        <f t="shared" si="73"/>
        <v>768.16570666666667</v>
      </c>
      <c r="M576">
        <f t="shared" si="74"/>
        <v>512.85114666666675</v>
      </c>
      <c r="N576">
        <f t="shared" si="75"/>
        <v>-6.3285395143711529</v>
      </c>
      <c r="O576">
        <f t="shared" si="76"/>
        <v>2.5705656147736424</v>
      </c>
      <c r="Q576">
        <v>1036.0688</v>
      </c>
      <c r="R576">
        <v>513.89980000000003</v>
      </c>
      <c r="S576">
        <v>0.95998309999999998</v>
      </c>
      <c r="T576">
        <v>1156.5293999999999</v>
      </c>
      <c r="U576">
        <v>433.66539999999998</v>
      </c>
      <c r="V576">
        <v>0.95810633999999995</v>
      </c>
      <c r="W576">
        <v>1164.5581999999999</v>
      </c>
      <c r="X576">
        <v>578.36239999999998</v>
      </c>
      <c r="Y576">
        <v>0.95837709999999998</v>
      </c>
      <c r="Z576">
        <f t="shared" si="77"/>
        <v>1119.0521333333334</v>
      </c>
      <c r="AA576">
        <f t="shared" si="78"/>
        <v>508.64253333333335</v>
      </c>
      <c r="AB576">
        <f t="shared" si="79"/>
        <v>7.9816669751668918</v>
      </c>
      <c r="AC576">
        <f t="shared" si="80"/>
        <v>2.6223930970292604</v>
      </c>
    </row>
    <row r="577" spans="1:29" x14ac:dyDescent="0.4">
      <c r="A577">
        <v>574</v>
      </c>
      <c r="B577">
        <f t="shared" si="72"/>
        <v>19.133333333333333</v>
      </c>
      <c r="C577">
        <v>686.69556</v>
      </c>
      <c r="D577">
        <v>508.68268</v>
      </c>
      <c r="E577">
        <v>0.90923779999999998</v>
      </c>
      <c r="F577">
        <v>814.78570000000002</v>
      </c>
      <c r="G577">
        <v>442.9966</v>
      </c>
      <c r="H577">
        <v>0.90514534999999996</v>
      </c>
      <c r="I577">
        <v>806.51733000000002</v>
      </c>
      <c r="J577">
        <v>586.82556</v>
      </c>
      <c r="K577">
        <v>0.97039059999999999</v>
      </c>
      <c r="L577">
        <f t="shared" si="73"/>
        <v>769.33286333333342</v>
      </c>
      <c r="M577">
        <f t="shared" si="74"/>
        <v>512.83494666666672</v>
      </c>
      <c r="N577">
        <f t="shared" si="75"/>
        <v>-6.2811871728827811</v>
      </c>
      <c r="O577">
        <f t="shared" si="76"/>
        <v>2.5708333104625862</v>
      </c>
      <c r="Q577">
        <v>1035.2128</v>
      </c>
      <c r="R577">
        <v>513.6771</v>
      </c>
      <c r="S577">
        <v>0.93594109999999997</v>
      </c>
      <c r="T577">
        <v>1155.3549</v>
      </c>
      <c r="U577">
        <v>433.67876999999999</v>
      </c>
      <c r="V577">
        <v>0.95496994000000002</v>
      </c>
      <c r="W577">
        <v>1163.8208999999999</v>
      </c>
      <c r="X577">
        <v>578.41547000000003</v>
      </c>
      <c r="Y577">
        <v>0.95667683999999997</v>
      </c>
      <c r="Z577">
        <f t="shared" si="77"/>
        <v>1118.1295333333335</v>
      </c>
      <c r="AA577">
        <f t="shared" si="78"/>
        <v>508.59044666666665</v>
      </c>
      <c r="AB577">
        <f t="shared" si="79"/>
        <v>7.943864441991396</v>
      </c>
      <c r="AC577">
        <f t="shared" si="80"/>
        <v>2.6248389441544653</v>
      </c>
    </row>
    <row r="578" spans="1:29" x14ac:dyDescent="0.4">
      <c r="A578">
        <v>575</v>
      </c>
      <c r="B578">
        <f t="shared" si="72"/>
        <v>19.166666666666668</v>
      </c>
      <c r="C578">
        <v>688.23869999999999</v>
      </c>
      <c r="D578">
        <v>508.45828</v>
      </c>
      <c r="E578">
        <v>0.94367009999999996</v>
      </c>
      <c r="F578">
        <v>816.17669999999998</v>
      </c>
      <c r="G578">
        <v>442.9991</v>
      </c>
      <c r="H578">
        <v>0.90744820000000004</v>
      </c>
      <c r="I578">
        <v>807.67859999999996</v>
      </c>
      <c r="J578">
        <v>586.76559999999995</v>
      </c>
      <c r="K578">
        <v>0.90280780000000005</v>
      </c>
      <c r="L578">
        <f t="shared" si="73"/>
        <v>770.69799999999998</v>
      </c>
      <c r="M578">
        <f t="shared" si="74"/>
        <v>512.74099333333334</v>
      </c>
      <c r="N578">
        <f t="shared" si="75"/>
        <v>-6.2257762322298742</v>
      </c>
      <c r="O578">
        <f t="shared" si="76"/>
        <v>2.5742081175705587</v>
      </c>
      <c r="Q578">
        <v>1034.3732</v>
      </c>
      <c r="R578">
        <v>513.61974999999995</v>
      </c>
      <c r="S578">
        <v>0.90573113999999999</v>
      </c>
      <c r="T578">
        <v>1154.559</v>
      </c>
      <c r="U578">
        <v>433.63</v>
      </c>
      <c r="V578">
        <v>0.91069054999999999</v>
      </c>
      <c r="W578">
        <v>1162.9431999999999</v>
      </c>
      <c r="X578">
        <v>578.37396000000001</v>
      </c>
      <c r="Y578">
        <v>0.9455846</v>
      </c>
      <c r="Z578">
        <f t="shared" si="77"/>
        <v>1117.2918</v>
      </c>
      <c r="AA578">
        <f t="shared" si="78"/>
        <v>508.54123666666663</v>
      </c>
      <c r="AB578">
        <f t="shared" si="79"/>
        <v>7.9095407471452797</v>
      </c>
      <c r="AC578">
        <f t="shared" si="80"/>
        <v>2.6271379370725896</v>
      </c>
    </row>
    <row r="579" spans="1:29" x14ac:dyDescent="0.4">
      <c r="A579">
        <v>576</v>
      </c>
      <c r="B579">
        <f t="shared" si="72"/>
        <v>19.2</v>
      </c>
      <c r="C579">
        <v>688.92970000000003</v>
      </c>
      <c r="D579">
        <v>508.32619999999997</v>
      </c>
      <c r="E579">
        <v>0.97755510000000001</v>
      </c>
      <c r="F579">
        <v>817.52764999999999</v>
      </c>
      <c r="G579">
        <v>443.03232000000003</v>
      </c>
      <c r="H579">
        <v>0.93537179999999998</v>
      </c>
      <c r="I579">
        <v>808.74360000000001</v>
      </c>
      <c r="J579">
        <v>586.72190000000001</v>
      </c>
      <c r="K579">
        <v>0.89655054000000001</v>
      </c>
      <c r="L579">
        <f t="shared" si="73"/>
        <v>771.73365000000013</v>
      </c>
      <c r="M579">
        <f t="shared" si="74"/>
        <v>512.69347333333337</v>
      </c>
      <c r="N579">
        <f t="shared" si="75"/>
        <v>-6.1837453518597592</v>
      </c>
      <c r="O579">
        <f t="shared" si="76"/>
        <v>2.5757985854533842</v>
      </c>
      <c r="Q579">
        <v>1033.4767999999999</v>
      </c>
      <c r="R579">
        <v>513.50400000000002</v>
      </c>
      <c r="S579">
        <v>0.87809329999999997</v>
      </c>
      <c r="T579">
        <v>1153.7299</v>
      </c>
      <c r="U579">
        <v>433.69135</v>
      </c>
      <c r="V579">
        <v>0.93942254999999997</v>
      </c>
      <c r="W579">
        <v>1162.1641999999999</v>
      </c>
      <c r="X579">
        <v>578.3655</v>
      </c>
      <c r="Y579">
        <v>0.95164305000000005</v>
      </c>
      <c r="Z579">
        <f t="shared" si="77"/>
        <v>1116.4569666666666</v>
      </c>
      <c r="AA579">
        <f t="shared" si="78"/>
        <v>508.52028333333328</v>
      </c>
      <c r="AB579">
        <f t="shared" si="79"/>
        <v>7.8753276146975812</v>
      </c>
      <c r="AC579">
        <f t="shared" si="80"/>
        <v>2.6282825090056012</v>
      </c>
    </row>
    <row r="580" spans="1:29" x14ac:dyDescent="0.4">
      <c r="A580">
        <v>577</v>
      </c>
      <c r="B580">
        <f t="shared" ref="B580:B643" si="81">A580/30</f>
        <v>19.233333333333334</v>
      </c>
      <c r="C580">
        <v>690.44830000000002</v>
      </c>
      <c r="D580">
        <v>508.12479999999999</v>
      </c>
      <c r="E580">
        <v>0.99636270000000005</v>
      </c>
      <c r="F580">
        <v>818.33969999999999</v>
      </c>
      <c r="G580">
        <v>442.73532</v>
      </c>
      <c r="H580">
        <v>0.95322216000000004</v>
      </c>
      <c r="I580">
        <v>809.98517000000004</v>
      </c>
      <c r="J580">
        <v>586.65300000000002</v>
      </c>
      <c r="K580">
        <v>0.90251802999999997</v>
      </c>
      <c r="L580">
        <f t="shared" ref="L580:L643" si="82">(C580+F580+I580)/3</f>
        <v>772.92439000000002</v>
      </c>
      <c r="M580">
        <f t="shared" ref="M580:M643" si="83">(D580+G580+J580)/3</f>
        <v>512.50437333333332</v>
      </c>
      <c r="N580">
        <f t="shared" ref="N580:N643" si="84" xml:space="preserve"> -36.96+0.03963*L580-0.0003398*M580+6.089*10^(-7)*L580^2+1.529*10^(-8)*M580^2</f>
        <v>-6.1353750923591326</v>
      </c>
      <c r="O580">
        <f t="shared" ref="O580:O643" si="85" xml:space="preserve"> 23.7-0.0003167*L580-0.0406*M580-1.335*10^(-8)*L580^2-2.149*10^(-7)*M580^2</f>
        <v>2.5831160451955215</v>
      </c>
      <c r="Q580">
        <v>1032.3351</v>
      </c>
      <c r="R580">
        <v>513.46510000000001</v>
      </c>
      <c r="S580">
        <v>0.8571242</v>
      </c>
      <c r="T580">
        <v>1152.6908000000001</v>
      </c>
      <c r="U580">
        <v>433.60007000000002</v>
      </c>
      <c r="V580">
        <v>0.91377883999999998</v>
      </c>
      <c r="W580">
        <v>1161.6228000000001</v>
      </c>
      <c r="X580">
        <v>578.35315000000003</v>
      </c>
      <c r="Y580">
        <v>0.94287544000000001</v>
      </c>
      <c r="Z580">
        <f t="shared" ref="Z580:Z643" si="86">(Q580+T580+W580)/3</f>
        <v>1115.5495666666668</v>
      </c>
      <c r="AA580">
        <f t="shared" ref="AA580:AA643" si="87">(R580+U580+X580)/3</f>
        <v>508.47277333333341</v>
      </c>
      <c r="AB580">
        <f t="shared" ref="AB580:AB643" si="88" xml:space="preserve"> -36.96+0.03963*Z580-0.0003398*AA580+6.089*10^(-7)*Z580^2+1.529*10^(-8)*AA580^2</f>
        <v>7.8381495388141644</v>
      </c>
      <c r="AC580">
        <f t="shared" ref="AC580:AC643" si="89" xml:space="preserve"> 23.7-0.0003167*Z580-0.0406*AA580-1.335*10^(-8)*Z580^2-2.149*10^(-7)*AA580^2</f>
        <v>2.6305362100404106</v>
      </c>
    </row>
    <row r="581" spans="1:29" x14ac:dyDescent="0.4">
      <c r="A581">
        <v>578</v>
      </c>
      <c r="B581">
        <f t="shared" si="81"/>
        <v>19.266666666666666</v>
      </c>
      <c r="C581">
        <v>691.79759999999999</v>
      </c>
      <c r="D581">
        <v>508.11826000000002</v>
      </c>
      <c r="E581">
        <v>1</v>
      </c>
      <c r="F581">
        <v>819.45420000000001</v>
      </c>
      <c r="G581">
        <v>442.70828</v>
      </c>
      <c r="H581">
        <v>0.96553224000000004</v>
      </c>
      <c r="I581">
        <v>811.08983999999998</v>
      </c>
      <c r="J581">
        <v>586.55129999999997</v>
      </c>
      <c r="K581">
        <v>0.89157589999999998</v>
      </c>
      <c r="L581">
        <f t="shared" si="82"/>
        <v>774.11387999999999</v>
      </c>
      <c r="M581">
        <f t="shared" si="83"/>
        <v>512.45928000000004</v>
      </c>
      <c r="N581">
        <f t="shared" si="84"/>
        <v>-6.0871004980420214</v>
      </c>
      <c r="O581">
        <f t="shared" si="85"/>
        <v>2.5845554890244355</v>
      </c>
      <c r="Q581">
        <v>1031.5048999999999</v>
      </c>
      <c r="R581">
        <v>513.08910000000003</v>
      </c>
      <c r="S581">
        <v>0.88831156</v>
      </c>
      <c r="T581">
        <v>1151.5652</v>
      </c>
      <c r="U581">
        <v>433.82477</v>
      </c>
      <c r="V581">
        <v>0.94403400000000004</v>
      </c>
      <c r="W581">
        <v>1160.4481000000001</v>
      </c>
      <c r="X581">
        <v>578.40650000000005</v>
      </c>
      <c r="Y581">
        <v>0.92473070000000002</v>
      </c>
      <c r="Z581">
        <f t="shared" si="86"/>
        <v>1114.5060666666666</v>
      </c>
      <c r="AA581">
        <f t="shared" si="87"/>
        <v>508.44012333333336</v>
      </c>
      <c r="AB581">
        <f t="shared" si="88"/>
        <v>7.7953892719292188</v>
      </c>
      <c r="AC581">
        <f t="shared" si="89"/>
        <v>2.632230477936262</v>
      </c>
    </row>
    <row r="582" spans="1:29" x14ac:dyDescent="0.4">
      <c r="A582">
        <v>579</v>
      </c>
      <c r="B582">
        <f t="shared" si="81"/>
        <v>19.3</v>
      </c>
      <c r="C582">
        <v>693.2998</v>
      </c>
      <c r="D582">
        <v>508.35953000000001</v>
      </c>
      <c r="E582">
        <v>0.98447614999999999</v>
      </c>
      <c r="F582">
        <v>820.76469999999995</v>
      </c>
      <c r="G582">
        <v>442.63780000000003</v>
      </c>
      <c r="H582">
        <v>0.9450691</v>
      </c>
      <c r="I582">
        <v>812.61926000000005</v>
      </c>
      <c r="J582">
        <v>586.49084000000005</v>
      </c>
      <c r="K582">
        <v>0.86353290000000005</v>
      </c>
      <c r="L582">
        <f t="shared" si="82"/>
        <v>775.5612533333333</v>
      </c>
      <c r="M582">
        <f t="shared" si="83"/>
        <v>512.49605666666673</v>
      </c>
      <c r="N582">
        <f t="shared" si="84"/>
        <v>-6.0283872757970425</v>
      </c>
      <c r="O582">
        <f t="shared" si="85"/>
        <v>2.5825659291922927</v>
      </c>
      <c r="Q582">
        <v>1030.6328000000001</v>
      </c>
      <c r="R582">
        <v>513.27202999999997</v>
      </c>
      <c r="S582">
        <v>0.92086939999999995</v>
      </c>
      <c r="T582">
        <v>1150.4992999999999</v>
      </c>
      <c r="U582">
        <v>434.00689999999997</v>
      </c>
      <c r="V582">
        <v>0.97689760000000003</v>
      </c>
      <c r="W582">
        <v>1159.1914999999999</v>
      </c>
      <c r="X582">
        <v>578.44695999999999</v>
      </c>
      <c r="Y582">
        <v>0.94936410000000004</v>
      </c>
      <c r="Z582">
        <f t="shared" si="86"/>
        <v>1113.4412</v>
      </c>
      <c r="AA582">
        <f t="shared" si="87"/>
        <v>508.57529666666665</v>
      </c>
      <c r="AB582">
        <f t="shared" si="88"/>
        <v>7.7517001809763411</v>
      </c>
      <c r="AC582">
        <f t="shared" si="89"/>
        <v>2.6270818132817664</v>
      </c>
    </row>
    <row r="583" spans="1:29" x14ac:dyDescent="0.4">
      <c r="A583">
        <v>580</v>
      </c>
      <c r="B583">
        <f t="shared" si="81"/>
        <v>19.333333333333332</v>
      </c>
      <c r="C583">
        <v>694.83623999999998</v>
      </c>
      <c r="D583">
        <v>508.47476</v>
      </c>
      <c r="E583">
        <v>0.97646929999999998</v>
      </c>
      <c r="F583">
        <v>822.18176000000005</v>
      </c>
      <c r="G583">
        <v>442.41977000000003</v>
      </c>
      <c r="H583">
        <v>0.91825217000000003</v>
      </c>
      <c r="I583">
        <v>813.68200000000002</v>
      </c>
      <c r="J583">
        <v>586.55664000000002</v>
      </c>
      <c r="K583">
        <v>0.8552071</v>
      </c>
      <c r="L583">
        <f t="shared" si="82"/>
        <v>776.9</v>
      </c>
      <c r="M583">
        <f t="shared" si="83"/>
        <v>512.48372333333339</v>
      </c>
      <c r="N583">
        <f t="shared" si="84"/>
        <v>-5.9740632390851083</v>
      </c>
      <c r="O583">
        <f t="shared" si="85"/>
        <v>2.5826176520932922</v>
      </c>
      <c r="Q583">
        <v>1029.7003</v>
      </c>
      <c r="R583">
        <v>513.42240000000004</v>
      </c>
      <c r="S583">
        <v>0.93440979999999996</v>
      </c>
      <c r="T583">
        <v>1149.5648000000001</v>
      </c>
      <c r="U583">
        <v>434.17505</v>
      </c>
      <c r="V583">
        <v>1</v>
      </c>
      <c r="W583">
        <v>1158.1941999999999</v>
      </c>
      <c r="X583">
        <v>578.45050000000003</v>
      </c>
      <c r="Y583">
        <v>0.97527050000000004</v>
      </c>
      <c r="Z583">
        <f t="shared" si="86"/>
        <v>1112.4864333333333</v>
      </c>
      <c r="AA583">
        <f t="shared" si="87"/>
        <v>508.68265000000002</v>
      </c>
      <c r="AB583">
        <f t="shared" si="88"/>
        <v>7.712533909520455</v>
      </c>
      <c r="AC583">
        <f t="shared" si="89"/>
        <v>2.6230305461497232</v>
      </c>
    </row>
    <row r="584" spans="1:29" x14ac:dyDescent="0.4">
      <c r="A584">
        <v>581</v>
      </c>
      <c r="B584">
        <f t="shared" si="81"/>
        <v>19.366666666666667</v>
      </c>
      <c r="C584">
        <v>695.41740000000004</v>
      </c>
      <c r="D584">
        <v>508.46447999999998</v>
      </c>
      <c r="E584">
        <v>0.9369883</v>
      </c>
      <c r="F584">
        <v>823.47626000000002</v>
      </c>
      <c r="G584">
        <v>442.45844</v>
      </c>
      <c r="H584">
        <v>0.87980866000000002</v>
      </c>
      <c r="I584">
        <v>815.15570000000002</v>
      </c>
      <c r="J584">
        <v>586.13982999999996</v>
      </c>
      <c r="K584">
        <v>0.88382435000000004</v>
      </c>
      <c r="L584">
        <f t="shared" si="82"/>
        <v>778.01645333333329</v>
      </c>
      <c r="M584">
        <f t="shared" si="83"/>
        <v>512.35424999999998</v>
      </c>
      <c r="N584">
        <f t="shared" si="84"/>
        <v>-5.9287191819439569</v>
      </c>
      <c r="O584">
        <f t="shared" si="85"/>
        <v>2.5875260280739485</v>
      </c>
      <c r="Q584">
        <v>1028.6509000000001</v>
      </c>
      <c r="R584">
        <v>513.41959999999995</v>
      </c>
      <c r="S584">
        <v>0.948569</v>
      </c>
      <c r="T584">
        <v>1149.0406</v>
      </c>
      <c r="U584">
        <v>434.03210000000001</v>
      </c>
      <c r="V584">
        <v>0.99230300000000005</v>
      </c>
      <c r="W584">
        <v>1157.4175</v>
      </c>
      <c r="X584">
        <v>578.55579999999998</v>
      </c>
      <c r="Y584">
        <v>0.96296009999999999</v>
      </c>
      <c r="Z584">
        <f t="shared" si="86"/>
        <v>1111.703</v>
      </c>
      <c r="AA584">
        <f t="shared" si="87"/>
        <v>508.66916666666663</v>
      </c>
      <c r="AB584">
        <f t="shared" si="88"/>
        <v>7.6804298076478084</v>
      </c>
      <c r="AC584">
        <f t="shared" si="89"/>
        <v>2.6238522930964239</v>
      </c>
    </row>
    <row r="585" spans="1:29" x14ac:dyDescent="0.4">
      <c r="A585">
        <v>582</v>
      </c>
      <c r="B585">
        <f t="shared" si="81"/>
        <v>19.399999999999999</v>
      </c>
      <c r="C585">
        <v>696.67724999999996</v>
      </c>
      <c r="D585">
        <v>508.05585000000002</v>
      </c>
      <c r="E585">
        <v>0.88985349999999996</v>
      </c>
      <c r="F585">
        <v>824.56759999999997</v>
      </c>
      <c r="G585">
        <v>442.59649999999999</v>
      </c>
      <c r="H585">
        <v>0.83436924000000001</v>
      </c>
      <c r="I585">
        <v>816.53845000000001</v>
      </c>
      <c r="J585">
        <v>586.21312999999998</v>
      </c>
      <c r="K585">
        <v>0.93839079999999997</v>
      </c>
      <c r="L585">
        <f t="shared" si="82"/>
        <v>779.26110000000006</v>
      </c>
      <c r="M585">
        <f t="shared" si="83"/>
        <v>512.28849333333335</v>
      </c>
      <c r="N585">
        <f t="shared" si="84"/>
        <v>-5.878192313918035</v>
      </c>
      <c r="O585">
        <f t="shared" si="85"/>
        <v>2.5897901727029922</v>
      </c>
      <c r="Q585">
        <v>1027.5526</v>
      </c>
      <c r="R585">
        <v>513.43510000000003</v>
      </c>
      <c r="S585">
        <v>0.94542269999999995</v>
      </c>
      <c r="T585">
        <v>1147.6322</v>
      </c>
      <c r="U585">
        <v>434.16904</v>
      </c>
      <c r="V585">
        <v>0.99845399999999995</v>
      </c>
      <c r="W585">
        <v>1156.3517999999999</v>
      </c>
      <c r="X585">
        <v>578.32219999999995</v>
      </c>
      <c r="Y585">
        <v>0.97134995000000002</v>
      </c>
      <c r="Z585">
        <f t="shared" si="86"/>
        <v>1110.5121999999999</v>
      </c>
      <c r="AA585">
        <f t="shared" si="87"/>
        <v>508.64211333333333</v>
      </c>
      <c r="AB585">
        <f t="shared" si="88"/>
        <v>7.6316358959448207</v>
      </c>
      <c r="AC585">
        <f t="shared" si="89"/>
        <v>2.6253690261497713</v>
      </c>
    </row>
    <row r="586" spans="1:29" x14ac:dyDescent="0.4">
      <c r="A586">
        <v>583</v>
      </c>
      <c r="B586">
        <f t="shared" si="81"/>
        <v>19.433333333333334</v>
      </c>
      <c r="C586">
        <v>697.83563000000004</v>
      </c>
      <c r="D586">
        <v>508.03796</v>
      </c>
      <c r="E586">
        <v>0.87288796999999996</v>
      </c>
      <c r="F586">
        <v>825.58043999999995</v>
      </c>
      <c r="G586">
        <v>442.46285999999998</v>
      </c>
      <c r="H586">
        <v>0.86900359999999999</v>
      </c>
      <c r="I586">
        <v>817.75059999999996</v>
      </c>
      <c r="J586">
        <v>586.20763999999997</v>
      </c>
      <c r="K586">
        <v>0.95728356000000003</v>
      </c>
      <c r="L586">
        <f t="shared" si="82"/>
        <v>780.38889000000006</v>
      </c>
      <c r="M586">
        <f t="shared" si="83"/>
        <v>512.23615333333328</v>
      </c>
      <c r="N586">
        <f t="shared" si="84"/>
        <v>-5.8324100016706586</v>
      </c>
      <c r="O586">
        <f t="shared" si="85"/>
        <v>2.591546047241144</v>
      </c>
      <c r="Q586">
        <v>1026.5070000000001</v>
      </c>
      <c r="R586">
        <v>513.40344000000005</v>
      </c>
      <c r="S586">
        <v>0.91829353999999996</v>
      </c>
      <c r="T586">
        <v>1146.6804</v>
      </c>
      <c r="U586">
        <v>433.98932000000002</v>
      </c>
      <c r="V586">
        <v>0.98494749999999998</v>
      </c>
      <c r="W586">
        <v>1155.5615</v>
      </c>
      <c r="X586">
        <v>578.18809999999996</v>
      </c>
      <c r="Y586">
        <v>0.95311517000000001</v>
      </c>
      <c r="Z586">
        <f t="shared" si="86"/>
        <v>1109.5829666666666</v>
      </c>
      <c r="AA586">
        <f t="shared" si="87"/>
        <v>508.52695333333332</v>
      </c>
      <c r="AB586">
        <f t="shared" si="88"/>
        <v>7.5935915668467251</v>
      </c>
      <c r="AC586">
        <f t="shared" si="89"/>
        <v>2.630391523997377</v>
      </c>
    </row>
    <row r="587" spans="1:29" x14ac:dyDescent="0.4">
      <c r="A587">
        <v>584</v>
      </c>
      <c r="B587">
        <f t="shared" si="81"/>
        <v>19.466666666666665</v>
      </c>
      <c r="C587">
        <v>699.19349999999997</v>
      </c>
      <c r="D587">
        <v>507.86597</v>
      </c>
      <c r="E587">
        <v>0.88367519999999999</v>
      </c>
      <c r="F587">
        <v>826.87779999999998</v>
      </c>
      <c r="G587">
        <v>442.08114999999998</v>
      </c>
      <c r="H587">
        <v>0.93010426000000002</v>
      </c>
      <c r="I587">
        <v>819.05939999999998</v>
      </c>
      <c r="J587">
        <v>585.97559999999999</v>
      </c>
      <c r="K587">
        <v>0.96518344</v>
      </c>
      <c r="L587">
        <f t="shared" si="82"/>
        <v>781.71023333333335</v>
      </c>
      <c r="M587">
        <f t="shared" si="83"/>
        <v>511.97424000000001</v>
      </c>
      <c r="N587">
        <f t="shared" si="84"/>
        <v>-5.778703457055121</v>
      </c>
      <c r="O587">
        <f t="shared" si="85"/>
        <v>2.6017913516777176</v>
      </c>
      <c r="Q587">
        <v>1025.702</v>
      </c>
      <c r="R587">
        <v>513.33356000000003</v>
      </c>
      <c r="S587">
        <v>0.91689723999999995</v>
      </c>
      <c r="T587">
        <v>1145.7929999999999</v>
      </c>
      <c r="U587">
        <v>433.74254999999999</v>
      </c>
      <c r="V587">
        <v>0.98613269999999997</v>
      </c>
      <c r="W587">
        <v>1154.4817</v>
      </c>
      <c r="X587">
        <v>578.12270000000001</v>
      </c>
      <c r="Y587">
        <v>0.95833970000000002</v>
      </c>
      <c r="Z587">
        <f t="shared" si="86"/>
        <v>1108.6589000000001</v>
      </c>
      <c r="AA587">
        <f t="shared" si="87"/>
        <v>508.39960333333329</v>
      </c>
      <c r="AB587">
        <f t="shared" si="88"/>
        <v>7.5557639729656287</v>
      </c>
      <c r="AC587">
        <f t="shared" si="89"/>
        <v>2.6359097815384631</v>
      </c>
    </row>
    <row r="588" spans="1:29" x14ac:dyDescent="0.4">
      <c r="A588">
        <v>585</v>
      </c>
      <c r="B588">
        <f t="shared" si="81"/>
        <v>19.5</v>
      </c>
      <c r="C588">
        <v>700.51329999999996</v>
      </c>
      <c r="D588">
        <v>507.77321999999998</v>
      </c>
      <c r="E588">
        <v>0.90218149999999997</v>
      </c>
      <c r="F588">
        <v>828.25130000000001</v>
      </c>
      <c r="G588">
        <v>441.83031999999997</v>
      </c>
      <c r="H588">
        <v>0.94522859999999997</v>
      </c>
      <c r="I588">
        <v>820.56506000000002</v>
      </c>
      <c r="J588">
        <v>586.06744000000003</v>
      </c>
      <c r="K588">
        <v>0.95987429999999996</v>
      </c>
      <c r="L588">
        <f t="shared" si="82"/>
        <v>783.10988666666663</v>
      </c>
      <c r="M588">
        <f t="shared" si="83"/>
        <v>511.89032666666662</v>
      </c>
      <c r="N588">
        <f t="shared" si="84"/>
        <v>-5.7218743791094759</v>
      </c>
      <c r="O588">
        <f t="shared" si="85"/>
        <v>2.6047441868788077</v>
      </c>
      <c r="Q588">
        <v>1024.4661000000001</v>
      </c>
      <c r="R588">
        <v>513.34424000000001</v>
      </c>
      <c r="S588">
        <v>0.903115</v>
      </c>
      <c r="T588">
        <v>1145.1161</v>
      </c>
      <c r="U588">
        <v>433.53680000000003</v>
      </c>
      <c r="V588">
        <v>0.96355630000000003</v>
      </c>
      <c r="W588">
        <v>1153.2429999999999</v>
      </c>
      <c r="X588">
        <v>577.99634000000003</v>
      </c>
      <c r="Y588">
        <v>0.92367303000000001</v>
      </c>
      <c r="Z588">
        <f t="shared" si="86"/>
        <v>1107.6083999999998</v>
      </c>
      <c r="AA588">
        <f t="shared" si="87"/>
        <v>508.29245999999995</v>
      </c>
      <c r="AB588">
        <f t="shared" si="88"/>
        <v>7.5127497655439219</v>
      </c>
      <c r="AC588">
        <f t="shared" si="89"/>
        <v>2.6406469849810579</v>
      </c>
    </row>
    <row r="589" spans="1:29" x14ac:dyDescent="0.4">
      <c r="A589">
        <v>586</v>
      </c>
      <c r="B589">
        <f t="shared" si="81"/>
        <v>19.533333333333335</v>
      </c>
      <c r="C589">
        <v>701.96454000000006</v>
      </c>
      <c r="D589">
        <v>507.9751</v>
      </c>
      <c r="E589">
        <v>0.89778049999999998</v>
      </c>
      <c r="F589">
        <v>829.84259999999995</v>
      </c>
      <c r="G589">
        <v>441.64251999999999</v>
      </c>
      <c r="H589">
        <v>0.94603234999999997</v>
      </c>
      <c r="I589">
        <v>822.02369999999996</v>
      </c>
      <c r="J589">
        <v>585.92394999999999</v>
      </c>
      <c r="K589">
        <v>0.95779734999999999</v>
      </c>
      <c r="L589">
        <f t="shared" si="82"/>
        <v>784.61027999999988</v>
      </c>
      <c r="M589">
        <f t="shared" si="83"/>
        <v>511.84718999999996</v>
      </c>
      <c r="N589">
        <f t="shared" si="84"/>
        <v>-5.6609675560018369</v>
      </c>
      <c r="O589">
        <f t="shared" si="85"/>
        <v>2.6059984492664707</v>
      </c>
      <c r="Q589">
        <v>1023.1947</v>
      </c>
      <c r="R589">
        <v>513.60834</v>
      </c>
      <c r="S589">
        <v>0.89805615000000005</v>
      </c>
      <c r="T589">
        <v>1143.8472999999999</v>
      </c>
      <c r="U589">
        <v>433.58526999999998</v>
      </c>
      <c r="V589">
        <v>0.95268459999999999</v>
      </c>
      <c r="W589">
        <v>1152.0299</v>
      </c>
      <c r="X589">
        <v>578.11009999999999</v>
      </c>
      <c r="Y589">
        <v>0.93840639999999997</v>
      </c>
      <c r="Z589">
        <f t="shared" si="86"/>
        <v>1106.3572999999999</v>
      </c>
      <c r="AA589">
        <f t="shared" si="87"/>
        <v>508.43457000000006</v>
      </c>
      <c r="AB589">
        <f t="shared" si="88"/>
        <v>7.4614360052378501</v>
      </c>
      <c r="AC589">
        <f t="shared" si="89"/>
        <v>2.635279470142645</v>
      </c>
    </row>
    <row r="590" spans="1:29" x14ac:dyDescent="0.4">
      <c r="A590">
        <v>587</v>
      </c>
      <c r="B590">
        <f t="shared" si="81"/>
        <v>19.566666666666666</v>
      </c>
      <c r="C590">
        <v>703.22370000000001</v>
      </c>
      <c r="D590">
        <v>507.94940000000003</v>
      </c>
      <c r="E590">
        <v>0.92279909999999998</v>
      </c>
      <c r="F590">
        <v>831.00160000000005</v>
      </c>
      <c r="G590">
        <v>441.55187999999998</v>
      </c>
      <c r="H590">
        <v>0.93053730000000001</v>
      </c>
      <c r="I590">
        <v>823.13666000000001</v>
      </c>
      <c r="J590">
        <v>585.82574</v>
      </c>
      <c r="K590">
        <v>0.91835224999999998</v>
      </c>
      <c r="L590">
        <f t="shared" si="82"/>
        <v>785.78732000000002</v>
      </c>
      <c r="M590">
        <f t="shared" si="83"/>
        <v>511.77567333333332</v>
      </c>
      <c r="N590">
        <f t="shared" si="84"/>
        <v>-5.6131727753399874</v>
      </c>
      <c r="O590">
        <f t="shared" si="85"/>
        <v>2.6085203129374137</v>
      </c>
      <c r="Q590">
        <v>1022.2931</v>
      </c>
      <c r="R590">
        <v>513.44470000000001</v>
      </c>
      <c r="S590">
        <v>0.89295685000000002</v>
      </c>
      <c r="T590">
        <v>1142.7805000000001</v>
      </c>
      <c r="U590">
        <v>433.87738000000002</v>
      </c>
      <c r="V590">
        <v>0.97122699999999995</v>
      </c>
      <c r="W590">
        <v>1150.6020000000001</v>
      </c>
      <c r="X590">
        <v>578.03599999999994</v>
      </c>
      <c r="Y590">
        <v>0.96585480000000001</v>
      </c>
      <c r="Z590">
        <f t="shared" si="86"/>
        <v>1105.2252000000001</v>
      </c>
      <c r="AA590">
        <f t="shared" si="87"/>
        <v>508.45269333333334</v>
      </c>
      <c r="AB590">
        <f t="shared" si="88"/>
        <v>7.4150404829658845</v>
      </c>
      <c r="AC590">
        <f t="shared" si="89"/>
        <v>2.6349316632336008</v>
      </c>
    </row>
    <row r="591" spans="1:29" x14ac:dyDescent="0.4">
      <c r="A591">
        <v>588</v>
      </c>
      <c r="B591">
        <f t="shared" si="81"/>
        <v>19.600000000000001</v>
      </c>
      <c r="C591">
        <v>704.39233000000002</v>
      </c>
      <c r="D591">
        <v>507.81637999999998</v>
      </c>
      <c r="E591">
        <v>0.95589519999999994</v>
      </c>
      <c r="F591">
        <v>832.13869999999997</v>
      </c>
      <c r="G591">
        <v>441.51654000000002</v>
      </c>
      <c r="H591">
        <v>0.87747942999999995</v>
      </c>
      <c r="I591">
        <v>824.51599999999996</v>
      </c>
      <c r="J591">
        <v>585.66480000000001</v>
      </c>
      <c r="K591">
        <v>0.84647362999999998</v>
      </c>
      <c r="L591">
        <f t="shared" si="82"/>
        <v>787.01567666666676</v>
      </c>
      <c r="M591">
        <f t="shared" si="83"/>
        <v>511.66590666666667</v>
      </c>
      <c r="N591">
        <f t="shared" si="84"/>
        <v>-5.5632810473028504</v>
      </c>
      <c r="O591">
        <f t="shared" si="85"/>
        <v>2.6125861691578143</v>
      </c>
      <c r="Q591">
        <v>1021.116</v>
      </c>
      <c r="R591">
        <v>513.38490000000002</v>
      </c>
      <c r="S591">
        <v>0.88826996000000003</v>
      </c>
      <c r="T591">
        <v>1141.8757000000001</v>
      </c>
      <c r="U591">
        <v>433.91644000000002</v>
      </c>
      <c r="V591">
        <v>0.98200050000000005</v>
      </c>
      <c r="W591">
        <v>1149.502</v>
      </c>
      <c r="X591">
        <v>578.26130000000001</v>
      </c>
      <c r="Y591">
        <v>0.97165769999999996</v>
      </c>
      <c r="Z591">
        <f t="shared" si="86"/>
        <v>1104.1645666666666</v>
      </c>
      <c r="AA591">
        <f t="shared" si="87"/>
        <v>508.52088000000003</v>
      </c>
      <c r="AB591">
        <f t="shared" si="88"/>
        <v>7.3715586071105239</v>
      </c>
      <c r="AC591">
        <f t="shared" si="89"/>
        <v>2.6325155688648056</v>
      </c>
    </row>
    <row r="592" spans="1:29" x14ac:dyDescent="0.4">
      <c r="A592">
        <v>589</v>
      </c>
      <c r="B592">
        <f t="shared" si="81"/>
        <v>19.633333333333333</v>
      </c>
      <c r="C592">
        <v>706.23175000000003</v>
      </c>
      <c r="D592">
        <v>507.80563000000001</v>
      </c>
      <c r="E592">
        <v>0.98413859999999997</v>
      </c>
      <c r="F592">
        <v>833.68380000000002</v>
      </c>
      <c r="G592">
        <v>441.72176999999999</v>
      </c>
      <c r="H592">
        <v>0.90687709999999999</v>
      </c>
      <c r="I592">
        <v>826.11519999999996</v>
      </c>
      <c r="J592">
        <v>585.75980000000004</v>
      </c>
      <c r="K592">
        <v>0.86565024000000002</v>
      </c>
      <c r="L592">
        <f t="shared" si="82"/>
        <v>788.67691666666667</v>
      </c>
      <c r="M592">
        <f t="shared" si="83"/>
        <v>511.76240000000001</v>
      </c>
      <c r="N592">
        <f t="shared" si="84"/>
        <v>-5.4958835257787575</v>
      </c>
      <c r="O592">
        <f t="shared" si="85"/>
        <v>2.6080862578724284</v>
      </c>
      <c r="Q592">
        <v>1020.14764</v>
      </c>
      <c r="R592">
        <v>513.34969999999998</v>
      </c>
      <c r="S592">
        <v>0.92528235999999997</v>
      </c>
      <c r="T592">
        <v>1140.6929</v>
      </c>
      <c r="U592">
        <v>433.79491999999999</v>
      </c>
      <c r="V592">
        <v>0.95595660000000005</v>
      </c>
      <c r="W592">
        <v>1148.8068000000001</v>
      </c>
      <c r="X592">
        <v>578.22969999999998</v>
      </c>
      <c r="Y592">
        <v>0.9725857</v>
      </c>
      <c r="Z592">
        <f t="shared" si="86"/>
        <v>1103.2157800000002</v>
      </c>
      <c r="AA592">
        <f t="shared" si="87"/>
        <v>508.45810666666665</v>
      </c>
      <c r="AB592">
        <f t="shared" si="88"/>
        <v>7.3327033063996563</v>
      </c>
      <c r="AC592">
        <f t="shared" si="89"/>
        <v>2.635406325317255</v>
      </c>
    </row>
    <row r="593" spans="1:29" x14ac:dyDescent="0.4">
      <c r="A593">
        <v>590</v>
      </c>
      <c r="B593">
        <f t="shared" si="81"/>
        <v>19.666666666666668</v>
      </c>
      <c r="C593">
        <v>707.66629999999998</v>
      </c>
      <c r="D593">
        <v>507.86646000000002</v>
      </c>
      <c r="E593">
        <v>1</v>
      </c>
      <c r="F593">
        <v>834.9271</v>
      </c>
      <c r="G593">
        <v>441.45287999999999</v>
      </c>
      <c r="H593">
        <v>0.92549289999999995</v>
      </c>
      <c r="I593">
        <v>827.70294000000001</v>
      </c>
      <c r="J593">
        <v>585.58452999999997</v>
      </c>
      <c r="K593">
        <v>0.88310354999999996</v>
      </c>
      <c r="L593">
        <f t="shared" si="82"/>
        <v>790.09877999999992</v>
      </c>
      <c r="M593">
        <f t="shared" si="83"/>
        <v>511.63462333333337</v>
      </c>
      <c r="N593">
        <f t="shared" si="84"/>
        <v>-5.4381268020696156</v>
      </c>
      <c r="O593">
        <f t="shared" si="85"/>
        <v>2.6128218199670541</v>
      </c>
      <c r="Q593">
        <v>1018.99677</v>
      </c>
      <c r="R593">
        <v>513.41959999999995</v>
      </c>
      <c r="S593">
        <v>0.90029979999999998</v>
      </c>
      <c r="T593">
        <v>1139.3447000000001</v>
      </c>
      <c r="U593">
        <v>433.5763</v>
      </c>
      <c r="V593">
        <v>0.9450691</v>
      </c>
      <c r="W593">
        <v>1147.6515999999999</v>
      </c>
      <c r="X593">
        <v>578.10564999999997</v>
      </c>
      <c r="Y593">
        <v>0.96423930000000002</v>
      </c>
      <c r="Z593">
        <f t="shared" si="86"/>
        <v>1101.9976900000001</v>
      </c>
      <c r="AA593">
        <f t="shared" si="87"/>
        <v>508.36718333333329</v>
      </c>
      <c r="AB593">
        <f t="shared" si="88"/>
        <v>7.282824286032902</v>
      </c>
      <c r="AC593">
        <f t="shared" si="89"/>
        <v>2.6395393100165516</v>
      </c>
    </row>
    <row r="594" spans="1:29" x14ac:dyDescent="0.4">
      <c r="A594">
        <v>591</v>
      </c>
      <c r="B594">
        <f t="shared" si="81"/>
        <v>19.7</v>
      </c>
      <c r="C594">
        <v>708.92553999999996</v>
      </c>
      <c r="D594">
        <v>507.5779</v>
      </c>
      <c r="E594">
        <v>0.96490469999999995</v>
      </c>
      <c r="F594">
        <v>836.50554999999997</v>
      </c>
      <c r="G594">
        <v>441.34372000000002</v>
      </c>
      <c r="H594">
        <v>0.92527729999999997</v>
      </c>
      <c r="I594">
        <v>829.02499999999998</v>
      </c>
      <c r="J594">
        <v>585.42949999999996</v>
      </c>
      <c r="K594">
        <v>0.83935939999999998</v>
      </c>
      <c r="L594">
        <f t="shared" si="82"/>
        <v>791.48536333333334</v>
      </c>
      <c r="M594">
        <f t="shared" si="83"/>
        <v>511.45037333333335</v>
      </c>
      <c r="N594">
        <f t="shared" si="84"/>
        <v>-5.3817814620246152</v>
      </c>
      <c r="O594">
        <f t="shared" si="85"/>
        <v>2.619874471882186</v>
      </c>
      <c r="Q594">
        <v>1018.17145</v>
      </c>
      <c r="R594">
        <v>513.40689999999995</v>
      </c>
      <c r="S594">
        <v>0.89150169999999995</v>
      </c>
      <c r="T594">
        <v>1138.3698999999999</v>
      </c>
      <c r="U594">
        <v>433.69740000000002</v>
      </c>
      <c r="V594">
        <v>0.91976254999999996</v>
      </c>
      <c r="W594">
        <v>1146.5992000000001</v>
      </c>
      <c r="X594">
        <v>578.12580000000003</v>
      </c>
      <c r="Y594">
        <v>0.97246933000000002</v>
      </c>
      <c r="Z594">
        <f t="shared" si="86"/>
        <v>1101.0468499999999</v>
      </c>
      <c r="AA594">
        <f t="shared" si="87"/>
        <v>508.41003333333333</v>
      </c>
      <c r="AB594">
        <f t="shared" si="88"/>
        <v>7.2438531136376376</v>
      </c>
      <c r="AC594">
        <f t="shared" si="89"/>
        <v>2.6381193329044561</v>
      </c>
    </row>
    <row r="595" spans="1:29" x14ac:dyDescent="0.4">
      <c r="A595">
        <v>592</v>
      </c>
      <c r="B595">
        <f t="shared" si="81"/>
        <v>19.733333333333334</v>
      </c>
      <c r="C595">
        <v>710.35860000000002</v>
      </c>
      <c r="D595">
        <v>507.8877</v>
      </c>
      <c r="E595">
        <v>0.93382739999999997</v>
      </c>
      <c r="F595">
        <v>837.94690000000003</v>
      </c>
      <c r="G595">
        <v>441.33434999999997</v>
      </c>
      <c r="H595">
        <v>0.88364520000000002</v>
      </c>
      <c r="I595">
        <v>830.45749999999998</v>
      </c>
      <c r="J595">
        <v>585.19385</v>
      </c>
      <c r="K595">
        <v>0.83745115999999997</v>
      </c>
      <c r="L595">
        <f t="shared" si="82"/>
        <v>792.92099999999994</v>
      </c>
      <c r="M595">
        <f t="shared" si="83"/>
        <v>511.47196666666667</v>
      </c>
      <c r="N595">
        <f t="shared" si="84"/>
        <v>-5.3235091572634268</v>
      </c>
      <c r="O595">
        <f t="shared" si="85"/>
        <v>2.6185080033047226</v>
      </c>
      <c r="Q595">
        <v>1016.8280600000001</v>
      </c>
      <c r="R595">
        <v>513.06560000000002</v>
      </c>
      <c r="S595">
        <v>0.86550819999999995</v>
      </c>
      <c r="T595">
        <v>1137.1479999999999</v>
      </c>
      <c r="U595">
        <v>433.61853000000002</v>
      </c>
      <c r="V595">
        <v>0.89173882999999998</v>
      </c>
      <c r="W595">
        <v>1145.5372</v>
      </c>
      <c r="X595">
        <v>578.23630000000003</v>
      </c>
      <c r="Y595">
        <v>0.95985997000000001</v>
      </c>
      <c r="Z595">
        <f t="shared" si="86"/>
        <v>1099.8377533333332</v>
      </c>
      <c r="AA595">
        <f t="shared" si="87"/>
        <v>508.30681000000004</v>
      </c>
      <c r="AB595">
        <f t="shared" si="88"/>
        <v>7.1943497503831182</v>
      </c>
      <c r="AC595">
        <f t="shared" si="89"/>
        <v>2.6427512001189526</v>
      </c>
    </row>
    <row r="596" spans="1:29" x14ac:dyDescent="0.4">
      <c r="A596">
        <v>593</v>
      </c>
      <c r="B596">
        <f t="shared" si="81"/>
        <v>19.766666666666666</v>
      </c>
      <c r="C596">
        <v>711.52544999999998</v>
      </c>
      <c r="D596">
        <v>507.72379999999998</v>
      </c>
      <c r="E596">
        <v>0.89343910000000004</v>
      </c>
      <c r="F596">
        <v>839.27985000000001</v>
      </c>
      <c r="G596">
        <v>441.23809999999997</v>
      </c>
      <c r="H596">
        <v>0.84533550000000002</v>
      </c>
      <c r="I596">
        <v>831.64599999999996</v>
      </c>
      <c r="J596">
        <v>584.90089999999998</v>
      </c>
      <c r="K596">
        <v>0.91084940000000003</v>
      </c>
      <c r="L596">
        <f t="shared" si="82"/>
        <v>794.15043333333324</v>
      </c>
      <c r="M596">
        <f t="shared" si="83"/>
        <v>511.28759999999994</v>
      </c>
      <c r="N596">
        <f t="shared" si="84"/>
        <v>-5.2735388648145172</v>
      </c>
      <c r="O596">
        <f t="shared" si="85"/>
        <v>2.6256184020741786</v>
      </c>
      <c r="Q596">
        <v>1015.7442</v>
      </c>
      <c r="R596">
        <v>512.75603999999998</v>
      </c>
      <c r="S596">
        <v>0.89034634999999995</v>
      </c>
      <c r="T596">
        <v>1135.8766000000001</v>
      </c>
      <c r="U596">
        <v>433.80009999999999</v>
      </c>
      <c r="V596">
        <v>0.89075789999999999</v>
      </c>
      <c r="W596">
        <v>1145.0453</v>
      </c>
      <c r="X596">
        <v>578.54094999999995</v>
      </c>
      <c r="Y596">
        <v>0.95104283000000001</v>
      </c>
      <c r="Z596">
        <f t="shared" si="86"/>
        <v>1098.8887000000002</v>
      </c>
      <c r="AA596">
        <f t="shared" si="87"/>
        <v>508.36569666666657</v>
      </c>
      <c r="AB596">
        <f t="shared" si="88"/>
        <v>7.1554490755735385</v>
      </c>
      <c r="AC596">
        <f t="shared" si="89"/>
        <v>2.6406759584727175</v>
      </c>
    </row>
    <row r="597" spans="1:29" x14ac:dyDescent="0.4">
      <c r="A597">
        <v>594</v>
      </c>
      <c r="B597">
        <f t="shared" si="81"/>
        <v>19.8</v>
      </c>
      <c r="C597">
        <v>713.04332999999997</v>
      </c>
      <c r="D597">
        <v>507.66516000000001</v>
      </c>
      <c r="E597">
        <v>0.84720134999999996</v>
      </c>
      <c r="F597">
        <v>840.92809999999997</v>
      </c>
      <c r="G597">
        <v>441.46899999999999</v>
      </c>
      <c r="H597">
        <v>0.81797109999999995</v>
      </c>
      <c r="I597">
        <v>833.33092999999997</v>
      </c>
      <c r="J597">
        <v>584.88513</v>
      </c>
      <c r="K597">
        <v>0.95029470000000005</v>
      </c>
      <c r="L597">
        <f t="shared" si="82"/>
        <v>795.76745333333338</v>
      </c>
      <c r="M597">
        <f t="shared" si="83"/>
        <v>511.33976333333339</v>
      </c>
      <c r="N597">
        <f t="shared" si="84"/>
        <v>-5.2079078330097923</v>
      </c>
      <c r="O597">
        <f t="shared" si="85"/>
        <v>2.6229426750535838</v>
      </c>
      <c r="Q597">
        <v>1014.5816</v>
      </c>
      <c r="R597">
        <v>513.0086</v>
      </c>
      <c r="S597">
        <v>0.94097799999999998</v>
      </c>
      <c r="T597">
        <v>1134.5556999999999</v>
      </c>
      <c r="U597">
        <v>433.98392000000001</v>
      </c>
      <c r="V597">
        <v>0.91501350000000004</v>
      </c>
      <c r="W597">
        <v>1143.3785</v>
      </c>
      <c r="X597">
        <v>578.48680000000002</v>
      </c>
      <c r="Y597">
        <v>0.94767970000000001</v>
      </c>
      <c r="Z597">
        <f t="shared" si="86"/>
        <v>1097.5052666666668</v>
      </c>
      <c r="AA597">
        <f t="shared" si="87"/>
        <v>508.49310666666662</v>
      </c>
      <c r="AB597">
        <f t="shared" si="88"/>
        <v>7.0987321175958993</v>
      </c>
      <c r="AC597">
        <f t="shared" si="89"/>
        <v>2.6359539686372204</v>
      </c>
    </row>
    <row r="598" spans="1:29" x14ac:dyDescent="0.4">
      <c r="A598">
        <v>595</v>
      </c>
      <c r="B598">
        <f t="shared" si="81"/>
        <v>19.833333333333332</v>
      </c>
      <c r="C598">
        <v>714.46545000000003</v>
      </c>
      <c r="D598">
        <v>507.57803000000001</v>
      </c>
      <c r="E598">
        <v>0.84973913000000001</v>
      </c>
      <c r="F598">
        <v>842.46159999999998</v>
      </c>
      <c r="G598">
        <v>440.85516000000001</v>
      </c>
      <c r="H598">
        <v>0.86646294999999995</v>
      </c>
      <c r="I598">
        <v>834.83429999999998</v>
      </c>
      <c r="J598">
        <v>584.85864000000004</v>
      </c>
      <c r="K598">
        <v>0.97597160000000005</v>
      </c>
      <c r="L598">
        <f t="shared" si="82"/>
        <v>797.25378333333322</v>
      </c>
      <c r="M598">
        <f t="shared" si="83"/>
        <v>511.09727666666669</v>
      </c>
      <c r="N598">
        <f t="shared" si="84"/>
        <v>-5.1474842427750573</v>
      </c>
      <c r="O598">
        <f t="shared" si="85"/>
        <v>2.6323385830640547</v>
      </c>
      <c r="Q598">
        <v>1013.3642599999999</v>
      </c>
      <c r="R598">
        <v>513.03330000000005</v>
      </c>
      <c r="S598">
        <v>0.95545650000000004</v>
      </c>
      <c r="T598">
        <v>1133.3849</v>
      </c>
      <c r="U598">
        <v>433.82233000000002</v>
      </c>
      <c r="V598">
        <v>0.93126094000000004</v>
      </c>
      <c r="W598">
        <v>1142.163</v>
      </c>
      <c r="X598">
        <v>578.50609999999995</v>
      </c>
      <c r="Y598">
        <v>0.98084870000000002</v>
      </c>
      <c r="Z598">
        <f t="shared" si="86"/>
        <v>1096.3040533333333</v>
      </c>
      <c r="AA598">
        <f t="shared" si="87"/>
        <v>508.45391000000001</v>
      </c>
      <c r="AB598">
        <f t="shared" si="88"/>
        <v>7.0495361493722166</v>
      </c>
      <c r="AC598">
        <f t="shared" si="89"/>
        <v>2.6379695240417309</v>
      </c>
    </row>
    <row r="599" spans="1:29" x14ac:dyDescent="0.4">
      <c r="A599">
        <v>596</v>
      </c>
      <c r="B599">
        <f t="shared" si="81"/>
        <v>19.866666666666667</v>
      </c>
      <c r="C599">
        <v>715.7971</v>
      </c>
      <c r="D599">
        <v>507.49802</v>
      </c>
      <c r="E599">
        <v>0.87769794000000001</v>
      </c>
      <c r="F599">
        <v>843.96312999999998</v>
      </c>
      <c r="G599">
        <v>440.86304000000001</v>
      </c>
      <c r="H599">
        <v>0.94020150000000002</v>
      </c>
      <c r="I599">
        <v>836.68975999999998</v>
      </c>
      <c r="J599">
        <v>584.85910000000001</v>
      </c>
      <c r="K599">
        <v>0.96869870000000002</v>
      </c>
      <c r="L599">
        <f t="shared" si="82"/>
        <v>798.81666333333339</v>
      </c>
      <c r="M599">
        <f t="shared" si="83"/>
        <v>511.07338666666664</v>
      </c>
      <c r="N599">
        <f t="shared" si="84"/>
        <v>-5.0840206832292383</v>
      </c>
      <c r="O599">
        <f t="shared" si="85"/>
        <v>2.6327854996235414</v>
      </c>
      <c r="Q599">
        <v>1012.2218</v>
      </c>
      <c r="R599">
        <v>512.85879999999997</v>
      </c>
      <c r="S599">
        <v>0.96837574000000004</v>
      </c>
      <c r="T599">
        <v>1132.0848000000001</v>
      </c>
      <c r="U599">
        <v>433.74997000000002</v>
      </c>
      <c r="V599">
        <v>0.98391247000000004</v>
      </c>
      <c r="W599">
        <v>1140.6641999999999</v>
      </c>
      <c r="X599">
        <v>578.22955000000002</v>
      </c>
      <c r="Y599">
        <v>0.9838306</v>
      </c>
      <c r="Z599">
        <f t="shared" si="86"/>
        <v>1094.9902666666667</v>
      </c>
      <c r="AA599">
        <f t="shared" si="87"/>
        <v>508.27944000000002</v>
      </c>
      <c r="AB599">
        <f t="shared" si="88"/>
        <v>6.9957743982870326</v>
      </c>
      <c r="AC599">
        <f t="shared" si="89"/>
        <v>2.6455456365006698</v>
      </c>
    </row>
    <row r="600" spans="1:29" x14ac:dyDescent="0.4">
      <c r="A600">
        <v>597</v>
      </c>
      <c r="B600">
        <f t="shared" si="81"/>
        <v>19.899999999999999</v>
      </c>
      <c r="C600">
        <v>717.64840000000004</v>
      </c>
      <c r="D600">
        <v>507.35287</v>
      </c>
      <c r="E600">
        <v>0.87182800000000005</v>
      </c>
      <c r="F600">
        <v>845.54150000000004</v>
      </c>
      <c r="G600">
        <v>440.78064000000001</v>
      </c>
      <c r="H600">
        <v>0.97040205999999996</v>
      </c>
      <c r="I600">
        <v>838.05250000000001</v>
      </c>
      <c r="J600">
        <v>584.4914</v>
      </c>
      <c r="K600">
        <v>0.91260015999999999</v>
      </c>
      <c r="L600">
        <f t="shared" si="82"/>
        <v>800.41413333333333</v>
      </c>
      <c r="M600">
        <f t="shared" si="83"/>
        <v>510.87497000000002</v>
      </c>
      <c r="N600">
        <f t="shared" si="84"/>
        <v>-5.0190930545543484</v>
      </c>
      <c r="O600">
        <f t="shared" si="85"/>
        <v>2.6403447676001344</v>
      </c>
      <c r="Q600">
        <v>1010.7729</v>
      </c>
      <c r="R600">
        <v>512.93726000000004</v>
      </c>
      <c r="S600">
        <v>0.93877900000000003</v>
      </c>
      <c r="T600">
        <v>1131.1206</v>
      </c>
      <c r="U600">
        <v>433.61944999999997</v>
      </c>
      <c r="V600">
        <v>0.98412860000000002</v>
      </c>
      <c r="W600">
        <v>1139.2125000000001</v>
      </c>
      <c r="X600">
        <v>578.06970000000001</v>
      </c>
      <c r="Y600">
        <v>0.98132129999999995</v>
      </c>
      <c r="Z600">
        <f t="shared" si="86"/>
        <v>1093.702</v>
      </c>
      <c r="AA600">
        <f t="shared" si="87"/>
        <v>508.20880333333338</v>
      </c>
      <c r="AB600">
        <f t="shared" si="88"/>
        <v>6.9430264285977268</v>
      </c>
      <c r="AC600">
        <f t="shared" si="89"/>
        <v>2.6488745512464256</v>
      </c>
    </row>
    <row r="601" spans="1:29" x14ac:dyDescent="0.4">
      <c r="A601">
        <v>598</v>
      </c>
      <c r="B601">
        <f t="shared" si="81"/>
        <v>19.933333333333334</v>
      </c>
      <c r="C601">
        <v>718.86974999999995</v>
      </c>
      <c r="D601">
        <v>507.62752999999998</v>
      </c>
      <c r="E601">
        <v>0.88166500000000003</v>
      </c>
      <c r="F601">
        <v>846.77686000000006</v>
      </c>
      <c r="G601">
        <v>440.87029999999999</v>
      </c>
      <c r="H601">
        <v>0.95588547000000001</v>
      </c>
      <c r="I601">
        <v>839.54539999999997</v>
      </c>
      <c r="J601">
        <v>584.34050000000002</v>
      </c>
      <c r="K601">
        <v>0.90022634999999995</v>
      </c>
      <c r="L601">
        <f t="shared" si="82"/>
        <v>801.73066999999992</v>
      </c>
      <c r="M601">
        <f t="shared" si="83"/>
        <v>510.94611000000003</v>
      </c>
      <c r="N601">
        <f t="shared" si="84"/>
        <v>-4.9656574263197824</v>
      </c>
      <c r="O601">
        <f t="shared" si="85"/>
        <v>2.6369957559316743</v>
      </c>
      <c r="Q601">
        <v>1009.6266000000001</v>
      </c>
      <c r="R601">
        <v>512.92280000000005</v>
      </c>
      <c r="S601">
        <v>0.90507674000000005</v>
      </c>
      <c r="T601">
        <v>1130.038</v>
      </c>
      <c r="U601">
        <v>433.29140000000001</v>
      </c>
      <c r="V601">
        <v>0.97134679999999995</v>
      </c>
      <c r="W601">
        <v>1137.8140000000001</v>
      </c>
      <c r="X601">
        <v>578.22046</v>
      </c>
      <c r="Y601">
        <v>0.97130430000000001</v>
      </c>
      <c r="Z601">
        <f t="shared" si="86"/>
        <v>1092.4928666666667</v>
      </c>
      <c r="AA601">
        <f t="shared" si="87"/>
        <v>508.14488666666671</v>
      </c>
      <c r="AB601">
        <f t="shared" si="88"/>
        <v>6.8935196332914597</v>
      </c>
      <c r="AC601">
        <f t="shared" si="89"/>
        <v>2.6519017501651767</v>
      </c>
    </row>
    <row r="602" spans="1:29" x14ac:dyDescent="0.4">
      <c r="A602">
        <v>599</v>
      </c>
      <c r="B602">
        <f t="shared" si="81"/>
        <v>19.966666666666665</v>
      </c>
      <c r="C602">
        <v>720.33280000000002</v>
      </c>
      <c r="D602">
        <v>507.30633999999998</v>
      </c>
      <c r="E602">
        <v>0.92835367000000002</v>
      </c>
      <c r="F602">
        <v>848.16539999999998</v>
      </c>
      <c r="G602">
        <v>440.83075000000002</v>
      </c>
      <c r="H602">
        <v>0.89773899999999995</v>
      </c>
      <c r="I602">
        <v>841.47969999999998</v>
      </c>
      <c r="J602">
        <v>584.44037000000003</v>
      </c>
      <c r="K602">
        <v>0.86232059999999999</v>
      </c>
      <c r="L602">
        <f t="shared" si="82"/>
        <v>803.32596666666666</v>
      </c>
      <c r="M602">
        <f t="shared" si="83"/>
        <v>510.85915333333332</v>
      </c>
      <c r="N602">
        <f t="shared" si="84"/>
        <v>-4.900848516382708</v>
      </c>
      <c r="O602">
        <f t="shared" si="85"/>
        <v>2.6400058773773076</v>
      </c>
      <c r="Q602">
        <v>1008.14545</v>
      </c>
      <c r="R602">
        <v>512.84875</v>
      </c>
      <c r="S602">
        <v>0.90767569999999997</v>
      </c>
      <c r="T602">
        <v>1128.9137000000001</v>
      </c>
      <c r="U602">
        <v>433.25639999999999</v>
      </c>
      <c r="V602">
        <v>0.97165703999999997</v>
      </c>
      <c r="W602">
        <v>1136.3469</v>
      </c>
      <c r="X602">
        <v>578.17259999999999</v>
      </c>
      <c r="Y602">
        <v>0.94846050000000004</v>
      </c>
      <c r="Z602">
        <f t="shared" si="86"/>
        <v>1091.13535</v>
      </c>
      <c r="AA602">
        <f t="shared" si="87"/>
        <v>508.09258333333332</v>
      </c>
      <c r="AB602">
        <f t="shared" si="88"/>
        <v>6.837933238367893</v>
      </c>
      <c r="AC602">
        <f t="shared" si="89"/>
        <v>2.6545061870832893</v>
      </c>
    </row>
    <row r="603" spans="1:29" x14ac:dyDescent="0.4">
      <c r="A603">
        <v>600</v>
      </c>
      <c r="B603">
        <f t="shared" si="81"/>
        <v>20</v>
      </c>
      <c r="C603">
        <v>722.3886</v>
      </c>
      <c r="D603">
        <v>507.20769999999999</v>
      </c>
      <c r="E603">
        <v>0.97121626000000005</v>
      </c>
      <c r="F603">
        <v>849.70740000000001</v>
      </c>
      <c r="G603">
        <v>440.78723000000002</v>
      </c>
      <c r="H603">
        <v>0.90534199999999998</v>
      </c>
      <c r="I603">
        <v>843.23050000000001</v>
      </c>
      <c r="J603">
        <v>584.6268</v>
      </c>
      <c r="K603">
        <v>0.87344646000000004</v>
      </c>
      <c r="L603">
        <f t="shared" si="82"/>
        <v>805.10883333333334</v>
      </c>
      <c r="M603">
        <f t="shared" si="83"/>
        <v>510.87391000000002</v>
      </c>
      <c r="N603">
        <f t="shared" si="84"/>
        <v>-4.8284521974300958</v>
      </c>
      <c r="O603">
        <f t="shared" si="85"/>
        <v>2.6388005999186297</v>
      </c>
      <c r="Q603">
        <v>1006.6497000000001</v>
      </c>
      <c r="R603">
        <v>513.26930000000004</v>
      </c>
      <c r="S603">
        <v>0.91999770000000003</v>
      </c>
      <c r="T603">
        <v>1127.3417999999999</v>
      </c>
      <c r="U603">
        <v>433.27902</v>
      </c>
      <c r="V603">
        <v>0.93209189999999997</v>
      </c>
      <c r="W603">
        <v>1134.6729</v>
      </c>
      <c r="X603">
        <v>578.42769999999996</v>
      </c>
      <c r="Y603">
        <v>0.95247567</v>
      </c>
      <c r="Z603">
        <f t="shared" si="86"/>
        <v>1089.5548000000001</v>
      </c>
      <c r="AA603">
        <f t="shared" si="87"/>
        <v>508.32534000000004</v>
      </c>
      <c r="AB603">
        <f t="shared" si="88"/>
        <v>6.7731218790016001</v>
      </c>
      <c r="AC603">
        <f t="shared" si="89"/>
        <v>2.6455519992882013</v>
      </c>
    </row>
    <row r="604" spans="1:29" x14ac:dyDescent="0.4">
      <c r="A604">
        <v>601</v>
      </c>
      <c r="B604">
        <f t="shared" si="81"/>
        <v>20.033333333333335</v>
      </c>
      <c r="C604">
        <v>723.68822999999998</v>
      </c>
      <c r="D604">
        <v>507.30014</v>
      </c>
      <c r="E604">
        <v>0.99062329999999998</v>
      </c>
      <c r="F604">
        <v>851.53204000000005</v>
      </c>
      <c r="G604">
        <v>440.50272000000001</v>
      </c>
      <c r="H604">
        <v>0.94250659999999997</v>
      </c>
      <c r="I604">
        <v>844.85299999999995</v>
      </c>
      <c r="J604">
        <v>584.50189999999998</v>
      </c>
      <c r="K604">
        <v>0.86393960000000003</v>
      </c>
      <c r="L604">
        <f t="shared" si="82"/>
        <v>806.69108999999992</v>
      </c>
      <c r="M604">
        <f t="shared" si="83"/>
        <v>510.76825333333335</v>
      </c>
      <c r="N604">
        <f t="shared" si="84"/>
        <v>-4.7641602478410423</v>
      </c>
      <c r="O604">
        <f t="shared" si="85"/>
        <v>2.6425783106616421</v>
      </c>
      <c r="Q604">
        <v>1005.55316</v>
      </c>
      <c r="R604">
        <v>513.33936000000006</v>
      </c>
      <c r="S604">
        <v>0.92462575000000002</v>
      </c>
      <c r="T604">
        <v>1126.2008000000001</v>
      </c>
      <c r="U604">
        <v>433.51609999999999</v>
      </c>
      <c r="V604">
        <v>0.93600490000000003</v>
      </c>
      <c r="W604">
        <v>1133.3542</v>
      </c>
      <c r="X604">
        <v>578.39499999999998</v>
      </c>
      <c r="Y604">
        <v>0.96571110000000004</v>
      </c>
      <c r="Z604">
        <f t="shared" si="86"/>
        <v>1088.3693866666665</v>
      </c>
      <c r="AA604">
        <f t="shared" si="87"/>
        <v>508.41681999999997</v>
      </c>
      <c r="AB604">
        <f t="shared" si="88"/>
        <v>6.7245422641333272</v>
      </c>
      <c r="AC604">
        <f t="shared" si="89"/>
        <v>2.6422278097378156</v>
      </c>
    </row>
    <row r="605" spans="1:29" x14ac:dyDescent="0.4">
      <c r="A605">
        <v>602</v>
      </c>
      <c r="B605">
        <f t="shared" si="81"/>
        <v>20.066666666666666</v>
      </c>
      <c r="C605">
        <v>725.46783000000005</v>
      </c>
      <c r="D605">
        <v>507.40717000000001</v>
      </c>
      <c r="E605">
        <v>0.95893799999999996</v>
      </c>
      <c r="F605">
        <v>853.06230000000005</v>
      </c>
      <c r="G605">
        <v>440.42586999999997</v>
      </c>
      <c r="H605">
        <v>0.91949784999999995</v>
      </c>
      <c r="I605">
        <v>846.41796999999997</v>
      </c>
      <c r="J605">
        <v>584.14795000000004</v>
      </c>
      <c r="K605">
        <v>0.85718139999999998</v>
      </c>
      <c r="L605">
        <f t="shared" si="82"/>
        <v>808.31603333333339</v>
      </c>
      <c r="M605">
        <f t="shared" si="83"/>
        <v>510.66032999999999</v>
      </c>
      <c r="N605">
        <f t="shared" si="84"/>
        <v>-4.6981308234394419</v>
      </c>
      <c r="O605">
        <f t="shared" si="85"/>
        <v>2.6464340338138417</v>
      </c>
      <c r="Q605">
        <v>1004.24493</v>
      </c>
      <c r="R605">
        <v>513.09119999999996</v>
      </c>
      <c r="S605">
        <v>0.94380783999999995</v>
      </c>
      <c r="T605">
        <v>1124.7546</v>
      </c>
      <c r="U605">
        <v>433.99862999999999</v>
      </c>
      <c r="V605">
        <v>0.99062530000000004</v>
      </c>
      <c r="W605">
        <v>1132.3045999999999</v>
      </c>
      <c r="X605">
        <v>578.21966999999995</v>
      </c>
      <c r="Y605">
        <v>0.95138180000000006</v>
      </c>
      <c r="Z605">
        <f t="shared" si="86"/>
        <v>1087.1013766666667</v>
      </c>
      <c r="AA605">
        <f t="shared" si="87"/>
        <v>508.43649999999997</v>
      </c>
      <c r="AB605">
        <f t="shared" si="88"/>
        <v>6.6726049845219775</v>
      </c>
      <c r="AC605">
        <f t="shared" si="89"/>
        <v>2.6418629062206271</v>
      </c>
    </row>
    <row r="606" spans="1:29" x14ac:dyDescent="0.4">
      <c r="A606">
        <v>603</v>
      </c>
      <c r="B606">
        <f t="shared" si="81"/>
        <v>20.100000000000001</v>
      </c>
      <c r="C606">
        <v>726.86632999999995</v>
      </c>
      <c r="D606">
        <v>507.24862999999999</v>
      </c>
      <c r="E606">
        <v>0.89511850000000004</v>
      </c>
      <c r="F606">
        <v>854.69542999999999</v>
      </c>
      <c r="G606">
        <v>440.31808000000001</v>
      </c>
      <c r="H606">
        <v>0.87075703999999998</v>
      </c>
      <c r="I606">
        <v>848.03700000000003</v>
      </c>
      <c r="J606">
        <v>583.7269</v>
      </c>
      <c r="K606">
        <v>0.90250987000000005</v>
      </c>
      <c r="L606">
        <f t="shared" si="82"/>
        <v>809.86625333333325</v>
      </c>
      <c r="M606">
        <f t="shared" si="83"/>
        <v>510.43120333333337</v>
      </c>
      <c r="N606">
        <f t="shared" si="84"/>
        <v>-4.635093875716092</v>
      </c>
      <c r="O606">
        <f t="shared" si="85"/>
        <v>2.6552624106703777</v>
      </c>
      <c r="Q606">
        <v>1002.79175</v>
      </c>
      <c r="R606">
        <v>513.34630000000004</v>
      </c>
      <c r="S606">
        <v>0.87145550000000005</v>
      </c>
      <c r="T606">
        <v>1123.201</v>
      </c>
      <c r="U606">
        <v>433.52866</v>
      </c>
      <c r="V606">
        <v>0.93437873999999999</v>
      </c>
      <c r="W606">
        <v>1131.1348</v>
      </c>
      <c r="X606">
        <v>578.31439999999998</v>
      </c>
      <c r="Y606">
        <v>0.94745636</v>
      </c>
      <c r="Z606">
        <f t="shared" si="86"/>
        <v>1085.7091833333334</v>
      </c>
      <c r="AA606">
        <f t="shared" si="87"/>
        <v>508.39645333333334</v>
      </c>
      <c r="AB606">
        <f t="shared" si="88"/>
        <v>6.6156034422788421</v>
      </c>
      <c r="AC606">
        <f t="shared" si="89"/>
        <v>2.6439788427907276</v>
      </c>
    </row>
    <row r="607" spans="1:29" x14ac:dyDescent="0.4">
      <c r="A607">
        <v>604</v>
      </c>
      <c r="B607">
        <f t="shared" si="81"/>
        <v>20.133333333333333</v>
      </c>
      <c r="C607">
        <v>728.66265999999996</v>
      </c>
      <c r="D607">
        <v>507.01929999999999</v>
      </c>
      <c r="E607">
        <v>0.85080469999999997</v>
      </c>
      <c r="F607">
        <v>856.56349999999998</v>
      </c>
      <c r="G607">
        <v>440.26513999999997</v>
      </c>
      <c r="H607">
        <v>0.86505365000000001</v>
      </c>
      <c r="I607">
        <v>849.68700000000001</v>
      </c>
      <c r="J607">
        <v>583.99445000000003</v>
      </c>
      <c r="K607">
        <v>0.92446094999999995</v>
      </c>
      <c r="L607">
        <f t="shared" si="82"/>
        <v>811.63772000000006</v>
      </c>
      <c r="M607">
        <f t="shared" si="83"/>
        <v>510.4262966666667</v>
      </c>
      <c r="N607">
        <f t="shared" si="84"/>
        <v>-4.5631400321571789</v>
      </c>
      <c r="O607">
        <f t="shared" si="85"/>
        <v>2.6548633272022322</v>
      </c>
      <c r="Q607">
        <v>1001.6251999999999</v>
      </c>
      <c r="R607">
        <v>513.11040000000003</v>
      </c>
      <c r="S607">
        <v>0.84473019999999999</v>
      </c>
      <c r="T607">
        <v>1121.8759</v>
      </c>
      <c r="U607">
        <v>433.35403000000002</v>
      </c>
      <c r="V607">
        <v>0.91917349999999998</v>
      </c>
      <c r="W607">
        <v>1129.8433</v>
      </c>
      <c r="X607">
        <v>578.29489999999998</v>
      </c>
      <c r="Y607">
        <v>0.9522273</v>
      </c>
      <c r="Z607">
        <f t="shared" si="86"/>
        <v>1084.4481333333333</v>
      </c>
      <c r="AA607">
        <f t="shared" si="87"/>
        <v>508.25310999999994</v>
      </c>
      <c r="AB607">
        <f t="shared" si="88"/>
        <v>6.5640081480779893</v>
      </c>
      <c r="AC607">
        <f t="shared" si="89"/>
        <v>2.6502658086589808</v>
      </c>
    </row>
    <row r="608" spans="1:29" x14ac:dyDescent="0.4">
      <c r="A608">
        <v>605</v>
      </c>
      <c r="B608">
        <f t="shared" si="81"/>
        <v>20.166666666666668</v>
      </c>
      <c r="C608">
        <v>730.62743999999998</v>
      </c>
      <c r="D608">
        <v>507.12817000000001</v>
      </c>
      <c r="E608">
        <v>0.85550619999999999</v>
      </c>
      <c r="F608">
        <v>858.54565000000002</v>
      </c>
      <c r="G608">
        <v>440.16602</v>
      </c>
      <c r="H608">
        <v>0.89567010000000002</v>
      </c>
      <c r="I608">
        <v>852.02909999999997</v>
      </c>
      <c r="J608">
        <v>584</v>
      </c>
      <c r="K608">
        <v>0.95876163000000003</v>
      </c>
      <c r="L608">
        <f t="shared" si="82"/>
        <v>813.73406333333332</v>
      </c>
      <c r="M608">
        <f t="shared" si="83"/>
        <v>510.43139666666667</v>
      </c>
      <c r="N608">
        <f t="shared" si="84"/>
        <v>-4.4779888715484217</v>
      </c>
      <c r="O608">
        <f t="shared" si="85"/>
        <v>2.6539457484657558</v>
      </c>
      <c r="Q608">
        <v>1000.0402</v>
      </c>
      <c r="R608">
        <v>512.65859999999998</v>
      </c>
      <c r="S608">
        <v>0.86139697000000004</v>
      </c>
      <c r="T608">
        <v>1120.3279</v>
      </c>
      <c r="U608">
        <v>433.28253000000001</v>
      </c>
      <c r="V608">
        <v>0.87938296999999999</v>
      </c>
      <c r="W608">
        <v>1128.4872</v>
      </c>
      <c r="X608">
        <v>578.43206999999995</v>
      </c>
      <c r="Y608">
        <v>0.93505453999999999</v>
      </c>
      <c r="Z608">
        <f t="shared" si="86"/>
        <v>1082.9517666666668</v>
      </c>
      <c r="AA608">
        <f t="shared" si="87"/>
        <v>508.12439999999998</v>
      </c>
      <c r="AB608">
        <f t="shared" si="88"/>
        <v>6.5027740728491539</v>
      </c>
      <c r="AC608">
        <f t="shared" si="89"/>
        <v>2.6560367438128867</v>
      </c>
    </row>
    <row r="609" spans="1:29" x14ac:dyDescent="0.4">
      <c r="A609">
        <v>606</v>
      </c>
      <c r="B609">
        <f t="shared" si="81"/>
        <v>20.2</v>
      </c>
      <c r="C609">
        <v>732.08619999999996</v>
      </c>
      <c r="D609">
        <v>507.23491999999999</v>
      </c>
      <c r="E609">
        <v>0.87624586000000004</v>
      </c>
      <c r="F609">
        <v>860.27670000000001</v>
      </c>
      <c r="G609">
        <v>440.24783000000002</v>
      </c>
      <c r="H609">
        <v>0.92966559999999998</v>
      </c>
      <c r="I609">
        <v>853.86162999999999</v>
      </c>
      <c r="J609">
        <v>583.76482999999996</v>
      </c>
      <c r="K609">
        <v>0.92168015000000003</v>
      </c>
      <c r="L609">
        <f t="shared" si="82"/>
        <v>815.40817666666669</v>
      </c>
      <c r="M609">
        <f t="shared" si="83"/>
        <v>510.41586000000001</v>
      </c>
      <c r="N609">
        <f t="shared" si="84"/>
        <v>-4.4099780284677346</v>
      </c>
      <c r="O609">
        <f t="shared" si="85"/>
        <v>2.6540133435021045</v>
      </c>
      <c r="Q609">
        <v>998.47280000000001</v>
      </c>
      <c r="R609">
        <v>512.66070000000002</v>
      </c>
      <c r="S609">
        <v>0.91194399999999998</v>
      </c>
      <c r="T609">
        <v>1118.8097</v>
      </c>
      <c r="U609">
        <v>433.72980000000001</v>
      </c>
      <c r="V609">
        <v>0.93942493000000005</v>
      </c>
      <c r="W609">
        <v>1126.7218</v>
      </c>
      <c r="X609">
        <v>578.72924999999998</v>
      </c>
      <c r="Y609">
        <v>0.95259340000000003</v>
      </c>
      <c r="Z609">
        <f t="shared" si="86"/>
        <v>1081.3347666666668</v>
      </c>
      <c r="AA609">
        <f t="shared" si="87"/>
        <v>508.37324999999993</v>
      </c>
      <c r="AB609">
        <f t="shared" si="88"/>
        <v>6.4364807336164116</v>
      </c>
      <c r="AC609">
        <f t="shared" si="89"/>
        <v>2.64643789793397</v>
      </c>
    </row>
    <row r="610" spans="1:29" x14ac:dyDescent="0.4">
      <c r="A610">
        <v>607</v>
      </c>
      <c r="B610">
        <f t="shared" si="81"/>
        <v>20.233333333333334</v>
      </c>
      <c r="C610">
        <v>734.19104000000004</v>
      </c>
      <c r="D610">
        <v>507.15417000000002</v>
      </c>
      <c r="E610">
        <v>0.84826389999999996</v>
      </c>
      <c r="F610">
        <v>862.21594000000005</v>
      </c>
      <c r="G610">
        <v>440.12124999999997</v>
      </c>
      <c r="H610">
        <v>0.93399500000000002</v>
      </c>
      <c r="I610">
        <v>855.53796</v>
      </c>
      <c r="J610">
        <v>583.61919999999998</v>
      </c>
      <c r="K610">
        <v>0.89681095</v>
      </c>
      <c r="L610">
        <f t="shared" si="82"/>
        <v>817.31498000000011</v>
      </c>
      <c r="M610">
        <f t="shared" si="83"/>
        <v>510.29820666666666</v>
      </c>
      <c r="N610">
        <f t="shared" si="84"/>
        <v>-4.3324775925635262</v>
      </c>
      <c r="O610">
        <f t="shared" si="85"/>
        <v>2.6581704293352484</v>
      </c>
      <c r="Q610">
        <v>997.47437000000002</v>
      </c>
      <c r="R610">
        <v>512.80709999999999</v>
      </c>
      <c r="S610">
        <v>0.92140763999999997</v>
      </c>
      <c r="T610">
        <v>1117.43</v>
      </c>
      <c r="U610">
        <v>433.66289999999998</v>
      </c>
      <c r="V610">
        <v>0.95931390000000005</v>
      </c>
      <c r="W610">
        <v>1125.5427</v>
      </c>
      <c r="X610">
        <v>578.58074999999997</v>
      </c>
      <c r="Y610">
        <v>0.97569760000000005</v>
      </c>
      <c r="Z610">
        <f t="shared" si="86"/>
        <v>1080.1490233333334</v>
      </c>
      <c r="AA610">
        <f t="shared" si="87"/>
        <v>508.35024999999996</v>
      </c>
      <c r="AB610">
        <f t="shared" si="88"/>
        <v>6.3879365937803456</v>
      </c>
      <c r="AC610">
        <f t="shared" si="89"/>
        <v>2.6477864637895476</v>
      </c>
    </row>
    <row r="611" spans="1:29" x14ac:dyDescent="0.4">
      <c r="A611">
        <v>608</v>
      </c>
      <c r="B611">
        <f t="shared" si="81"/>
        <v>20.266666666666666</v>
      </c>
      <c r="C611">
        <v>736.41625999999997</v>
      </c>
      <c r="D611">
        <v>506.87002999999999</v>
      </c>
      <c r="E611">
        <v>0.908053</v>
      </c>
      <c r="F611">
        <v>864.03599999999994</v>
      </c>
      <c r="G611">
        <v>439.96724999999998</v>
      </c>
      <c r="H611">
        <v>0.88592780000000004</v>
      </c>
      <c r="I611">
        <v>857.72155999999995</v>
      </c>
      <c r="J611">
        <v>583.83812999999998</v>
      </c>
      <c r="K611">
        <v>0.8677511</v>
      </c>
      <c r="L611">
        <f t="shared" si="82"/>
        <v>819.39127333333329</v>
      </c>
      <c r="M611">
        <f t="shared" si="83"/>
        <v>510.22513666666663</v>
      </c>
      <c r="N611">
        <f t="shared" si="84"/>
        <v>-4.2481011846655701</v>
      </c>
      <c r="O611">
        <f t="shared" si="85"/>
        <v>2.6604501671838978</v>
      </c>
      <c r="Q611">
        <v>995.81726000000003</v>
      </c>
      <c r="R611">
        <v>512.75365999999997</v>
      </c>
      <c r="S611">
        <v>0.92843949999999997</v>
      </c>
      <c r="T611">
        <v>1115.9286999999999</v>
      </c>
      <c r="U611">
        <v>433.52512000000002</v>
      </c>
      <c r="V611">
        <v>0.98556250000000001</v>
      </c>
      <c r="W611">
        <v>1124.0454</v>
      </c>
      <c r="X611">
        <v>578.56759999999997</v>
      </c>
      <c r="Y611">
        <v>0.97033596</v>
      </c>
      <c r="Z611">
        <f t="shared" si="86"/>
        <v>1078.5971200000001</v>
      </c>
      <c r="AA611">
        <f t="shared" si="87"/>
        <v>508.28212666666667</v>
      </c>
      <c r="AB611">
        <f t="shared" si="88"/>
        <v>6.3244168383859876</v>
      </c>
      <c r="AC611">
        <f t="shared" si="89"/>
        <v>2.6511033668131878</v>
      </c>
    </row>
    <row r="612" spans="1:29" x14ac:dyDescent="0.4">
      <c r="A612">
        <v>609</v>
      </c>
      <c r="B612">
        <f t="shared" si="81"/>
        <v>20.3</v>
      </c>
      <c r="C612">
        <v>738.44939999999997</v>
      </c>
      <c r="D612">
        <v>506.94896999999997</v>
      </c>
      <c r="E612">
        <v>0.95548933999999996</v>
      </c>
      <c r="F612">
        <v>865.96204</v>
      </c>
      <c r="G612">
        <v>439.73236000000003</v>
      </c>
      <c r="H612">
        <v>0.89658260000000001</v>
      </c>
      <c r="I612">
        <v>859.6413</v>
      </c>
      <c r="J612">
        <v>583.72360000000003</v>
      </c>
      <c r="K612">
        <v>0.89292260000000001</v>
      </c>
      <c r="L612">
        <f t="shared" si="82"/>
        <v>821.35091333333332</v>
      </c>
      <c r="M612">
        <f t="shared" si="83"/>
        <v>510.13497666666672</v>
      </c>
      <c r="N612">
        <f t="shared" si="84"/>
        <v>-4.1684536474503551</v>
      </c>
      <c r="O612">
        <f t="shared" si="85"/>
        <v>2.6634668912902626</v>
      </c>
      <c r="Q612">
        <v>994.22080000000005</v>
      </c>
      <c r="R612">
        <v>512.82556</v>
      </c>
      <c r="S612">
        <v>0.91714510000000005</v>
      </c>
      <c r="T612">
        <v>1114.8424</v>
      </c>
      <c r="U612">
        <v>433.38974000000002</v>
      </c>
      <c r="V612">
        <v>0.98593925999999998</v>
      </c>
      <c r="W612">
        <v>1122.3007</v>
      </c>
      <c r="X612">
        <v>578.50696000000005</v>
      </c>
      <c r="Y612">
        <v>0.96072740000000001</v>
      </c>
      <c r="Z612">
        <f t="shared" si="86"/>
        <v>1077.1213</v>
      </c>
      <c r="AA612">
        <f t="shared" si="87"/>
        <v>508.24075333333332</v>
      </c>
      <c r="AB612">
        <f t="shared" si="88"/>
        <v>6.264006321052884</v>
      </c>
      <c r="AC612">
        <f t="shared" si="89"/>
        <v>2.6533020267659033</v>
      </c>
    </row>
    <row r="613" spans="1:29" x14ac:dyDescent="0.4">
      <c r="A613">
        <v>610</v>
      </c>
      <c r="B613">
        <f t="shared" si="81"/>
        <v>20.333333333333332</v>
      </c>
      <c r="C613">
        <v>740.65436</v>
      </c>
      <c r="D613">
        <v>506.98804000000001</v>
      </c>
      <c r="E613">
        <v>0.95838120000000004</v>
      </c>
      <c r="F613">
        <v>867.76104999999995</v>
      </c>
      <c r="G613">
        <v>439.71127000000001</v>
      </c>
      <c r="H613">
        <v>0.93013480000000004</v>
      </c>
      <c r="I613">
        <v>861.79987000000006</v>
      </c>
      <c r="J613">
        <v>583.54785000000004</v>
      </c>
      <c r="K613">
        <v>0.87804574000000002</v>
      </c>
      <c r="L613">
        <f t="shared" si="82"/>
        <v>823.40509333333341</v>
      </c>
      <c r="M613">
        <f t="shared" si="83"/>
        <v>510.08238666666665</v>
      </c>
      <c r="N613">
        <f t="shared" si="84"/>
        <v>-4.0849721996284396</v>
      </c>
      <c r="O613">
        <f t="shared" si="85"/>
        <v>2.6649179119213029</v>
      </c>
      <c r="Q613">
        <v>992.34173999999996</v>
      </c>
      <c r="R613">
        <v>512.71123999999998</v>
      </c>
      <c r="S613">
        <v>0.88856000000000002</v>
      </c>
      <c r="T613">
        <v>1113.1699000000001</v>
      </c>
      <c r="U613">
        <v>433.39440000000002</v>
      </c>
      <c r="V613">
        <v>0.94436600000000004</v>
      </c>
      <c r="W613">
        <v>1120.2534000000001</v>
      </c>
      <c r="X613">
        <v>578.26139999999998</v>
      </c>
      <c r="Y613">
        <v>0.91917260000000001</v>
      </c>
      <c r="Z613">
        <f t="shared" si="86"/>
        <v>1075.2550133333334</v>
      </c>
      <c r="AA613">
        <f t="shared" si="87"/>
        <v>508.12234666666672</v>
      </c>
      <c r="AB613">
        <f t="shared" si="88"/>
        <v>6.187637853380954</v>
      </c>
      <c r="AC613">
        <f t="shared" si="89"/>
        <v>2.6587798786800727</v>
      </c>
    </row>
    <row r="614" spans="1:29" x14ac:dyDescent="0.4">
      <c r="A614">
        <v>611</v>
      </c>
      <c r="B614">
        <f t="shared" si="81"/>
        <v>20.366666666666667</v>
      </c>
      <c r="C614">
        <v>742.14530000000002</v>
      </c>
      <c r="D614">
        <v>507.14197000000001</v>
      </c>
      <c r="E614">
        <v>0.93015429999999999</v>
      </c>
      <c r="F614">
        <v>869.88729999999998</v>
      </c>
      <c r="G614">
        <v>439.25749999999999</v>
      </c>
      <c r="H614">
        <v>0.92246050000000002</v>
      </c>
      <c r="I614">
        <v>863.63580000000002</v>
      </c>
      <c r="J614">
        <v>583.44353999999998</v>
      </c>
      <c r="K614">
        <v>0.87914650000000005</v>
      </c>
      <c r="L614">
        <f t="shared" si="82"/>
        <v>825.22280000000001</v>
      </c>
      <c r="M614">
        <f t="shared" si="83"/>
        <v>509.94767000000002</v>
      </c>
      <c r="N614">
        <f t="shared" si="84"/>
        <v>-4.0110681048086434</v>
      </c>
      <c r="O614">
        <f t="shared" si="85"/>
        <v>2.6698012651431617</v>
      </c>
      <c r="Q614">
        <v>990.57979999999998</v>
      </c>
      <c r="R614">
        <v>512.96654999999998</v>
      </c>
      <c r="S614">
        <v>0.89950114000000003</v>
      </c>
      <c r="T614">
        <v>1111.877</v>
      </c>
      <c r="U614">
        <v>433.25722999999999</v>
      </c>
      <c r="V614">
        <v>0.91959727000000002</v>
      </c>
      <c r="W614">
        <v>1118.7335</v>
      </c>
      <c r="X614">
        <v>578.31790000000001</v>
      </c>
      <c r="Y614">
        <v>0.94807607000000005</v>
      </c>
      <c r="Z614">
        <f t="shared" si="86"/>
        <v>1073.7301</v>
      </c>
      <c r="AA614">
        <f t="shared" si="87"/>
        <v>508.18056000000001</v>
      </c>
      <c r="AB614">
        <f t="shared" si="88"/>
        <v>6.1251912866087359</v>
      </c>
      <c r="AC614">
        <f t="shared" si="89"/>
        <v>2.6569303915682703</v>
      </c>
    </row>
    <row r="615" spans="1:29" x14ac:dyDescent="0.4">
      <c r="A615">
        <v>612</v>
      </c>
      <c r="B615">
        <f t="shared" si="81"/>
        <v>20.399999999999999</v>
      </c>
      <c r="C615">
        <v>744.21929999999998</v>
      </c>
      <c r="D615">
        <v>506.95792</v>
      </c>
      <c r="E615">
        <v>0.85352342999999997</v>
      </c>
      <c r="F615">
        <v>871.89459999999997</v>
      </c>
      <c r="G615">
        <v>439.30462999999997</v>
      </c>
      <c r="H615">
        <v>0.88921267000000004</v>
      </c>
      <c r="I615">
        <v>865.68242999999995</v>
      </c>
      <c r="J615">
        <v>583.02189999999996</v>
      </c>
      <c r="K615">
        <v>0.92963790000000002</v>
      </c>
      <c r="L615">
        <f t="shared" si="82"/>
        <v>827.26544333333322</v>
      </c>
      <c r="M615">
        <f t="shared" si="83"/>
        <v>509.76148333333327</v>
      </c>
      <c r="N615">
        <f t="shared" si="84"/>
        <v>-3.9280024782727261</v>
      </c>
      <c r="O615">
        <f t="shared" si="85"/>
        <v>2.6767092765952554</v>
      </c>
      <c r="Q615">
        <v>989.18119999999999</v>
      </c>
      <c r="R615">
        <v>513.02440000000001</v>
      </c>
      <c r="S615">
        <v>0.87711229999999996</v>
      </c>
      <c r="T615">
        <v>1110.2977000000001</v>
      </c>
      <c r="U615">
        <v>433.49799999999999</v>
      </c>
      <c r="V615">
        <v>0.96805490000000005</v>
      </c>
      <c r="W615">
        <v>1116.9032999999999</v>
      </c>
      <c r="X615">
        <v>578.42999999999995</v>
      </c>
      <c r="Y615">
        <v>0.94999599999999995</v>
      </c>
      <c r="Z615">
        <f t="shared" si="86"/>
        <v>1072.1274000000001</v>
      </c>
      <c r="AA615">
        <f t="shared" si="87"/>
        <v>508.31746666666669</v>
      </c>
      <c r="AB615">
        <f t="shared" si="88"/>
        <v>6.0595377844967988</v>
      </c>
      <c r="AC615">
        <f t="shared" si="89"/>
        <v>2.651895562220123</v>
      </c>
    </row>
    <row r="616" spans="1:29" x14ac:dyDescent="0.4">
      <c r="A616">
        <v>613</v>
      </c>
      <c r="B616">
        <f t="shared" si="81"/>
        <v>20.433333333333334</v>
      </c>
      <c r="C616">
        <v>746.53570000000002</v>
      </c>
      <c r="D616">
        <v>506.79520000000002</v>
      </c>
      <c r="E616">
        <v>0.84447430000000001</v>
      </c>
      <c r="F616">
        <v>874.07050000000004</v>
      </c>
      <c r="G616">
        <v>439.22528</v>
      </c>
      <c r="H616">
        <v>0.93172949999999999</v>
      </c>
      <c r="I616">
        <v>867.94039999999995</v>
      </c>
      <c r="J616">
        <v>583.09875</v>
      </c>
      <c r="K616">
        <v>0.96029054999999997</v>
      </c>
      <c r="L616">
        <f t="shared" si="82"/>
        <v>829.51553333333334</v>
      </c>
      <c r="M616">
        <f t="shared" si="83"/>
        <v>509.70641000000001</v>
      </c>
      <c r="N616">
        <f t="shared" si="84"/>
        <v>-3.8365436339678638</v>
      </c>
      <c r="O616">
        <f t="shared" si="85"/>
        <v>2.6781949485432768</v>
      </c>
      <c r="Q616">
        <v>987.56713999999999</v>
      </c>
      <c r="R616">
        <v>512.85979999999995</v>
      </c>
      <c r="S616">
        <v>0.84835700000000003</v>
      </c>
      <c r="T616">
        <v>1108.6279999999999</v>
      </c>
      <c r="U616">
        <v>433.55056999999999</v>
      </c>
      <c r="V616">
        <v>0.9640782</v>
      </c>
      <c r="W616">
        <v>1115.6903</v>
      </c>
      <c r="X616">
        <v>578.21559999999999</v>
      </c>
      <c r="Y616">
        <v>0.92957723000000003</v>
      </c>
      <c r="Z616">
        <f t="shared" si="86"/>
        <v>1070.6284800000001</v>
      </c>
      <c r="AA616">
        <f t="shared" si="87"/>
        <v>508.20865666666668</v>
      </c>
      <c r="AB616">
        <f t="shared" si="88"/>
        <v>5.9982151903542862</v>
      </c>
      <c r="AC616">
        <f t="shared" si="89"/>
        <v>2.6568546036801557</v>
      </c>
    </row>
    <row r="617" spans="1:29" x14ac:dyDescent="0.4">
      <c r="A617">
        <v>614</v>
      </c>
      <c r="B617">
        <f t="shared" si="81"/>
        <v>20.466666666666665</v>
      </c>
      <c r="C617">
        <v>748.61743000000001</v>
      </c>
      <c r="D617">
        <v>506.67327999999998</v>
      </c>
      <c r="E617">
        <v>0.86321413999999996</v>
      </c>
      <c r="F617">
        <v>876.14779999999996</v>
      </c>
      <c r="G617">
        <v>439.30919999999998</v>
      </c>
      <c r="H617">
        <v>0.95077440000000002</v>
      </c>
      <c r="I617">
        <v>870.23833999999999</v>
      </c>
      <c r="J617">
        <v>583.04296999999997</v>
      </c>
      <c r="K617">
        <v>0.93394429999999995</v>
      </c>
      <c r="L617">
        <f t="shared" si="82"/>
        <v>831.66785666666658</v>
      </c>
      <c r="M617">
        <f t="shared" si="83"/>
        <v>509.67514999999997</v>
      </c>
      <c r="N617">
        <f t="shared" si="84"/>
        <v>-3.7490598619926701</v>
      </c>
      <c r="O617">
        <f t="shared" si="85"/>
        <v>2.6787415800782077</v>
      </c>
      <c r="Q617">
        <v>985.8723</v>
      </c>
      <c r="R617">
        <v>512.67505000000006</v>
      </c>
      <c r="S617">
        <v>0.81794199999999995</v>
      </c>
      <c r="T617">
        <v>1106.9070999999999</v>
      </c>
      <c r="U617">
        <v>433.27017000000001</v>
      </c>
      <c r="V617">
        <v>0.93782520000000003</v>
      </c>
      <c r="W617">
        <v>1113.8809000000001</v>
      </c>
      <c r="X617">
        <v>578.39966000000004</v>
      </c>
      <c r="Y617">
        <v>0.93184610000000001</v>
      </c>
      <c r="Z617">
        <f t="shared" si="86"/>
        <v>1068.8867666666667</v>
      </c>
      <c r="AA617">
        <f t="shared" si="87"/>
        <v>508.11496000000005</v>
      </c>
      <c r="AB617">
        <f t="shared" si="88"/>
        <v>5.9269524545769592</v>
      </c>
      <c r="AC617">
        <f t="shared" si="89"/>
        <v>2.661280500792726</v>
      </c>
    </row>
    <row r="618" spans="1:29" x14ac:dyDescent="0.4">
      <c r="A618">
        <v>615</v>
      </c>
      <c r="B618">
        <f t="shared" si="81"/>
        <v>20.5</v>
      </c>
      <c r="C618">
        <v>750.41925000000003</v>
      </c>
      <c r="D618">
        <v>506.78458000000001</v>
      </c>
      <c r="E618">
        <v>0.85908660000000003</v>
      </c>
      <c r="F618">
        <v>878.41589999999997</v>
      </c>
      <c r="G618">
        <v>439.12180000000001</v>
      </c>
      <c r="H618">
        <v>0.95280105000000004</v>
      </c>
      <c r="I618">
        <v>872.34862999999996</v>
      </c>
      <c r="J618">
        <v>583.02149999999995</v>
      </c>
      <c r="K618">
        <v>0.88177240000000001</v>
      </c>
      <c r="L618">
        <f t="shared" si="82"/>
        <v>833.72792666666658</v>
      </c>
      <c r="M618">
        <f t="shared" si="83"/>
        <v>509.64262666666667</v>
      </c>
      <c r="N618">
        <f t="shared" si="84"/>
        <v>-3.6653197098134926</v>
      </c>
      <c r="O618">
        <f t="shared" si="85"/>
        <v>2.6793709259181724</v>
      </c>
      <c r="Q618">
        <v>983.99950000000001</v>
      </c>
      <c r="R618">
        <v>512.15404999999998</v>
      </c>
      <c r="S618">
        <v>0.86232454000000003</v>
      </c>
      <c r="T618">
        <v>1104.9474</v>
      </c>
      <c r="U618">
        <v>433.42444</v>
      </c>
      <c r="V618">
        <v>0.91412210000000005</v>
      </c>
      <c r="W618">
        <v>1112.308</v>
      </c>
      <c r="X618">
        <v>578.38530000000003</v>
      </c>
      <c r="Y618">
        <v>0.92754040000000004</v>
      </c>
      <c r="Z618">
        <f t="shared" si="86"/>
        <v>1067.0849666666666</v>
      </c>
      <c r="AA618">
        <f t="shared" si="87"/>
        <v>507.98793000000001</v>
      </c>
      <c r="AB618">
        <f t="shared" si="88"/>
        <v>5.8532449029988847</v>
      </c>
      <c r="AC618">
        <f t="shared" si="89"/>
        <v>2.6670876659165987</v>
      </c>
    </row>
    <row r="619" spans="1:29" x14ac:dyDescent="0.4">
      <c r="A619">
        <v>616</v>
      </c>
      <c r="B619">
        <f t="shared" si="81"/>
        <v>20.533333333333335</v>
      </c>
      <c r="C619">
        <v>752.5335</v>
      </c>
      <c r="D619">
        <v>506.66895</v>
      </c>
      <c r="E619">
        <v>0.91943640000000004</v>
      </c>
      <c r="F619">
        <v>880.34739999999999</v>
      </c>
      <c r="G619">
        <v>439.11023</v>
      </c>
      <c r="H619">
        <v>0.89856654000000002</v>
      </c>
      <c r="I619">
        <v>874.62900000000002</v>
      </c>
      <c r="J619">
        <v>583.01134999999999</v>
      </c>
      <c r="K619">
        <v>0.91402669999999997</v>
      </c>
      <c r="L619">
        <f t="shared" si="82"/>
        <v>835.83663333333334</v>
      </c>
      <c r="M619">
        <f t="shared" si="83"/>
        <v>509.59684333333331</v>
      </c>
      <c r="N619">
        <f t="shared" si="84"/>
        <v>-3.5795931142462076</v>
      </c>
      <c r="O619">
        <f t="shared" si="85"/>
        <v>2.6805249296799314</v>
      </c>
      <c r="Q619">
        <v>982.61389999999994</v>
      </c>
      <c r="R619">
        <v>512.18949999999995</v>
      </c>
      <c r="S619">
        <v>0.91363649999999996</v>
      </c>
      <c r="T619">
        <v>1103.2547999999999</v>
      </c>
      <c r="U619">
        <v>433.71312999999998</v>
      </c>
      <c r="V619">
        <v>0.93563499999999999</v>
      </c>
      <c r="W619">
        <v>1110.5481</v>
      </c>
      <c r="X619">
        <v>578.67303000000004</v>
      </c>
      <c r="Y619">
        <v>0.96174760000000004</v>
      </c>
      <c r="Z619">
        <f t="shared" si="86"/>
        <v>1065.4722666666667</v>
      </c>
      <c r="AA619">
        <f t="shared" si="87"/>
        <v>508.19188666666668</v>
      </c>
      <c r="AB619">
        <f t="shared" si="88"/>
        <v>5.7871733527896403</v>
      </c>
      <c r="AC619">
        <f t="shared" si="89"/>
        <v>2.6593191408731647</v>
      </c>
    </row>
    <row r="620" spans="1:29" x14ac:dyDescent="0.4">
      <c r="A620">
        <v>617</v>
      </c>
      <c r="B620">
        <f t="shared" si="81"/>
        <v>20.566666666666666</v>
      </c>
      <c r="C620">
        <v>754.78689999999995</v>
      </c>
      <c r="D620">
        <v>506.43686000000002</v>
      </c>
      <c r="E620">
        <v>0.95067429999999997</v>
      </c>
      <c r="F620">
        <v>882.68899999999996</v>
      </c>
      <c r="G620">
        <v>438.74297999999999</v>
      </c>
      <c r="H620">
        <v>0.93644433999999999</v>
      </c>
      <c r="I620">
        <v>877.23350000000005</v>
      </c>
      <c r="J620">
        <v>582.98760000000004</v>
      </c>
      <c r="K620">
        <v>0.88571816999999997</v>
      </c>
      <c r="L620">
        <f t="shared" si="82"/>
        <v>838.23646666666662</v>
      </c>
      <c r="M620">
        <f t="shared" si="83"/>
        <v>509.3891466666667</v>
      </c>
      <c r="N620">
        <f t="shared" si="84"/>
        <v>-3.4819741263194803</v>
      </c>
      <c r="O620">
        <f t="shared" si="85"/>
        <v>2.688189234987223</v>
      </c>
      <c r="Q620">
        <v>981.07069999999999</v>
      </c>
      <c r="R620">
        <v>512.23413000000005</v>
      </c>
      <c r="S620">
        <v>0.90420529999999999</v>
      </c>
      <c r="T620">
        <v>1101.5907</v>
      </c>
      <c r="U620">
        <v>433.61651999999998</v>
      </c>
      <c r="V620">
        <v>0.98887150000000001</v>
      </c>
      <c r="W620">
        <v>1108.5</v>
      </c>
      <c r="X620">
        <v>578.44500000000005</v>
      </c>
      <c r="Y620">
        <v>0.96790350000000003</v>
      </c>
      <c r="Z620">
        <f t="shared" si="86"/>
        <v>1063.7204666666667</v>
      </c>
      <c r="AA620">
        <f t="shared" si="87"/>
        <v>508.09854999999999</v>
      </c>
      <c r="AB620">
        <f t="shared" si="88"/>
        <v>5.715508636038324</v>
      </c>
      <c r="AC620">
        <f t="shared" si="89"/>
        <v>2.6637335838336216</v>
      </c>
    </row>
    <row r="621" spans="1:29" x14ac:dyDescent="0.4">
      <c r="A621">
        <v>618</v>
      </c>
      <c r="B621">
        <f t="shared" si="81"/>
        <v>20.6</v>
      </c>
      <c r="C621">
        <v>756.87316999999996</v>
      </c>
      <c r="D621">
        <v>506.5016</v>
      </c>
      <c r="E621">
        <v>0.93143916000000004</v>
      </c>
      <c r="F621">
        <v>884.31510000000003</v>
      </c>
      <c r="G621">
        <v>438.75885</v>
      </c>
      <c r="H621">
        <v>0.94921500000000003</v>
      </c>
      <c r="I621">
        <v>878.35339999999997</v>
      </c>
      <c r="J621">
        <v>582.87634000000003</v>
      </c>
      <c r="K621">
        <v>0.87941349999999996</v>
      </c>
      <c r="L621">
        <f t="shared" si="82"/>
        <v>839.84722333333332</v>
      </c>
      <c r="M621">
        <f t="shared" si="83"/>
        <v>509.37893000000003</v>
      </c>
      <c r="N621">
        <f t="shared" si="84"/>
        <v>-3.4164906798842898</v>
      </c>
      <c r="O621">
        <f t="shared" si="85"/>
        <v>2.6880600569427386</v>
      </c>
      <c r="Q621">
        <v>979.96310000000005</v>
      </c>
      <c r="R621">
        <v>512.04179999999997</v>
      </c>
      <c r="S621">
        <v>0.90211960000000002</v>
      </c>
      <c r="T621">
        <v>1100.1500000000001</v>
      </c>
      <c r="U621">
        <v>433.77175999999997</v>
      </c>
      <c r="V621">
        <v>0.99469419999999997</v>
      </c>
      <c r="W621">
        <v>1107.7292</v>
      </c>
      <c r="X621">
        <v>578.34186</v>
      </c>
      <c r="Y621">
        <v>0.97626906999999996</v>
      </c>
      <c r="Z621">
        <f t="shared" si="86"/>
        <v>1062.6141</v>
      </c>
      <c r="AA621">
        <f t="shared" si="87"/>
        <v>508.05180666666666</v>
      </c>
      <c r="AB621">
        <f t="shared" si="88"/>
        <v>5.6702460414620193</v>
      </c>
      <c r="AC621">
        <f t="shared" si="89"/>
        <v>2.6660233628161709</v>
      </c>
    </row>
    <row r="622" spans="1:29" x14ac:dyDescent="0.4">
      <c r="A622">
        <v>619</v>
      </c>
      <c r="B622">
        <f t="shared" si="81"/>
        <v>20.633333333333333</v>
      </c>
      <c r="C622">
        <v>756.52246000000002</v>
      </c>
      <c r="D622">
        <v>506.55446999999998</v>
      </c>
      <c r="E622">
        <v>0.91959506000000002</v>
      </c>
      <c r="F622">
        <v>883.7088</v>
      </c>
      <c r="G622">
        <v>438.58510000000001</v>
      </c>
      <c r="H622">
        <v>0.94290596000000004</v>
      </c>
      <c r="I622">
        <v>877.93589999999995</v>
      </c>
      <c r="J622">
        <v>582.59749999999997</v>
      </c>
      <c r="K622">
        <v>0.89681864</v>
      </c>
      <c r="L622">
        <f t="shared" si="82"/>
        <v>839.38905333333332</v>
      </c>
      <c r="M622">
        <f t="shared" si="83"/>
        <v>509.24569000000002</v>
      </c>
      <c r="N622">
        <f t="shared" si="84"/>
        <v>-3.435073230069229</v>
      </c>
      <c r="O622">
        <f t="shared" si="85"/>
        <v>2.6936541411070181</v>
      </c>
      <c r="Q622">
        <v>980.1268</v>
      </c>
      <c r="R622">
        <v>512.01670000000001</v>
      </c>
      <c r="S622">
        <v>0.93103886000000002</v>
      </c>
      <c r="T622">
        <v>1100.4409000000001</v>
      </c>
      <c r="U622">
        <v>433.625</v>
      </c>
      <c r="V622">
        <v>1</v>
      </c>
      <c r="W622">
        <v>1108.0730000000001</v>
      </c>
      <c r="X622">
        <v>578.19100000000003</v>
      </c>
      <c r="Y622">
        <v>0.97913309999999998</v>
      </c>
      <c r="Z622">
        <f t="shared" si="86"/>
        <v>1062.8802333333333</v>
      </c>
      <c r="AA622">
        <f t="shared" si="87"/>
        <v>507.94423333333333</v>
      </c>
      <c r="AB622">
        <f t="shared" si="88"/>
        <v>5.6811722211268751</v>
      </c>
      <c r="AC622">
        <f t="shared" si="89"/>
        <v>2.6703224913944705</v>
      </c>
    </row>
    <row r="623" spans="1:29" x14ac:dyDescent="0.4">
      <c r="A623">
        <v>620</v>
      </c>
      <c r="B623">
        <f t="shared" si="81"/>
        <v>20.666666666666668</v>
      </c>
      <c r="C623">
        <v>756.24249999999995</v>
      </c>
      <c r="D623">
        <v>506.50310000000002</v>
      </c>
      <c r="E623">
        <v>0.92083024999999996</v>
      </c>
      <c r="F623">
        <v>883.74440000000004</v>
      </c>
      <c r="G623">
        <v>438.46132999999998</v>
      </c>
      <c r="H623">
        <v>0.94529282999999997</v>
      </c>
      <c r="I623">
        <v>877.90062999999998</v>
      </c>
      <c r="J623">
        <v>582.51935000000003</v>
      </c>
      <c r="K623">
        <v>0.91055940000000002</v>
      </c>
      <c r="L623">
        <f t="shared" si="82"/>
        <v>839.29584333333332</v>
      </c>
      <c r="M623">
        <f t="shared" si="83"/>
        <v>509.16126000000003</v>
      </c>
      <c r="N623">
        <f t="shared" si="84"/>
        <v>-3.4388350424685825</v>
      </c>
      <c r="O623">
        <f t="shared" si="85"/>
        <v>2.6971320855742738</v>
      </c>
      <c r="Q623">
        <v>980.12694999999997</v>
      </c>
      <c r="R623">
        <v>512.00194999999997</v>
      </c>
      <c r="S623">
        <v>0.92679029999999996</v>
      </c>
      <c r="T623">
        <v>1100.2897</v>
      </c>
      <c r="U623">
        <v>433.48700000000002</v>
      </c>
      <c r="V623">
        <v>0.99274534000000003</v>
      </c>
      <c r="W623">
        <v>1108.0197000000001</v>
      </c>
      <c r="X623">
        <v>578.17834000000005</v>
      </c>
      <c r="Y623">
        <v>0.97668356000000001</v>
      </c>
      <c r="Z623">
        <f t="shared" si="86"/>
        <v>1062.8121166666667</v>
      </c>
      <c r="AA623">
        <f t="shared" si="87"/>
        <v>507.8890966666666</v>
      </c>
      <c r="AB623">
        <f t="shared" si="88"/>
        <v>5.6784024709559251</v>
      </c>
      <c r="AC623">
        <f t="shared" si="89"/>
        <v>2.6725965821004842</v>
      </c>
    </row>
    <row r="624" spans="1:29" x14ac:dyDescent="0.4">
      <c r="A624">
        <v>621</v>
      </c>
      <c r="B624">
        <f t="shared" si="81"/>
        <v>20.7</v>
      </c>
      <c r="C624">
        <v>756.53480000000002</v>
      </c>
      <c r="D624">
        <v>506.57929999999999</v>
      </c>
      <c r="E624">
        <v>0.93490963999999999</v>
      </c>
      <c r="F624">
        <v>883.73469999999998</v>
      </c>
      <c r="G624">
        <v>438.22894000000002</v>
      </c>
      <c r="H624">
        <v>0.94322306</v>
      </c>
      <c r="I624">
        <v>877.97326999999996</v>
      </c>
      <c r="J624">
        <v>582.40459999999996</v>
      </c>
      <c r="K624">
        <v>0.90266349999999995</v>
      </c>
      <c r="L624">
        <f t="shared" si="82"/>
        <v>839.41425666666657</v>
      </c>
      <c r="M624">
        <f t="shared" si="83"/>
        <v>509.07094666666671</v>
      </c>
      <c r="N624">
        <f t="shared" si="84"/>
        <v>-3.4339920015135226</v>
      </c>
      <c r="O624">
        <f t="shared" si="85"/>
        <v>2.7007784138619124</v>
      </c>
      <c r="Q624">
        <v>980.18566999999996</v>
      </c>
      <c r="R624">
        <v>511.69072999999997</v>
      </c>
      <c r="S624">
        <v>0.90447604999999998</v>
      </c>
      <c r="T624">
        <v>1100.1941999999999</v>
      </c>
      <c r="U624">
        <v>433.43615999999997</v>
      </c>
      <c r="V624">
        <v>0.96139383</v>
      </c>
      <c r="W624">
        <v>1107.9851000000001</v>
      </c>
      <c r="X624">
        <v>578.35657000000003</v>
      </c>
      <c r="Y624">
        <v>0.96953725999999996</v>
      </c>
      <c r="Z624">
        <f t="shared" si="86"/>
        <v>1062.7883233333332</v>
      </c>
      <c r="AA624">
        <f t="shared" si="87"/>
        <v>507.82781999999997</v>
      </c>
      <c r="AB624">
        <f t="shared" si="88"/>
        <v>5.6774486161310751</v>
      </c>
      <c r="AC624">
        <f t="shared" si="89"/>
        <v>2.6751060006152771</v>
      </c>
    </row>
    <row r="625" spans="1:29" x14ac:dyDescent="0.4">
      <c r="A625">
        <v>622</v>
      </c>
      <c r="B625">
        <f t="shared" si="81"/>
        <v>20.733333333333334</v>
      </c>
      <c r="C625">
        <v>756.08856000000003</v>
      </c>
      <c r="D625">
        <v>506.40753000000001</v>
      </c>
      <c r="E625">
        <v>0.93859649999999994</v>
      </c>
      <c r="F625">
        <v>883.60640000000001</v>
      </c>
      <c r="G625">
        <v>438.15219999999999</v>
      </c>
      <c r="H625">
        <v>0.94071479999999996</v>
      </c>
      <c r="I625">
        <v>877.97406000000001</v>
      </c>
      <c r="J625">
        <v>582.38919999999996</v>
      </c>
      <c r="K625">
        <v>0.90231159999999999</v>
      </c>
      <c r="L625">
        <f t="shared" si="82"/>
        <v>839.22300666666672</v>
      </c>
      <c r="M625">
        <f t="shared" si="83"/>
        <v>508.98297666666667</v>
      </c>
      <c r="N625">
        <f t="shared" si="84"/>
        <v>-3.4417381970288714</v>
      </c>
      <c r="O625">
        <f t="shared" si="85"/>
        <v>2.7044340966705511</v>
      </c>
      <c r="Q625">
        <v>979.86974999999995</v>
      </c>
      <c r="R625">
        <v>511.7903</v>
      </c>
      <c r="S625">
        <v>0.93148960000000003</v>
      </c>
      <c r="T625">
        <v>1100.2211</v>
      </c>
      <c r="U625">
        <v>433.67020000000002</v>
      </c>
      <c r="V625">
        <v>0.95904475</v>
      </c>
      <c r="W625">
        <v>1107.5118</v>
      </c>
      <c r="X625">
        <v>578.1386</v>
      </c>
      <c r="Y625">
        <v>0.97626369999999996</v>
      </c>
      <c r="Z625">
        <f t="shared" si="86"/>
        <v>1062.5342166666667</v>
      </c>
      <c r="AA625">
        <f t="shared" si="87"/>
        <v>507.86636666666664</v>
      </c>
      <c r="AB625">
        <f t="shared" si="88"/>
        <v>5.6670370277045823</v>
      </c>
      <c r="AC625">
        <f t="shared" si="89"/>
        <v>2.6736202776283409</v>
      </c>
    </row>
    <row r="626" spans="1:29" x14ac:dyDescent="0.4">
      <c r="A626">
        <v>623</v>
      </c>
      <c r="B626">
        <f t="shared" si="81"/>
        <v>20.766666666666666</v>
      </c>
      <c r="C626">
        <v>756.40750000000003</v>
      </c>
      <c r="D626">
        <v>506.49950000000001</v>
      </c>
      <c r="E626">
        <v>0.91875759999999995</v>
      </c>
      <c r="F626">
        <v>883.68050000000005</v>
      </c>
      <c r="G626">
        <v>438.08803999999998</v>
      </c>
      <c r="H626">
        <v>0.91606069999999995</v>
      </c>
      <c r="I626">
        <v>877.83214999999996</v>
      </c>
      <c r="J626">
        <v>582.5077</v>
      </c>
      <c r="K626">
        <v>0.90271630000000003</v>
      </c>
      <c r="L626">
        <f t="shared" si="82"/>
        <v>839.3067166666666</v>
      </c>
      <c r="M626">
        <f t="shared" si="83"/>
        <v>509.03174666666672</v>
      </c>
      <c r="N626">
        <f t="shared" si="84"/>
        <v>-3.438351026277696</v>
      </c>
      <c r="O626">
        <f t="shared" si="85"/>
        <v>2.7024149784293221</v>
      </c>
      <c r="Q626">
        <v>979.88256999999999</v>
      </c>
      <c r="R626">
        <v>511.5634</v>
      </c>
      <c r="S626">
        <v>0.90429705000000005</v>
      </c>
      <c r="T626">
        <v>1099.7775999999999</v>
      </c>
      <c r="U626">
        <v>433.52587999999997</v>
      </c>
      <c r="V626">
        <v>0.91579884</v>
      </c>
      <c r="W626">
        <v>1107.6002000000001</v>
      </c>
      <c r="X626">
        <v>578.15704000000005</v>
      </c>
      <c r="Y626">
        <v>0.95841765000000001</v>
      </c>
      <c r="Z626">
        <f t="shared" si="86"/>
        <v>1062.4201233333333</v>
      </c>
      <c r="AA626">
        <f t="shared" si="87"/>
        <v>507.7487733333333</v>
      </c>
      <c r="AB626">
        <f t="shared" si="88"/>
        <v>5.66240601742303</v>
      </c>
      <c r="AC626">
        <f t="shared" si="89"/>
        <v>2.6784596023505713</v>
      </c>
    </row>
    <row r="627" spans="1:29" x14ac:dyDescent="0.4">
      <c r="A627">
        <v>624</v>
      </c>
      <c r="B627">
        <f t="shared" si="81"/>
        <v>20.8</v>
      </c>
      <c r="C627">
        <v>756.63306</v>
      </c>
      <c r="D627">
        <v>506.83237000000003</v>
      </c>
      <c r="E627">
        <v>0.93941330000000001</v>
      </c>
      <c r="F627">
        <v>883.87199999999996</v>
      </c>
      <c r="G627">
        <v>438.01022</v>
      </c>
      <c r="H627">
        <v>0.93313736000000003</v>
      </c>
      <c r="I627">
        <v>878.08983999999998</v>
      </c>
      <c r="J627">
        <v>582.56449999999995</v>
      </c>
      <c r="K627">
        <v>0.89836389999999999</v>
      </c>
      <c r="L627">
        <f t="shared" si="82"/>
        <v>839.53163333333339</v>
      </c>
      <c r="M627">
        <f t="shared" si="83"/>
        <v>509.13569666666666</v>
      </c>
      <c r="N627">
        <f t="shared" si="84"/>
        <v>-3.4292413628529461</v>
      </c>
      <c r="O627">
        <f t="shared" si="85"/>
        <v>2.698095591683122</v>
      </c>
      <c r="Q627">
        <v>979.3066</v>
      </c>
      <c r="R627">
        <v>511.75839999999999</v>
      </c>
      <c r="S627">
        <v>0.9178731</v>
      </c>
      <c r="T627">
        <v>1099.6470999999999</v>
      </c>
      <c r="U627">
        <v>433.60815000000002</v>
      </c>
      <c r="V627">
        <v>0.92676579999999997</v>
      </c>
      <c r="W627">
        <v>1107.2689</v>
      </c>
      <c r="X627">
        <v>578.31050000000005</v>
      </c>
      <c r="Y627">
        <v>0.95388949999999995</v>
      </c>
      <c r="Z627">
        <f t="shared" si="86"/>
        <v>1062.0742</v>
      </c>
      <c r="AA627">
        <f t="shared" si="87"/>
        <v>507.89235000000002</v>
      </c>
      <c r="AB627">
        <f t="shared" si="88"/>
        <v>5.6482030299826951</v>
      </c>
      <c r="AC627">
        <f t="shared" si="89"/>
        <v>2.6727184174542069</v>
      </c>
    </row>
    <row r="628" spans="1:29" x14ac:dyDescent="0.4">
      <c r="A628">
        <v>625</v>
      </c>
      <c r="B628">
        <f t="shared" si="81"/>
        <v>20.833333333333332</v>
      </c>
      <c r="C628">
        <v>756.71550000000002</v>
      </c>
      <c r="D628">
        <v>506.73739999999998</v>
      </c>
      <c r="E628">
        <v>0.93904810000000005</v>
      </c>
      <c r="F628">
        <v>883.89779999999996</v>
      </c>
      <c r="G628">
        <v>438.10131999999999</v>
      </c>
      <c r="H628">
        <v>0.94244260000000002</v>
      </c>
      <c r="I628">
        <v>878.49994000000004</v>
      </c>
      <c r="J628">
        <v>582.41376000000002</v>
      </c>
      <c r="K628">
        <v>0.89512100000000006</v>
      </c>
      <c r="L628">
        <f t="shared" si="82"/>
        <v>839.70441333333338</v>
      </c>
      <c r="M628">
        <f t="shared" si="83"/>
        <v>509.08416000000005</v>
      </c>
      <c r="N628">
        <f t="shared" si="84"/>
        <v>-3.4222007163721333</v>
      </c>
      <c r="O628">
        <f t="shared" si="85"/>
        <v>2.7001406645948545</v>
      </c>
      <c r="Q628">
        <v>979.50400000000002</v>
      </c>
      <c r="R628">
        <v>511.91753999999997</v>
      </c>
      <c r="S628">
        <v>0.91227365000000005</v>
      </c>
      <c r="T628">
        <v>1099.6110000000001</v>
      </c>
      <c r="U628">
        <v>433.57162</v>
      </c>
      <c r="V628">
        <v>0.95637930000000004</v>
      </c>
      <c r="W628">
        <v>1106.9862000000001</v>
      </c>
      <c r="X628">
        <v>578.30290000000002</v>
      </c>
      <c r="Y628">
        <v>0.95402160000000003</v>
      </c>
      <c r="Z628">
        <f t="shared" si="86"/>
        <v>1062.0337333333334</v>
      </c>
      <c r="AA628">
        <f t="shared" si="87"/>
        <v>507.93068666666665</v>
      </c>
      <c r="AB628">
        <f t="shared" si="88"/>
        <v>5.6465345662807769</v>
      </c>
      <c r="AC628">
        <f t="shared" si="89"/>
        <v>2.6711675431791657</v>
      </c>
    </row>
    <row r="629" spans="1:29" x14ac:dyDescent="0.4">
      <c r="A629">
        <v>626</v>
      </c>
      <c r="B629">
        <f t="shared" si="81"/>
        <v>20.866666666666667</v>
      </c>
      <c r="C629">
        <v>756.96857</v>
      </c>
      <c r="D629">
        <v>506.57254</v>
      </c>
      <c r="E629">
        <v>0.92025477</v>
      </c>
      <c r="F629">
        <v>883.96169999999995</v>
      </c>
      <c r="G629">
        <v>438.04919999999998</v>
      </c>
      <c r="H629">
        <v>0.95284760000000002</v>
      </c>
      <c r="I629">
        <v>878.70640000000003</v>
      </c>
      <c r="J629">
        <v>582.29785000000004</v>
      </c>
      <c r="K629">
        <v>0.87589824000000005</v>
      </c>
      <c r="L629">
        <f t="shared" si="82"/>
        <v>839.87888999999996</v>
      </c>
      <c r="M629">
        <f t="shared" si="83"/>
        <v>508.97319666666664</v>
      </c>
      <c r="N629">
        <f t="shared" si="84"/>
        <v>-3.4150717910117341</v>
      </c>
      <c r="O629">
        <f t="shared" si="85"/>
        <v>2.7046108835921987</v>
      </c>
      <c r="Q629">
        <v>979.33234000000004</v>
      </c>
      <c r="R629">
        <v>511.80112000000003</v>
      </c>
      <c r="S629">
        <v>0.9200933</v>
      </c>
      <c r="T629">
        <v>1099.7285999999999</v>
      </c>
      <c r="U629">
        <v>433.60028</v>
      </c>
      <c r="V629">
        <v>0.97431195000000004</v>
      </c>
      <c r="W629">
        <v>1106.5640000000001</v>
      </c>
      <c r="X629">
        <v>578.34186</v>
      </c>
      <c r="Y629">
        <v>0.94514569999999998</v>
      </c>
      <c r="Z629">
        <f t="shared" si="86"/>
        <v>1061.8749799999998</v>
      </c>
      <c r="AA629">
        <f t="shared" si="87"/>
        <v>507.91442000000001</v>
      </c>
      <c r="AB629">
        <f t="shared" si="88"/>
        <v>5.6400431390025165</v>
      </c>
      <c r="AC629">
        <f t="shared" si="89"/>
        <v>2.6718862994438082</v>
      </c>
    </row>
    <row r="630" spans="1:29" x14ac:dyDescent="0.4">
      <c r="A630">
        <v>627</v>
      </c>
      <c r="B630">
        <f t="shared" si="81"/>
        <v>20.9</v>
      </c>
      <c r="C630">
        <v>756.90419999999995</v>
      </c>
      <c r="D630">
        <v>506.72415000000001</v>
      </c>
      <c r="E630">
        <v>0.90952370000000005</v>
      </c>
      <c r="F630">
        <v>883.9742</v>
      </c>
      <c r="G630">
        <v>438.02175999999997</v>
      </c>
      <c r="H630">
        <v>0.95646770000000003</v>
      </c>
      <c r="I630">
        <v>878.92139999999995</v>
      </c>
      <c r="J630">
        <v>582.26379999999995</v>
      </c>
      <c r="K630">
        <v>0.89396909999999996</v>
      </c>
      <c r="L630">
        <f t="shared" si="82"/>
        <v>839.93326666666655</v>
      </c>
      <c r="M630">
        <f t="shared" si="83"/>
        <v>509.00323666666662</v>
      </c>
      <c r="N630">
        <f t="shared" si="84"/>
        <v>-3.4128709652349145</v>
      </c>
      <c r="O630">
        <f t="shared" si="85"/>
        <v>2.7033662474337596</v>
      </c>
      <c r="Q630">
        <v>978.96720000000005</v>
      </c>
      <c r="R630">
        <v>511.90573000000001</v>
      </c>
      <c r="S630">
        <v>0.93439240000000001</v>
      </c>
      <c r="T630">
        <v>1099.6658</v>
      </c>
      <c r="U630">
        <v>433.5659</v>
      </c>
      <c r="V630">
        <v>0.97506280000000001</v>
      </c>
      <c r="W630">
        <v>1106.4448</v>
      </c>
      <c r="X630">
        <v>578.52369999999996</v>
      </c>
      <c r="Y630">
        <v>0.96117359999999996</v>
      </c>
      <c r="Z630">
        <f t="shared" si="86"/>
        <v>1061.6926000000001</v>
      </c>
      <c r="AA630">
        <f t="shared" si="87"/>
        <v>507.99844333333334</v>
      </c>
      <c r="AB630">
        <f t="shared" si="88"/>
        <v>5.6325523489443379</v>
      </c>
      <c r="AC630">
        <f t="shared" si="89"/>
        <v>2.6685195383147122</v>
      </c>
    </row>
    <row r="631" spans="1:29" x14ac:dyDescent="0.4">
      <c r="A631">
        <v>628</v>
      </c>
      <c r="B631">
        <f t="shared" si="81"/>
        <v>20.933333333333334</v>
      </c>
      <c r="C631">
        <v>756.93024000000003</v>
      </c>
      <c r="D631">
        <v>506.95992999999999</v>
      </c>
      <c r="E631">
        <v>0.92865043999999997</v>
      </c>
      <c r="F631">
        <v>883.97889999999995</v>
      </c>
      <c r="G631">
        <v>437.96893</v>
      </c>
      <c r="H631">
        <v>0.96392359999999999</v>
      </c>
      <c r="I631">
        <v>878.75160000000005</v>
      </c>
      <c r="J631">
        <v>582.30773999999997</v>
      </c>
      <c r="K631">
        <v>0.86791324999999997</v>
      </c>
      <c r="L631">
        <f t="shared" si="82"/>
        <v>839.88691333333338</v>
      </c>
      <c r="M631">
        <f t="shared" si="83"/>
        <v>509.07886666666667</v>
      </c>
      <c r="N631">
        <f t="shared" si="84"/>
        <v>-3.4147798817760746</v>
      </c>
      <c r="O631">
        <f t="shared" si="85"/>
        <v>2.7002948422623247</v>
      </c>
      <c r="Q631">
        <v>978.86694</v>
      </c>
      <c r="R631">
        <v>511.68808000000001</v>
      </c>
      <c r="S631">
        <v>0.90116200000000002</v>
      </c>
      <c r="T631">
        <v>1099.5039999999999</v>
      </c>
      <c r="U631">
        <v>433.54813000000001</v>
      </c>
      <c r="V631">
        <v>0.97815006999999998</v>
      </c>
      <c r="W631">
        <v>1106.3987</v>
      </c>
      <c r="X631">
        <v>578.44293000000005</v>
      </c>
      <c r="Y631">
        <v>0.96033495999999996</v>
      </c>
      <c r="Z631">
        <f t="shared" si="86"/>
        <v>1061.5898799999998</v>
      </c>
      <c r="AA631">
        <f t="shared" si="87"/>
        <v>507.89304666666675</v>
      </c>
      <c r="AB631">
        <f t="shared" si="88"/>
        <v>5.6283829287396108</v>
      </c>
      <c r="AC631">
        <f t="shared" si="89"/>
        <v>2.6728570957699604</v>
      </c>
    </row>
    <row r="632" spans="1:29" x14ac:dyDescent="0.4">
      <c r="A632">
        <v>629</v>
      </c>
      <c r="B632">
        <f t="shared" si="81"/>
        <v>20.966666666666665</v>
      </c>
      <c r="C632">
        <v>756.74440000000004</v>
      </c>
      <c r="D632">
        <v>506.84267999999997</v>
      </c>
      <c r="E632">
        <v>0.93339399999999995</v>
      </c>
      <c r="F632">
        <v>883.79376000000002</v>
      </c>
      <c r="G632">
        <v>437.96796000000001</v>
      </c>
      <c r="H632">
        <v>0.95042753000000002</v>
      </c>
      <c r="I632">
        <v>878.94860000000006</v>
      </c>
      <c r="J632">
        <v>582.29049999999995</v>
      </c>
      <c r="K632">
        <v>0.88450974000000004</v>
      </c>
      <c r="L632">
        <f t="shared" si="82"/>
        <v>839.82892000000004</v>
      </c>
      <c r="M632">
        <f t="shared" si="83"/>
        <v>509.03371333333325</v>
      </c>
      <c r="N632">
        <f t="shared" si="84"/>
        <v>-3.4171228317344875</v>
      </c>
      <c r="O632">
        <f t="shared" si="85"/>
        <v>2.7021576137446752</v>
      </c>
      <c r="Q632">
        <v>978.92759999999998</v>
      </c>
      <c r="R632">
        <v>511.82024999999999</v>
      </c>
      <c r="S632">
        <v>0.90732740000000001</v>
      </c>
      <c r="T632">
        <v>1099.4937</v>
      </c>
      <c r="U632">
        <v>433.51227</v>
      </c>
      <c r="V632">
        <v>0.96930110000000003</v>
      </c>
      <c r="W632">
        <v>1106.4549999999999</v>
      </c>
      <c r="X632">
        <v>578.32294000000002</v>
      </c>
      <c r="Y632">
        <v>0.95721160000000005</v>
      </c>
      <c r="Z632">
        <f t="shared" si="86"/>
        <v>1061.6254333333334</v>
      </c>
      <c r="AA632">
        <f t="shared" si="87"/>
        <v>507.88515333333334</v>
      </c>
      <c r="AB632">
        <f t="shared" si="88"/>
        <v>5.6298404311677279</v>
      </c>
      <c r="AC632">
        <f t="shared" si="89"/>
        <v>2.6731670206476221</v>
      </c>
    </row>
    <row r="633" spans="1:29" x14ac:dyDescent="0.4">
      <c r="A633">
        <v>630</v>
      </c>
      <c r="B633">
        <f t="shared" si="81"/>
        <v>21</v>
      </c>
      <c r="C633">
        <v>756.63433999999995</v>
      </c>
      <c r="D633">
        <v>506.69029999999998</v>
      </c>
      <c r="E633">
        <v>0.94159603000000003</v>
      </c>
      <c r="F633">
        <v>883.61865</v>
      </c>
      <c r="G633">
        <v>437.85696000000002</v>
      </c>
      <c r="H633">
        <v>0.95436936999999999</v>
      </c>
      <c r="I633">
        <v>878.66930000000002</v>
      </c>
      <c r="J633">
        <v>582.12243999999998</v>
      </c>
      <c r="K633">
        <v>0.89648587000000002</v>
      </c>
      <c r="L633">
        <f t="shared" si="82"/>
        <v>839.64076333333333</v>
      </c>
      <c r="M633">
        <f t="shared" si="83"/>
        <v>508.88989999999995</v>
      </c>
      <c r="N633">
        <f t="shared" si="84"/>
        <v>-3.4247252654628779</v>
      </c>
      <c r="O633">
        <f t="shared" si="85"/>
        <v>2.7080917023632645</v>
      </c>
      <c r="Q633">
        <v>978.85186999999996</v>
      </c>
      <c r="R633">
        <v>511.52379999999999</v>
      </c>
      <c r="S633">
        <v>0.92599759999999998</v>
      </c>
      <c r="T633">
        <v>1099.4485</v>
      </c>
      <c r="U633">
        <v>433.50815</v>
      </c>
      <c r="V633">
        <v>0.94334315999999996</v>
      </c>
      <c r="W633">
        <v>1106.3302000000001</v>
      </c>
      <c r="X633">
        <v>578.45245</v>
      </c>
      <c r="Y633">
        <v>0.96680456000000004</v>
      </c>
      <c r="Z633">
        <f t="shared" si="86"/>
        <v>1061.5435233333335</v>
      </c>
      <c r="AA633">
        <f t="shared" si="87"/>
        <v>507.82813333333337</v>
      </c>
      <c r="AB633">
        <f t="shared" si="88"/>
        <v>5.6265069346789325</v>
      </c>
      <c r="AC633">
        <f t="shared" si="89"/>
        <v>2.6755227413689866</v>
      </c>
    </row>
    <row r="634" spans="1:29" x14ac:dyDescent="0.4">
      <c r="A634">
        <v>631</v>
      </c>
      <c r="B634">
        <f t="shared" si="81"/>
        <v>21.033333333333335</v>
      </c>
      <c r="C634">
        <v>756.41240000000005</v>
      </c>
      <c r="D634">
        <v>506.74227999999999</v>
      </c>
      <c r="E634">
        <v>0.93555699999999997</v>
      </c>
      <c r="F634">
        <v>883.42240000000004</v>
      </c>
      <c r="G634">
        <v>437.92833999999999</v>
      </c>
      <c r="H634">
        <v>0.95723159999999996</v>
      </c>
      <c r="I634">
        <v>878.48035000000004</v>
      </c>
      <c r="J634">
        <v>582.17769999999996</v>
      </c>
      <c r="K634">
        <v>0.89729714000000005</v>
      </c>
      <c r="L634">
        <f t="shared" si="82"/>
        <v>839.43838333333349</v>
      </c>
      <c r="M634">
        <f t="shared" si="83"/>
        <v>508.94944000000004</v>
      </c>
      <c r="N634">
        <f t="shared" si="84"/>
        <v>-3.4329718014976844</v>
      </c>
      <c r="O634">
        <f t="shared" si="85"/>
        <v>2.7057299851970065</v>
      </c>
      <c r="Q634">
        <v>978.67474000000004</v>
      </c>
      <c r="R634">
        <v>511.70877000000002</v>
      </c>
      <c r="S634">
        <v>0.91681199999999996</v>
      </c>
      <c r="T634">
        <v>1099.4606000000001</v>
      </c>
      <c r="U634">
        <v>433.54565000000002</v>
      </c>
      <c r="V634">
        <v>0.95234174000000005</v>
      </c>
      <c r="W634">
        <v>1106.3124</v>
      </c>
      <c r="X634">
        <v>578.34595000000002</v>
      </c>
      <c r="Y634">
        <v>0.95786570000000004</v>
      </c>
      <c r="Z634">
        <f t="shared" si="86"/>
        <v>1061.4825800000001</v>
      </c>
      <c r="AA634">
        <f t="shared" si="87"/>
        <v>507.86679000000004</v>
      </c>
      <c r="AB634">
        <f t="shared" si="88"/>
        <v>5.6240004330880291</v>
      </c>
      <c r="AC634">
        <f t="shared" si="89"/>
        <v>2.6739658710358456</v>
      </c>
    </row>
    <row r="635" spans="1:29" x14ac:dyDescent="0.4">
      <c r="A635">
        <v>632</v>
      </c>
      <c r="B635">
        <f t="shared" si="81"/>
        <v>21.066666666666666</v>
      </c>
      <c r="C635">
        <v>756.35864000000004</v>
      </c>
      <c r="D635">
        <v>506.56238000000002</v>
      </c>
      <c r="E635">
        <v>0.94915459999999996</v>
      </c>
      <c r="F635">
        <v>883.34142999999995</v>
      </c>
      <c r="G635">
        <v>437.77215999999999</v>
      </c>
      <c r="H635">
        <v>0.96364205999999997</v>
      </c>
      <c r="I635">
        <v>878.17664000000002</v>
      </c>
      <c r="J635">
        <v>582.15674000000001</v>
      </c>
      <c r="K635">
        <v>0.90604514000000003</v>
      </c>
      <c r="L635">
        <f t="shared" si="82"/>
        <v>839.29223666666667</v>
      </c>
      <c r="M635">
        <f t="shared" si="83"/>
        <v>508.83042666666671</v>
      </c>
      <c r="N635">
        <f t="shared" si="84"/>
        <v>-3.4388743932996428</v>
      </c>
      <c r="O635">
        <f t="shared" si="85"/>
        <v>2.7106375171830646</v>
      </c>
      <c r="Q635">
        <v>978.71659999999997</v>
      </c>
      <c r="R635">
        <v>511.44549999999998</v>
      </c>
      <c r="S635">
        <v>0.92730564000000004</v>
      </c>
      <c r="T635">
        <v>1099.3527999999999</v>
      </c>
      <c r="U635">
        <v>433.49444999999997</v>
      </c>
      <c r="V635">
        <v>0.94891596</v>
      </c>
      <c r="W635">
        <v>1106.2859000000001</v>
      </c>
      <c r="X635">
        <v>578.34950000000003</v>
      </c>
      <c r="Y635">
        <v>0.95296309999999995</v>
      </c>
      <c r="Z635">
        <f t="shared" si="86"/>
        <v>1061.4517666666668</v>
      </c>
      <c r="AA635">
        <f t="shared" si="87"/>
        <v>507.76315</v>
      </c>
      <c r="AB635">
        <f t="shared" si="88"/>
        <v>5.6227730771354736</v>
      </c>
      <c r="AC635">
        <f t="shared" si="89"/>
        <v>2.6782069072542503</v>
      </c>
    </row>
    <row r="636" spans="1:29" x14ac:dyDescent="0.4">
      <c r="A636">
        <v>633</v>
      </c>
      <c r="B636">
        <f t="shared" si="81"/>
        <v>21.1</v>
      </c>
      <c r="C636">
        <v>756.06493999999998</v>
      </c>
      <c r="D636">
        <v>506.77206000000001</v>
      </c>
      <c r="E636">
        <v>0.95642495000000005</v>
      </c>
      <c r="F636">
        <v>883.26739999999995</v>
      </c>
      <c r="G636">
        <v>437.63164999999998</v>
      </c>
      <c r="H636">
        <v>0.94999719999999999</v>
      </c>
      <c r="I636">
        <v>878.20214999999996</v>
      </c>
      <c r="J636">
        <v>581.87603999999999</v>
      </c>
      <c r="K636">
        <v>0.91858099999999998</v>
      </c>
      <c r="L636">
        <f t="shared" si="82"/>
        <v>839.17816333333337</v>
      </c>
      <c r="M636">
        <f t="shared" si="83"/>
        <v>508.7599166666667</v>
      </c>
      <c r="N636">
        <f t="shared" si="84"/>
        <v>-3.4434888425632613</v>
      </c>
      <c r="O636">
        <f t="shared" si="85"/>
        <v>2.7135543254534737</v>
      </c>
      <c r="Q636">
        <v>978.55219999999997</v>
      </c>
      <c r="R636">
        <v>511.36989999999997</v>
      </c>
      <c r="S636">
        <v>0.92546859999999997</v>
      </c>
      <c r="T636">
        <v>1099.3651</v>
      </c>
      <c r="U636">
        <v>433.39251999999999</v>
      </c>
      <c r="V636">
        <v>0.94452409999999998</v>
      </c>
      <c r="W636">
        <v>1106.3588999999999</v>
      </c>
      <c r="X636">
        <v>578.18065999999999</v>
      </c>
      <c r="Y636">
        <v>0.95956549999999996</v>
      </c>
      <c r="Z636">
        <f t="shared" si="86"/>
        <v>1061.4254000000001</v>
      </c>
      <c r="AA636">
        <f t="shared" si="87"/>
        <v>507.64769333333334</v>
      </c>
      <c r="AB636">
        <f t="shared" si="88"/>
        <v>5.6217315236949021</v>
      </c>
      <c r="AC636">
        <f t="shared" si="89"/>
        <v>2.682928739492326</v>
      </c>
    </row>
    <row r="637" spans="1:29" x14ac:dyDescent="0.4">
      <c r="A637">
        <v>634</v>
      </c>
      <c r="B637">
        <f t="shared" si="81"/>
        <v>21.133333333333333</v>
      </c>
      <c r="C637">
        <v>756.20510000000002</v>
      </c>
      <c r="D637">
        <v>506.68365</v>
      </c>
      <c r="E637">
        <v>0.96237576000000002</v>
      </c>
      <c r="F637">
        <v>883.25139999999999</v>
      </c>
      <c r="G637">
        <v>437.61002000000002</v>
      </c>
      <c r="H637">
        <v>0.96168673000000005</v>
      </c>
      <c r="I637">
        <v>878.29780000000005</v>
      </c>
      <c r="J637">
        <v>582.04049999999995</v>
      </c>
      <c r="K637">
        <v>0.90768784000000002</v>
      </c>
      <c r="L637">
        <f t="shared" si="82"/>
        <v>839.25143333333335</v>
      </c>
      <c r="M637">
        <f t="shared" si="83"/>
        <v>508.77805666666671</v>
      </c>
      <c r="N637">
        <f t="shared" si="84"/>
        <v>-3.4405161525794092</v>
      </c>
      <c r="O637">
        <f t="shared" si="85"/>
        <v>2.7127890284269736</v>
      </c>
      <c r="Q637">
        <v>978.41279999999995</v>
      </c>
      <c r="R637">
        <v>511.46564000000001</v>
      </c>
      <c r="S637">
        <v>0.93466190000000005</v>
      </c>
      <c r="T637">
        <v>1099.4836</v>
      </c>
      <c r="U637">
        <v>433.44893999999999</v>
      </c>
      <c r="V637">
        <v>0.94545186000000003</v>
      </c>
      <c r="W637">
        <v>1106.1556</v>
      </c>
      <c r="X637">
        <v>578.28049999999996</v>
      </c>
      <c r="Y637">
        <v>0.95690350000000002</v>
      </c>
      <c r="Z637">
        <f t="shared" si="86"/>
        <v>1061.3506666666667</v>
      </c>
      <c r="AA637">
        <f t="shared" si="87"/>
        <v>507.73169333333334</v>
      </c>
      <c r="AB637">
        <f t="shared" si="88"/>
        <v>5.6186460054137664</v>
      </c>
      <c r="AC637">
        <f t="shared" si="89"/>
        <v>2.679525796188913</v>
      </c>
    </row>
    <row r="638" spans="1:29" x14ac:dyDescent="0.4">
      <c r="A638">
        <v>635</v>
      </c>
      <c r="B638">
        <f t="shared" si="81"/>
        <v>21.166666666666668</v>
      </c>
      <c r="C638">
        <v>756.17160000000001</v>
      </c>
      <c r="D638">
        <v>506.35385000000002</v>
      </c>
      <c r="E638">
        <v>0.93032764999999995</v>
      </c>
      <c r="F638">
        <v>883.27997000000005</v>
      </c>
      <c r="G638">
        <v>437.54586999999998</v>
      </c>
      <c r="H638">
        <v>0.97138579999999997</v>
      </c>
      <c r="I638">
        <v>878.23450000000003</v>
      </c>
      <c r="J638">
        <v>582.02264000000002</v>
      </c>
      <c r="K638">
        <v>0.91034360000000003</v>
      </c>
      <c r="L638">
        <f t="shared" si="82"/>
        <v>839.22869000000003</v>
      </c>
      <c r="M638">
        <f t="shared" si="83"/>
        <v>508.64078666666666</v>
      </c>
      <c r="N638">
        <f t="shared" si="84"/>
        <v>-3.4413962062418308</v>
      </c>
      <c r="O638">
        <f t="shared" si="85"/>
        <v>2.7183999160337398</v>
      </c>
      <c r="Q638">
        <v>978.63544000000002</v>
      </c>
      <c r="R638">
        <v>511.20627000000002</v>
      </c>
      <c r="S638">
        <v>0.92034506999999999</v>
      </c>
      <c r="T638">
        <v>1099.6095</v>
      </c>
      <c r="U638">
        <v>433.43655000000001</v>
      </c>
      <c r="V638">
        <v>0.94954380000000005</v>
      </c>
      <c r="W638">
        <v>1106.1199999999999</v>
      </c>
      <c r="X638">
        <v>578.25603999999998</v>
      </c>
      <c r="Y638">
        <v>0.95131920000000003</v>
      </c>
      <c r="Z638">
        <f t="shared" si="86"/>
        <v>1061.45498</v>
      </c>
      <c r="AA638">
        <f t="shared" si="87"/>
        <v>507.63295333333332</v>
      </c>
      <c r="AB638">
        <f t="shared" si="88"/>
        <v>5.6229467946831431</v>
      </c>
      <c r="AC638">
        <f t="shared" si="89"/>
        <v>2.6835201932251</v>
      </c>
    </row>
    <row r="639" spans="1:29" x14ac:dyDescent="0.4">
      <c r="A639">
        <v>636</v>
      </c>
      <c r="B639">
        <f t="shared" si="81"/>
        <v>21.2</v>
      </c>
      <c r="C639">
        <v>756.24834999999996</v>
      </c>
      <c r="D639">
        <v>506.35980000000001</v>
      </c>
      <c r="E639">
        <v>0.94172763999999998</v>
      </c>
      <c r="F639">
        <v>883.29729999999995</v>
      </c>
      <c r="G639">
        <v>437.37457000000001</v>
      </c>
      <c r="H639">
        <v>0.98317460000000001</v>
      </c>
      <c r="I639">
        <v>878.45465000000002</v>
      </c>
      <c r="J639">
        <v>581.88279999999997</v>
      </c>
      <c r="K639">
        <v>0.91676959999999996</v>
      </c>
      <c r="L639">
        <f t="shared" si="82"/>
        <v>839.33343333333335</v>
      </c>
      <c r="M639">
        <f t="shared" si="83"/>
        <v>508.53905666666668</v>
      </c>
      <c r="N639">
        <f t="shared" si="84"/>
        <v>-3.4371051865648394</v>
      </c>
      <c r="O639">
        <f t="shared" si="85"/>
        <v>2.7225168720061133</v>
      </c>
      <c r="Q639">
        <v>978.56726000000003</v>
      </c>
      <c r="R639">
        <v>511.26461999999998</v>
      </c>
      <c r="S639">
        <v>0.91005570000000002</v>
      </c>
      <c r="T639">
        <v>1099.5601999999999</v>
      </c>
      <c r="U639">
        <v>433.30779999999999</v>
      </c>
      <c r="V639">
        <v>0.95766110000000004</v>
      </c>
      <c r="W639">
        <v>1105.818</v>
      </c>
      <c r="X639">
        <v>578.30169999999998</v>
      </c>
      <c r="Y639">
        <v>0.9485751</v>
      </c>
      <c r="Z639">
        <f t="shared" si="86"/>
        <v>1061.3151533333332</v>
      </c>
      <c r="AA639">
        <f t="shared" si="87"/>
        <v>507.62470666666667</v>
      </c>
      <c r="AB639">
        <f t="shared" si="88"/>
        <v>5.61722740446511</v>
      </c>
      <c r="AC639">
        <f t="shared" si="89"/>
        <v>2.6839050527908102</v>
      </c>
    </row>
    <row r="640" spans="1:29" x14ac:dyDescent="0.4">
      <c r="A640">
        <v>637</v>
      </c>
      <c r="B640">
        <f t="shared" si="81"/>
        <v>21.233333333333334</v>
      </c>
      <c r="C640">
        <v>756.06029999999998</v>
      </c>
      <c r="D640">
        <v>506.31067000000002</v>
      </c>
      <c r="E640">
        <v>0.93722475000000005</v>
      </c>
      <c r="F640">
        <v>883.43895999999995</v>
      </c>
      <c r="G640">
        <v>437.18655000000001</v>
      </c>
      <c r="H640">
        <v>0.99116079999999995</v>
      </c>
      <c r="I640">
        <v>878.36249999999995</v>
      </c>
      <c r="J640">
        <v>581.7038</v>
      </c>
      <c r="K640">
        <v>0.91600143999999994</v>
      </c>
      <c r="L640">
        <f t="shared" si="82"/>
        <v>839.2872533333333</v>
      </c>
      <c r="M640">
        <f t="shared" si="83"/>
        <v>508.40033999999997</v>
      </c>
      <c r="N640">
        <f t="shared" si="84"/>
        <v>-3.4389375220858671</v>
      </c>
      <c r="O640">
        <f t="shared" si="85"/>
        <v>2.7281947439321357</v>
      </c>
      <c r="Q640">
        <v>978.48676</v>
      </c>
      <c r="R640">
        <v>511.32440000000003</v>
      </c>
      <c r="S640">
        <v>0.90330403999999997</v>
      </c>
      <c r="T640">
        <v>1099.4484</v>
      </c>
      <c r="U640">
        <v>433.2559</v>
      </c>
      <c r="V640">
        <v>0.95199347000000001</v>
      </c>
      <c r="W640">
        <v>1105.6478</v>
      </c>
      <c r="X640">
        <v>578.25699999999995</v>
      </c>
      <c r="Y640">
        <v>0.95513254000000003</v>
      </c>
      <c r="Z640">
        <f t="shared" si="86"/>
        <v>1061.1943199999998</v>
      </c>
      <c r="AA640">
        <f t="shared" si="87"/>
        <v>507.6124333333334</v>
      </c>
      <c r="AB640">
        <f t="shared" si="88"/>
        <v>5.6122865949062435</v>
      </c>
      <c r="AC640">
        <f t="shared" si="89"/>
        <v>2.684447719641792</v>
      </c>
    </row>
    <row r="641" spans="1:29" x14ac:dyDescent="0.4">
      <c r="A641">
        <v>638</v>
      </c>
      <c r="B641">
        <f t="shared" si="81"/>
        <v>21.266666666666666</v>
      </c>
      <c r="C641">
        <v>756.21360000000004</v>
      </c>
      <c r="D641">
        <v>506.11574999999999</v>
      </c>
      <c r="E641">
        <v>0.93904436000000002</v>
      </c>
      <c r="F641">
        <v>883.40899999999999</v>
      </c>
      <c r="G641">
        <v>437.18270000000001</v>
      </c>
      <c r="H641">
        <v>0.9882917</v>
      </c>
      <c r="I641">
        <v>878.30240000000003</v>
      </c>
      <c r="J641">
        <v>581.69169999999997</v>
      </c>
      <c r="K641">
        <v>0.914794</v>
      </c>
      <c r="L641">
        <f t="shared" si="82"/>
        <v>839.30833333333339</v>
      </c>
      <c r="M641">
        <f t="shared" si="83"/>
        <v>508.33005000000003</v>
      </c>
      <c r="N641">
        <f t="shared" si="84"/>
        <v>-3.4380577840570319</v>
      </c>
      <c r="O641">
        <f t="shared" si="85"/>
        <v>2.7310567275480349</v>
      </c>
      <c r="Q641">
        <v>978.38639999999998</v>
      </c>
      <c r="R641">
        <v>511.23473999999999</v>
      </c>
      <c r="S641">
        <v>0.90192479999999997</v>
      </c>
      <c r="T641">
        <v>1099.4392</v>
      </c>
      <c r="U641">
        <v>433.20400000000001</v>
      </c>
      <c r="V641">
        <v>0.95058679999999995</v>
      </c>
      <c r="W641">
        <v>1105.4888000000001</v>
      </c>
      <c r="X641">
        <v>578.22437000000002</v>
      </c>
      <c r="Y641">
        <v>0.95577674999999995</v>
      </c>
      <c r="Z641">
        <f t="shared" si="86"/>
        <v>1061.1048000000001</v>
      </c>
      <c r="AA641">
        <f t="shared" si="87"/>
        <v>507.55437000000001</v>
      </c>
      <c r="AB641">
        <f t="shared" si="88"/>
        <v>5.6086420621481681</v>
      </c>
      <c r="AC641">
        <f t="shared" si="89"/>
        <v>2.6868486453606555</v>
      </c>
    </row>
    <row r="642" spans="1:29" x14ac:dyDescent="0.4">
      <c r="A642">
        <v>639</v>
      </c>
      <c r="B642">
        <f t="shared" si="81"/>
        <v>21.3</v>
      </c>
      <c r="C642">
        <v>756.07324000000006</v>
      </c>
      <c r="D642">
        <v>505.85180000000003</v>
      </c>
      <c r="E642">
        <v>0.92294500000000002</v>
      </c>
      <c r="F642">
        <v>883.38350000000003</v>
      </c>
      <c r="G642">
        <v>437.18383999999998</v>
      </c>
      <c r="H642">
        <v>0.99401545999999996</v>
      </c>
      <c r="I642">
        <v>878.1037</v>
      </c>
      <c r="J642">
        <v>581.64459999999997</v>
      </c>
      <c r="K642">
        <v>0.91512789999999999</v>
      </c>
      <c r="L642">
        <f t="shared" si="82"/>
        <v>839.18681333333336</v>
      </c>
      <c r="M642">
        <f t="shared" si="83"/>
        <v>508.22674666666671</v>
      </c>
      <c r="N642">
        <f t="shared" si="84"/>
        <v>-3.4429643226215565</v>
      </c>
      <c r="O642">
        <f t="shared" si="85"/>
        <v>2.7353146187199542</v>
      </c>
      <c r="Q642">
        <v>978.21079999999995</v>
      </c>
      <c r="R642">
        <v>511.11957000000001</v>
      </c>
      <c r="S642">
        <v>0.91377140000000001</v>
      </c>
      <c r="T642">
        <v>1099.4115999999999</v>
      </c>
      <c r="U642">
        <v>433.12700000000001</v>
      </c>
      <c r="V642">
        <v>0.95441419999999999</v>
      </c>
      <c r="W642">
        <v>1105.2324000000001</v>
      </c>
      <c r="X642">
        <v>578.13744999999994</v>
      </c>
      <c r="Y642">
        <v>0.95081382999999997</v>
      </c>
      <c r="Z642">
        <f t="shared" si="86"/>
        <v>1060.9516000000001</v>
      </c>
      <c r="AA642">
        <f t="shared" si="87"/>
        <v>507.46134000000001</v>
      </c>
      <c r="AB642">
        <f t="shared" si="88"/>
        <v>5.6024029611489468</v>
      </c>
      <c r="AC642">
        <f t="shared" si="89"/>
        <v>2.6906988142161286</v>
      </c>
    </row>
    <row r="643" spans="1:29" x14ac:dyDescent="0.4">
      <c r="A643">
        <v>640</v>
      </c>
      <c r="B643">
        <f t="shared" si="81"/>
        <v>21.333333333333332</v>
      </c>
      <c r="C643">
        <v>755.86289999999997</v>
      </c>
      <c r="D643">
        <v>505.94855000000001</v>
      </c>
      <c r="E643">
        <v>0.93173592999999999</v>
      </c>
      <c r="F643">
        <v>883.21220000000005</v>
      </c>
      <c r="G643">
        <v>437.19925000000001</v>
      </c>
      <c r="H643">
        <v>0.99036526999999996</v>
      </c>
      <c r="I643">
        <v>878.04565000000002</v>
      </c>
      <c r="J643">
        <v>581.62220000000002</v>
      </c>
      <c r="K643">
        <v>0.90520513000000002</v>
      </c>
      <c r="L643">
        <f t="shared" si="82"/>
        <v>839.04025000000001</v>
      </c>
      <c r="M643">
        <f t="shared" si="83"/>
        <v>508.25666666666666</v>
      </c>
      <c r="N643">
        <f t="shared" si="84"/>
        <v>-3.4489320983537901</v>
      </c>
      <c r="O643">
        <f t="shared" si="85"/>
        <v>2.7341430311879145</v>
      </c>
      <c r="Q643">
        <v>978.24890000000005</v>
      </c>
      <c r="R643">
        <v>511.03823999999997</v>
      </c>
      <c r="S643">
        <v>0.91450509999999996</v>
      </c>
      <c r="T643">
        <v>1099.5796</v>
      </c>
      <c r="U643">
        <v>433.05515000000003</v>
      </c>
      <c r="V643">
        <v>0.9284173</v>
      </c>
      <c r="W643">
        <v>1105.4574</v>
      </c>
      <c r="X643">
        <v>578.0883</v>
      </c>
      <c r="Y643">
        <v>0.95798380000000005</v>
      </c>
      <c r="Z643">
        <f t="shared" si="86"/>
        <v>1061.0953</v>
      </c>
      <c r="AA643">
        <f t="shared" si="87"/>
        <v>507.39389666666665</v>
      </c>
      <c r="AB643">
        <f t="shared" si="88"/>
        <v>5.6083053396993519</v>
      </c>
      <c r="AC643">
        <f t="shared" si="89"/>
        <v>2.6934021417130807</v>
      </c>
    </row>
    <row r="644" spans="1:29" x14ac:dyDescent="0.4">
      <c r="A644">
        <v>641</v>
      </c>
      <c r="B644">
        <f t="shared" ref="B644:B707" si="90">A644/30</f>
        <v>21.366666666666667</v>
      </c>
      <c r="C644">
        <v>755.34105999999997</v>
      </c>
      <c r="D644">
        <v>505.99527</v>
      </c>
      <c r="E644">
        <v>0.92746985000000004</v>
      </c>
      <c r="F644">
        <v>883.06780000000003</v>
      </c>
      <c r="G644">
        <v>437.25405999999998</v>
      </c>
      <c r="H644">
        <v>0.98430335999999996</v>
      </c>
      <c r="I644">
        <v>877.97429999999997</v>
      </c>
      <c r="J644">
        <v>581.58429999999998</v>
      </c>
      <c r="K644">
        <v>0.91654533000000005</v>
      </c>
      <c r="L644">
        <f t="shared" ref="L644:L707" si="91">(C644+F644+I644)/3</f>
        <v>838.79438666666658</v>
      </c>
      <c r="M644">
        <f t="shared" ref="M644:M707" si="92">(D644+G644+J644)/3</f>
        <v>508.27787666666671</v>
      </c>
      <c r="N644">
        <f t="shared" ref="N644:N707" si="93" xml:space="preserve"> -36.96+0.03963*L644-0.0003398*M644+6.089*10^(-7)*L644^2+1.529*10^(-8)*M644^2</f>
        <v>-3.4589337219690046</v>
      </c>
      <c r="O644">
        <f t="shared" ref="O644:O707" si="94" xml:space="preserve"> 23.7-0.0003167*L644-0.0406*M644-1.335*10^(-8)*L644^2-2.149*10^(-7)*M644^2</f>
        <v>2.7333606438271714</v>
      </c>
      <c r="Q644">
        <v>978.32190000000003</v>
      </c>
      <c r="R644">
        <v>510.90643</v>
      </c>
      <c r="S644">
        <v>0.91664829999999997</v>
      </c>
      <c r="T644">
        <v>1099.5286000000001</v>
      </c>
      <c r="U644">
        <v>433.05914000000001</v>
      </c>
      <c r="V644">
        <v>0.92589396000000002</v>
      </c>
      <c r="W644">
        <v>1105.3777</v>
      </c>
      <c r="X644">
        <v>578.02380000000005</v>
      </c>
      <c r="Y644">
        <v>0.95103663000000005</v>
      </c>
      <c r="Z644">
        <f t="shared" ref="Z644:Z707" si="95">(Q644+T644+W644)/3</f>
        <v>1061.0760666666667</v>
      </c>
      <c r="AA644">
        <f t="shared" ref="AA644:AA707" si="96">(R644+U644+X644)/3</f>
        <v>507.32979000000006</v>
      </c>
      <c r="AB644">
        <f t="shared" ref="AB644:AB707" si="97" xml:space="preserve"> -36.96+0.03963*Z644-0.0003398*AA644+6.089*10^(-7)*Z644^2+1.529*10^(-8)*AA644^2</f>
        <v>5.6075390583979416</v>
      </c>
      <c r="AC644">
        <f t="shared" ref="AC644:AC707" si="98" xml:space="preserve"> 23.7-0.0003167*Z644-0.0406*AA644-1.335*10^(-8)*Z644^2-2.149*10^(-7)*AA644^2</f>
        <v>2.6960254878396146</v>
      </c>
    </row>
    <row r="645" spans="1:29" x14ac:dyDescent="0.4">
      <c r="A645">
        <v>642</v>
      </c>
      <c r="B645">
        <f t="shared" si="90"/>
        <v>21.4</v>
      </c>
      <c r="C645">
        <v>755.42633000000001</v>
      </c>
      <c r="D645">
        <v>505.94299999999998</v>
      </c>
      <c r="E645">
        <v>0.93982220000000005</v>
      </c>
      <c r="F645">
        <v>883.06804999999997</v>
      </c>
      <c r="G645">
        <v>437.16050000000001</v>
      </c>
      <c r="H645">
        <v>0.98253953000000005</v>
      </c>
      <c r="I645">
        <v>877.7577</v>
      </c>
      <c r="J645">
        <v>581.48519999999996</v>
      </c>
      <c r="K645">
        <v>0.92504739999999996</v>
      </c>
      <c r="L645">
        <f t="shared" si="91"/>
        <v>838.7506933333334</v>
      </c>
      <c r="M645">
        <f t="shared" si="92"/>
        <v>508.19623333333328</v>
      </c>
      <c r="N645">
        <f t="shared" si="93"/>
        <v>-3.4606834461258607</v>
      </c>
      <c r="O645">
        <f t="shared" si="94"/>
        <v>2.7367080135543889</v>
      </c>
      <c r="Q645">
        <v>978.41723999999999</v>
      </c>
      <c r="R645">
        <v>510.83645999999999</v>
      </c>
      <c r="S645">
        <v>0.91346450000000001</v>
      </c>
      <c r="T645">
        <v>1099.5655999999999</v>
      </c>
      <c r="U645">
        <v>433.06054999999998</v>
      </c>
      <c r="V645">
        <v>0.92661289999999996</v>
      </c>
      <c r="W645">
        <v>1105.3900000000001</v>
      </c>
      <c r="X645">
        <v>578.00980000000004</v>
      </c>
      <c r="Y645">
        <v>0.94995207000000004</v>
      </c>
      <c r="Z645">
        <f t="shared" si="95"/>
        <v>1061.12428</v>
      </c>
      <c r="AA645">
        <f t="shared" si="96"/>
        <v>507.30226999999996</v>
      </c>
      <c r="AB645">
        <f t="shared" si="97"/>
        <v>5.609520978801215</v>
      </c>
      <c r="AC645">
        <f t="shared" si="98"/>
        <v>2.6971321653096463</v>
      </c>
    </row>
    <row r="646" spans="1:29" x14ac:dyDescent="0.4">
      <c r="A646">
        <v>643</v>
      </c>
      <c r="B646">
        <f t="shared" si="90"/>
        <v>21.433333333333334</v>
      </c>
      <c r="C646">
        <v>755.50170000000003</v>
      </c>
      <c r="D646">
        <v>505.58890000000002</v>
      </c>
      <c r="E646">
        <v>0.91763746999999996</v>
      </c>
      <c r="F646">
        <v>883.01670000000001</v>
      </c>
      <c r="G646">
        <v>437.11574999999999</v>
      </c>
      <c r="H646">
        <v>0.98044140000000002</v>
      </c>
      <c r="I646">
        <v>877.55773999999997</v>
      </c>
      <c r="J646">
        <v>581.44763</v>
      </c>
      <c r="K646">
        <v>0.92272509999999996</v>
      </c>
      <c r="L646">
        <f t="shared" si="91"/>
        <v>838.69204666666667</v>
      </c>
      <c r="M646">
        <f t="shared" si="92"/>
        <v>508.05076000000003</v>
      </c>
      <c r="N646">
        <f t="shared" si="93"/>
        <v>-3.4630203435177656</v>
      </c>
      <c r="O646">
        <f t="shared" si="94"/>
        <v>2.742665887748732</v>
      </c>
      <c r="Q646">
        <v>978.41034000000002</v>
      </c>
      <c r="R646">
        <v>510.90955000000002</v>
      </c>
      <c r="S646">
        <v>0.91572589999999998</v>
      </c>
      <c r="T646">
        <v>1099.3712</v>
      </c>
      <c r="U646">
        <v>432.84525000000002</v>
      </c>
      <c r="V646">
        <v>0.93269519999999995</v>
      </c>
      <c r="W646">
        <v>1105.4312</v>
      </c>
      <c r="X646">
        <v>578.07776000000001</v>
      </c>
      <c r="Y646">
        <v>0.94899343999999997</v>
      </c>
      <c r="Z646">
        <f t="shared" si="95"/>
        <v>1061.0709133333332</v>
      </c>
      <c r="AA646">
        <f t="shared" si="96"/>
        <v>507.27752000000004</v>
      </c>
      <c r="AB646">
        <f t="shared" si="97"/>
        <v>5.6073451232513269</v>
      </c>
      <c r="AC646">
        <f t="shared" si="98"/>
        <v>2.6981608248019535</v>
      </c>
    </row>
    <row r="647" spans="1:29" x14ac:dyDescent="0.4">
      <c r="A647">
        <v>644</v>
      </c>
      <c r="B647">
        <f t="shared" si="90"/>
        <v>21.466666666666665</v>
      </c>
      <c r="C647">
        <v>755.71270000000004</v>
      </c>
      <c r="D647">
        <v>505.50170000000003</v>
      </c>
      <c r="E647">
        <v>0.92478300000000002</v>
      </c>
      <c r="F647">
        <v>882.9633</v>
      </c>
      <c r="G647">
        <v>437.12338</v>
      </c>
      <c r="H647">
        <v>0.97960760000000002</v>
      </c>
      <c r="I647">
        <v>877.56269999999995</v>
      </c>
      <c r="J647">
        <v>581.31349999999998</v>
      </c>
      <c r="K647">
        <v>0.91805939999999997</v>
      </c>
      <c r="L647">
        <f t="shared" si="91"/>
        <v>838.74623333333329</v>
      </c>
      <c r="M647">
        <f t="shared" si="92"/>
        <v>507.97952666666669</v>
      </c>
      <c r="N647">
        <f t="shared" si="93"/>
        <v>-3.4607944816112948</v>
      </c>
      <c r="O647">
        <f t="shared" si="94"/>
        <v>2.7455551401549565</v>
      </c>
      <c r="Q647">
        <v>978.36005</v>
      </c>
      <c r="R647">
        <v>510.84890000000001</v>
      </c>
      <c r="S647">
        <v>0.9209967</v>
      </c>
      <c r="T647">
        <v>1099.3784000000001</v>
      </c>
      <c r="U647">
        <v>432.81934000000001</v>
      </c>
      <c r="V647">
        <v>0.93456554000000003</v>
      </c>
      <c r="W647">
        <v>1105.3842</v>
      </c>
      <c r="X647">
        <v>577.94479999999999</v>
      </c>
      <c r="Y647">
        <v>0.94917209999999996</v>
      </c>
      <c r="Z647">
        <f t="shared" si="95"/>
        <v>1061.0408833333333</v>
      </c>
      <c r="AA647">
        <f t="shared" si="96"/>
        <v>507.20434666666665</v>
      </c>
      <c r="AB647">
        <f t="shared" si="97"/>
        <v>5.6061399602463187</v>
      </c>
      <c r="AC647">
        <f t="shared" si="98"/>
        <v>2.701157976067921</v>
      </c>
    </row>
    <row r="648" spans="1:29" x14ac:dyDescent="0.4">
      <c r="A648">
        <v>645</v>
      </c>
      <c r="B648">
        <f t="shared" si="90"/>
        <v>21.5</v>
      </c>
      <c r="C648">
        <v>755.73064999999997</v>
      </c>
      <c r="D648">
        <v>505.42230000000001</v>
      </c>
      <c r="E648">
        <v>0.93069290000000005</v>
      </c>
      <c r="F648">
        <v>883.04987000000006</v>
      </c>
      <c r="G648">
        <v>437.04232999999999</v>
      </c>
      <c r="H648">
        <v>0.98104566000000004</v>
      </c>
      <c r="I648">
        <v>877.55023000000006</v>
      </c>
      <c r="J648">
        <v>581.27300000000002</v>
      </c>
      <c r="K648">
        <v>0.92009620000000003</v>
      </c>
      <c r="L648">
        <f t="shared" si="91"/>
        <v>838.77691666666669</v>
      </c>
      <c r="M648">
        <f t="shared" si="92"/>
        <v>507.91254333333336</v>
      </c>
      <c r="N648">
        <f t="shared" si="93"/>
        <v>-3.4595254393240422</v>
      </c>
      <c r="O648">
        <f t="shared" si="94"/>
        <v>2.7482788824055997</v>
      </c>
      <c r="Q648">
        <v>978.274</v>
      </c>
      <c r="R648">
        <v>510.86273</v>
      </c>
      <c r="S648">
        <v>0.92054469999999999</v>
      </c>
      <c r="T648">
        <v>1099.4108000000001</v>
      </c>
      <c r="U648">
        <v>432.87709999999998</v>
      </c>
      <c r="V648">
        <v>0.95380556999999999</v>
      </c>
      <c r="W648">
        <v>1105.2492999999999</v>
      </c>
      <c r="X648">
        <v>577.95543999999995</v>
      </c>
      <c r="Y648">
        <v>0.94785374</v>
      </c>
      <c r="Z648">
        <f t="shared" si="95"/>
        <v>1060.9780333333333</v>
      </c>
      <c r="AA648">
        <f t="shared" si="96"/>
        <v>507.23175666666663</v>
      </c>
      <c r="AB648">
        <f t="shared" si="97"/>
        <v>5.6035591176609181</v>
      </c>
      <c r="AC648">
        <f t="shared" si="98"/>
        <v>2.7000608396940371</v>
      </c>
    </row>
    <row r="649" spans="1:29" x14ac:dyDescent="0.4">
      <c r="A649">
        <v>646</v>
      </c>
      <c r="B649">
        <f t="shared" si="90"/>
        <v>21.533333333333335</v>
      </c>
      <c r="C649">
        <v>755.93330000000003</v>
      </c>
      <c r="D649">
        <v>505.44850000000002</v>
      </c>
      <c r="E649">
        <v>0.9302532</v>
      </c>
      <c r="F649">
        <v>883.05250000000001</v>
      </c>
      <c r="G649">
        <v>436.98214999999999</v>
      </c>
      <c r="H649">
        <v>0.98461186999999994</v>
      </c>
      <c r="I649">
        <v>877.50725999999997</v>
      </c>
      <c r="J649">
        <v>581.2414</v>
      </c>
      <c r="K649">
        <v>0.91725509999999999</v>
      </c>
      <c r="L649">
        <f t="shared" si="91"/>
        <v>838.83101999999997</v>
      </c>
      <c r="M649">
        <f t="shared" si="92"/>
        <v>507.89068333333336</v>
      </c>
      <c r="N649">
        <f t="shared" si="93"/>
        <v>-3.4573189694074538</v>
      </c>
      <c r="O649">
        <f t="shared" si="94"/>
        <v>2.7491528241311487</v>
      </c>
      <c r="Q649">
        <v>978.16390000000001</v>
      </c>
      <c r="R649">
        <v>510.8664</v>
      </c>
      <c r="S649">
        <v>0.92018825000000004</v>
      </c>
      <c r="T649">
        <v>1099.3895</v>
      </c>
      <c r="U649">
        <v>432.84739999999999</v>
      </c>
      <c r="V649">
        <v>0.96107560000000003</v>
      </c>
      <c r="W649">
        <v>1105.1732</v>
      </c>
      <c r="X649">
        <v>577.91890000000001</v>
      </c>
      <c r="Y649">
        <v>0.94437766000000001</v>
      </c>
      <c r="Z649">
        <f t="shared" si="95"/>
        <v>1060.9088666666667</v>
      </c>
      <c r="AA649">
        <f t="shared" si="96"/>
        <v>507.21090000000004</v>
      </c>
      <c r="AB649">
        <f t="shared" si="97"/>
        <v>5.6007354417475126</v>
      </c>
      <c r="AC649">
        <f t="shared" si="98"/>
        <v>2.7009360315724136</v>
      </c>
    </row>
    <row r="650" spans="1:29" x14ac:dyDescent="0.4">
      <c r="A650">
        <v>647</v>
      </c>
      <c r="B650">
        <f t="shared" si="90"/>
        <v>21.566666666666666</v>
      </c>
      <c r="C650">
        <v>756.077</v>
      </c>
      <c r="D650">
        <v>505.39800000000002</v>
      </c>
      <c r="E650">
        <v>0.91823935999999995</v>
      </c>
      <c r="F650">
        <v>883.05269999999996</v>
      </c>
      <c r="G650">
        <v>436.96145999999999</v>
      </c>
      <c r="H650">
        <v>0.98570559999999996</v>
      </c>
      <c r="I650">
        <v>877.46245999999996</v>
      </c>
      <c r="J650">
        <v>581.23566000000005</v>
      </c>
      <c r="K650">
        <v>0.91225979999999995</v>
      </c>
      <c r="L650">
        <f t="shared" si="91"/>
        <v>838.86405333333335</v>
      </c>
      <c r="M650">
        <f t="shared" si="92"/>
        <v>507.86503999999996</v>
      </c>
      <c r="N650">
        <f t="shared" si="93"/>
        <v>-3.4559677979138441</v>
      </c>
      <c r="O650">
        <f t="shared" si="94"/>
        <v>2.7501883395309048</v>
      </c>
      <c r="Q650">
        <v>978.05160000000001</v>
      </c>
      <c r="R650">
        <v>510.78284000000002</v>
      </c>
      <c r="S650">
        <v>0.91450940000000003</v>
      </c>
      <c r="T650">
        <v>1099.2189000000001</v>
      </c>
      <c r="U650">
        <v>432.87920000000003</v>
      </c>
      <c r="V650">
        <v>0.97359870000000004</v>
      </c>
      <c r="W650">
        <v>1105.2157</v>
      </c>
      <c r="X650">
        <v>577.89200000000005</v>
      </c>
      <c r="Y650">
        <v>0.94105947000000001</v>
      </c>
      <c r="Z650">
        <f t="shared" si="95"/>
        <v>1060.8287333333335</v>
      </c>
      <c r="AA650">
        <f t="shared" si="96"/>
        <v>507.18468000000001</v>
      </c>
      <c r="AB650">
        <f t="shared" si="97"/>
        <v>5.597464734289705</v>
      </c>
      <c r="AC650">
        <f t="shared" si="98"/>
        <v>2.7020339273839893</v>
      </c>
    </row>
    <row r="651" spans="1:29" x14ac:dyDescent="0.4">
      <c r="A651">
        <v>648</v>
      </c>
      <c r="B651">
        <f t="shared" si="90"/>
        <v>21.6</v>
      </c>
      <c r="C651">
        <v>756.34820000000002</v>
      </c>
      <c r="D651">
        <v>505.51578000000001</v>
      </c>
      <c r="E651">
        <v>0.92343540000000002</v>
      </c>
      <c r="F651">
        <v>883.09400000000005</v>
      </c>
      <c r="G651">
        <v>436.92365000000001</v>
      </c>
      <c r="H651">
        <v>0.98934880000000003</v>
      </c>
      <c r="I651">
        <v>877.38419999999996</v>
      </c>
      <c r="J651">
        <v>581.09249999999997</v>
      </c>
      <c r="K651">
        <v>0.9186839</v>
      </c>
      <c r="L651">
        <f t="shared" si="91"/>
        <v>838.94213333333335</v>
      </c>
      <c r="M651">
        <f t="shared" si="92"/>
        <v>507.84397666666672</v>
      </c>
      <c r="N651">
        <f t="shared" si="93"/>
        <v>-3.452786889518884</v>
      </c>
      <c r="O651">
        <f t="shared" si="94"/>
        <v>2.7510216316541118</v>
      </c>
      <c r="Q651">
        <v>978.10159999999996</v>
      </c>
      <c r="R651">
        <v>510.76074</v>
      </c>
      <c r="S651">
        <v>0.91008496000000005</v>
      </c>
      <c r="T651">
        <v>1099.2177999999999</v>
      </c>
      <c r="U651">
        <v>432.82279999999997</v>
      </c>
      <c r="V651">
        <v>0.97444980000000003</v>
      </c>
      <c r="W651">
        <v>1105.0912000000001</v>
      </c>
      <c r="X651">
        <v>577.85986000000003</v>
      </c>
      <c r="Y651">
        <v>0.94054305999999999</v>
      </c>
      <c r="Z651">
        <f t="shared" si="95"/>
        <v>1060.8035333333335</v>
      </c>
      <c r="AA651">
        <f t="shared" si="96"/>
        <v>507.14780000000002</v>
      </c>
      <c r="AB651">
        <f t="shared" si="97"/>
        <v>5.5964454632169298</v>
      </c>
      <c r="AC651">
        <f t="shared" si="98"/>
        <v>2.7035479890877605</v>
      </c>
    </row>
    <row r="652" spans="1:29" x14ac:dyDescent="0.4">
      <c r="A652">
        <v>649</v>
      </c>
      <c r="B652">
        <f t="shared" si="90"/>
        <v>21.633333333333333</v>
      </c>
      <c r="C652">
        <v>755.80809999999997</v>
      </c>
      <c r="D652">
        <v>505.28937000000002</v>
      </c>
      <c r="E652">
        <v>0.92783605999999996</v>
      </c>
      <c r="F652">
        <v>883.14170000000001</v>
      </c>
      <c r="G652">
        <v>436.90723000000003</v>
      </c>
      <c r="H652">
        <v>0.98269682999999997</v>
      </c>
      <c r="I652">
        <v>877.33416999999997</v>
      </c>
      <c r="J652">
        <v>581.03345000000002</v>
      </c>
      <c r="K652">
        <v>0.92326379999999997</v>
      </c>
      <c r="L652">
        <f t="shared" si="91"/>
        <v>838.76132333333328</v>
      </c>
      <c r="M652">
        <f t="shared" si="92"/>
        <v>507.74335000000002</v>
      </c>
      <c r="N652">
        <f t="shared" si="93"/>
        <v>-3.4601044665543594</v>
      </c>
      <c r="O652">
        <f t="shared" si="94"/>
        <v>2.7551903482525089</v>
      </c>
      <c r="Q652">
        <v>978.0471</v>
      </c>
      <c r="R652">
        <v>510.82249999999999</v>
      </c>
      <c r="S652">
        <v>0.90867469999999995</v>
      </c>
      <c r="T652">
        <v>1099.2384999999999</v>
      </c>
      <c r="U652">
        <v>432.82067999999998</v>
      </c>
      <c r="V652">
        <v>0.96377139999999994</v>
      </c>
      <c r="W652">
        <v>1105.0823</v>
      </c>
      <c r="X652">
        <v>577.87585000000001</v>
      </c>
      <c r="Y652">
        <v>0.94351830000000003</v>
      </c>
      <c r="Z652">
        <f t="shared" si="95"/>
        <v>1060.7893000000001</v>
      </c>
      <c r="AA652">
        <f t="shared" si="96"/>
        <v>507.17300999999998</v>
      </c>
      <c r="AB652">
        <f t="shared" si="97"/>
        <v>5.5958548336808382</v>
      </c>
      <c r="AC652">
        <f t="shared" si="98"/>
        <v>2.7025238787050556</v>
      </c>
    </row>
    <row r="653" spans="1:29" x14ac:dyDescent="0.4">
      <c r="A653">
        <v>650</v>
      </c>
      <c r="B653">
        <f t="shared" si="90"/>
        <v>21.666666666666668</v>
      </c>
      <c r="C653">
        <v>755.69037000000003</v>
      </c>
      <c r="D653">
        <v>505.15163999999999</v>
      </c>
      <c r="E653">
        <v>0.9144639</v>
      </c>
      <c r="F653">
        <v>883.02954</v>
      </c>
      <c r="G653">
        <v>436.89449999999999</v>
      </c>
      <c r="H653">
        <v>0.99080769999999996</v>
      </c>
      <c r="I653">
        <v>877.24567000000002</v>
      </c>
      <c r="J653">
        <v>581.00867000000005</v>
      </c>
      <c r="K653">
        <v>0.92233675999999998</v>
      </c>
      <c r="L653">
        <f t="shared" si="91"/>
        <v>838.65519333333339</v>
      </c>
      <c r="M653">
        <f t="shared" si="92"/>
        <v>507.68493666666672</v>
      </c>
      <c r="N653">
        <f t="shared" si="93"/>
        <v>-3.4643998554676343</v>
      </c>
      <c r="O653">
        <f t="shared" si="94"/>
        <v>2.7576106642771152</v>
      </c>
      <c r="Q653">
        <v>978.01935000000003</v>
      </c>
      <c r="R653">
        <v>510.77172999999999</v>
      </c>
      <c r="S653">
        <v>0.90747869999999997</v>
      </c>
      <c r="T653">
        <v>1099.2221999999999</v>
      </c>
      <c r="U653">
        <v>432.86867999999998</v>
      </c>
      <c r="V653">
        <v>0.96088295999999995</v>
      </c>
      <c r="W653">
        <v>1105.0558000000001</v>
      </c>
      <c r="X653">
        <v>577.79803000000004</v>
      </c>
      <c r="Y653">
        <v>0.94237859999999996</v>
      </c>
      <c r="Z653">
        <f t="shared" si="95"/>
        <v>1060.7657833333333</v>
      </c>
      <c r="AA653">
        <f t="shared" si="96"/>
        <v>507.14614666666665</v>
      </c>
      <c r="AB653">
        <f t="shared" si="97"/>
        <v>5.5949012005395042</v>
      </c>
      <c r="AC653">
        <f t="shared" si="98"/>
        <v>2.7036284994174622</v>
      </c>
    </row>
    <row r="654" spans="1:29" x14ac:dyDescent="0.4">
      <c r="A654">
        <v>651</v>
      </c>
      <c r="B654">
        <f t="shared" si="90"/>
        <v>21.7</v>
      </c>
      <c r="C654">
        <v>755.65545999999995</v>
      </c>
      <c r="D654">
        <v>505.0582</v>
      </c>
      <c r="E654">
        <v>0.89753972999999998</v>
      </c>
      <c r="F654">
        <v>883.05790000000002</v>
      </c>
      <c r="G654">
        <v>436.89960000000002</v>
      </c>
      <c r="H654">
        <v>0.98646224000000005</v>
      </c>
      <c r="I654">
        <v>877.20012999999994</v>
      </c>
      <c r="J654">
        <v>580.90020000000004</v>
      </c>
      <c r="K654">
        <v>0.92790629999999996</v>
      </c>
      <c r="L654">
        <f t="shared" si="91"/>
        <v>838.63783000000001</v>
      </c>
      <c r="M654">
        <f t="shared" si="92"/>
        <v>507.61933333333337</v>
      </c>
      <c r="N654">
        <f t="shared" si="93"/>
        <v>-3.4650844240182299</v>
      </c>
      <c r="O654">
        <f t="shared" si="94"/>
        <v>2.7602943612938016</v>
      </c>
      <c r="Q654">
        <v>977.96799999999996</v>
      </c>
      <c r="R654">
        <v>510.74856999999997</v>
      </c>
      <c r="S654">
        <v>0.89392919999999998</v>
      </c>
      <c r="T654">
        <v>1099.1061</v>
      </c>
      <c r="U654">
        <v>432.90629999999999</v>
      </c>
      <c r="V654">
        <v>0.93943560000000004</v>
      </c>
      <c r="W654">
        <v>1105.2213999999999</v>
      </c>
      <c r="X654">
        <v>577.87383999999997</v>
      </c>
      <c r="Y654">
        <v>0.94006630000000002</v>
      </c>
      <c r="Z654">
        <f t="shared" si="95"/>
        <v>1060.7651666666666</v>
      </c>
      <c r="AA654">
        <f t="shared" si="96"/>
        <v>507.17623666666668</v>
      </c>
      <c r="AB654">
        <f t="shared" si="97"/>
        <v>5.5948662075128652</v>
      </c>
      <c r="AC654">
        <f t="shared" si="98"/>
        <v>2.7024004992268833</v>
      </c>
    </row>
    <row r="655" spans="1:29" x14ac:dyDescent="0.4">
      <c r="A655">
        <v>652</v>
      </c>
      <c r="B655">
        <f t="shared" si="90"/>
        <v>21.733333333333334</v>
      </c>
      <c r="C655">
        <v>755.60015999999996</v>
      </c>
      <c r="D655">
        <v>504.91266000000002</v>
      </c>
      <c r="E655">
        <v>0.89905760000000001</v>
      </c>
      <c r="F655">
        <v>883.02985000000001</v>
      </c>
      <c r="G655">
        <v>436.8707</v>
      </c>
      <c r="H655">
        <v>0.97766244000000002</v>
      </c>
      <c r="I655">
        <v>877.14819999999997</v>
      </c>
      <c r="J655">
        <v>580.87854000000004</v>
      </c>
      <c r="K655">
        <v>0.92519649999999998</v>
      </c>
      <c r="L655">
        <f t="shared" si="91"/>
        <v>838.59273666666661</v>
      </c>
      <c r="M655">
        <f t="shared" si="92"/>
        <v>507.55396666666667</v>
      </c>
      <c r="N655">
        <f t="shared" si="93"/>
        <v>-3.4668963281205509</v>
      </c>
      <c r="O655">
        <f t="shared" si="94"/>
        <v>2.7629777991457427</v>
      </c>
      <c r="Q655">
        <v>977.87134000000003</v>
      </c>
      <c r="R655">
        <v>510.79232999999999</v>
      </c>
      <c r="S655">
        <v>0.89873826999999995</v>
      </c>
      <c r="T655">
        <v>1099.0898</v>
      </c>
      <c r="U655">
        <v>432.85775999999998</v>
      </c>
      <c r="V655">
        <v>0.94697149999999997</v>
      </c>
      <c r="W655">
        <v>1105.1590000000001</v>
      </c>
      <c r="X655">
        <v>577.79179999999997</v>
      </c>
      <c r="Y655">
        <v>0.94123250000000003</v>
      </c>
      <c r="Z655">
        <f t="shared" si="95"/>
        <v>1060.7067133333333</v>
      </c>
      <c r="AA655">
        <f t="shared" si="96"/>
        <v>507.1472966666667</v>
      </c>
      <c r="AB655">
        <f t="shared" si="97"/>
        <v>5.5924835789692224</v>
      </c>
      <c r="AC655">
        <f t="shared" si="98"/>
        <v>2.7036019391793782</v>
      </c>
    </row>
    <row r="656" spans="1:29" x14ac:dyDescent="0.4">
      <c r="A656">
        <v>653</v>
      </c>
      <c r="B656">
        <f t="shared" si="90"/>
        <v>21.766666666666666</v>
      </c>
      <c r="C656">
        <v>755.60064999999997</v>
      </c>
      <c r="D656">
        <v>504.69159999999999</v>
      </c>
      <c r="E656">
        <v>0.8925246</v>
      </c>
      <c r="F656">
        <v>883.05679999999995</v>
      </c>
      <c r="G656">
        <v>436.81655999999998</v>
      </c>
      <c r="H656">
        <v>0.97201590000000004</v>
      </c>
      <c r="I656">
        <v>877.14239999999995</v>
      </c>
      <c r="J656">
        <v>580.9248</v>
      </c>
      <c r="K656">
        <v>0.93185675000000001</v>
      </c>
      <c r="L656">
        <f t="shared" si="91"/>
        <v>838.59994999999992</v>
      </c>
      <c r="M656">
        <f t="shared" si="92"/>
        <v>507.47765333333336</v>
      </c>
      <c r="N656">
        <f t="shared" si="93"/>
        <v>-3.4665783502566287</v>
      </c>
      <c r="O656">
        <f t="shared" si="94"/>
        <v>2.7660903207560303</v>
      </c>
      <c r="Q656">
        <v>977.82489999999996</v>
      </c>
      <c r="R656">
        <v>510.88596000000001</v>
      </c>
      <c r="S656">
        <v>0.90082549999999995</v>
      </c>
      <c r="T656">
        <v>1098.9748999999999</v>
      </c>
      <c r="U656">
        <v>432.84582999999998</v>
      </c>
      <c r="V656">
        <v>0.95240720000000001</v>
      </c>
      <c r="W656">
        <v>1105.1627000000001</v>
      </c>
      <c r="X656">
        <v>577.84313999999995</v>
      </c>
      <c r="Y656">
        <v>0.94104770000000004</v>
      </c>
      <c r="Z656">
        <f t="shared" si="95"/>
        <v>1060.6541666666665</v>
      </c>
      <c r="AA656">
        <f t="shared" si="96"/>
        <v>507.19164333333333</v>
      </c>
      <c r="AB656">
        <f t="shared" si="97"/>
        <v>5.5903188990023169</v>
      </c>
      <c r="AC656">
        <f t="shared" si="98"/>
        <v>2.701809927422282</v>
      </c>
    </row>
    <row r="657" spans="1:29" x14ac:dyDescent="0.4">
      <c r="A657">
        <v>654</v>
      </c>
      <c r="B657">
        <f t="shared" si="90"/>
        <v>21.8</v>
      </c>
      <c r="C657">
        <v>755.55290000000002</v>
      </c>
      <c r="D657">
        <v>504.45263999999997</v>
      </c>
      <c r="E657">
        <v>0.88546939999999996</v>
      </c>
      <c r="F657">
        <v>883.04</v>
      </c>
      <c r="G657">
        <v>436.81232</v>
      </c>
      <c r="H657">
        <v>0.97349220000000003</v>
      </c>
      <c r="I657">
        <v>877.07539999999995</v>
      </c>
      <c r="J657">
        <v>580.87976000000003</v>
      </c>
      <c r="K657">
        <v>0.92666599999999999</v>
      </c>
      <c r="L657">
        <f t="shared" si="91"/>
        <v>838.55610000000013</v>
      </c>
      <c r="M657">
        <f t="shared" si="92"/>
        <v>507.38157333333334</v>
      </c>
      <c r="N657">
        <f t="shared" si="93"/>
        <v>-3.4683297491759499</v>
      </c>
      <c r="O657">
        <f t="shared" si="94"/>
        <v>2.7700269922532401</v>
      </c>
      <c r="Q657">
        <v>977.79560000000004</v>
      </c>
      <c r="R657">
        <v>510.93169999999998</v>
      </c>
      <c r="S657">
        <v>0.89589744999999998</v>
      </c>
      <c r="T657">
        <v>1098.8821</v>
      </c>
      <c r="U657">
        <v>432.79674999999997</v>
      </c>
      <c r="V657">
        <v>0.96655935000000004</v>
      </c>
      <c r="W657">
        <v>1105.1586</v>
      </c>
      <c r="X657">
        <v>577.83654999999999</v>
      </c>
      <c r="Y657">
        <v>0.94560069999999996</v>
      </c>
      <c r="Z657">
        <f t="shared" si="95"/>
        <v>1060.6121000000001</v>
      </c>
      <c r="AA657">
        <f t="shared" si="96"/>
        <v>507.18833333333333</v>
      </c>
      <c r="AB657">
        <f t="shared" si="97"/>
        <v>5.5885985354541363</v>
      </c>
      <c r="AC657">
        <f t="shared" si="98"/>
        <v>2.701959548765287</v>
      </c>
    </row>
    <row r="658" spans="1:29" x14ac:dyDescent="0.4">
      <c r="A658">
        <v>655</v>
      </c>
      <c r="B658">
        <f t="shared" si="90"/>
        <v>21.833333333333332</v>
      </c>
      <c r="C658">
        <v>755.51715000000002</v>
      </c>
      <c r="D658">
        <v>504.66043000000002</v>
      </c>
      <c r="E658">
        <v>0.89429060000000005</v>
      </c>
      <c r="F658">
        <v>883.07259999999997</v>
      </c>
      <c r="G658">
        <v>436.72003000000001</v>
      </c>
      <c r="H658">
        <v>0.97233360000000002</v>
      </c>
      <c r="I658">
        <v>877.04114000000004</v>
      </c>
      <c r="J658">
        <v>580.85186999999996</v>
      </c>
      <c r="K658">
        <v>0.92915890000000001</v>
      </c>
      <c r="L658">
        <f t="shared" si="91"/>
        <v>838.54363000000012</v>
      </c>
      <c r="M658">
        <f t="shared" si="92"/>
        <v>507.41077666666666</v>
      </c>
      <c r="N658">
        <f t="shared" si="93"/>
        <v>-3.4688461396343233</v>
      </c>
      <c r="O658">
        <f t="shared" si="94"/>
        <v>2.7688391967331354</v>
      </c>
      <c r="Q658">
        <v>977.85986000000003</v>
      </c>
      <c r="R658">
        <v>510.90875</v>
      </c>
      <c r="S658">
        <v>0.90756124000000005</v>
      </c>
      <c r="T658">
        <v>1098.8380999999999</v>
      </c>
      <c r="U658">
        <v>432.82729999999998</v>
      </c>
      <c r="V658">
        <v>0.98331369999999996</v>
      </c>
      <c r="W658">
        <v>1105.2172</v>
      </c>
      <c r="X658">
        <v>577.8877</v>
      </c>
      <c r="Y658">
        <v>0.94521356000000001</v>
      </c>
      <c r="Z658">
        <f t="shared" si="95"/>
        <v>1060.6383866666667</v>
      </c>
      <c r="AA658">
        <f t="shared" si="96"/>
        <v>507.20791666666668</v>
      </c>
      <c r="AB658">
        <f t="shared" si="97"/>
        <v>5.5896678780093501</v>
      </c>
      <c r="AC658">
        <f t="shared" si="98"/>
        <v>2.7011511269961987</v>
      </c>
    </row>
    <row r="659" spans="1:29" x14ac:dyDescent="0.4">
      <c r="A659">
        <v>656</v>
      </c>
      <c r="B659">
        <f t="shared" si="90"/>
        <v>21.866666666666667</v>
      </c>
      <c r="C659">
        <v>755.46699999999998</v>
      </c>
      <c r="D659">
        <v>504.63817999999998</v>
      </c>
      <c r="E659">
        <v>0.89849763999999999</v>
      </c>
      <c r="F659">
        <v>883.02089999999998</v>
      </c>
      <c r="G659">
        <v>436.6619</v>
      </c>
      <c r="H659">
        <v>0.97324560000000004</v>
      </c>
      <c r="I659">
        <v>877.01842999999997</v>
      </c>
      <c r="J659">
        <v>580.84235000000001</v>
      </c>
      <c r="K659">
        <v>0.93299896000000004</v>
      </c>
      <c r="L659">
        <f t="shared" si="91"/>
        <v>838.50211000000002</v>
      </c>
      <c r="M659">
        <f t="shared" si="92"/>
        <v>507.38080999999994</v>
      </c>
      <c r="N659">
        <f t="shared" si="93"/>
        <v>-3.4705242578075226</v>
      </c>
      <c r="O659">
        <f t="shared" si="94"/>
        <v>2.7700764574489107</v>
      </c>
      <c r="Q659">
        <v>977.68353000000002</v>
      </c>
      <c r="R659">
        <v>510.96283</v>
      </c>
      <c r="S659">
        <v>0.9041034</v>
      </c>
      <c r="T659">
        <v>1098.7538</v>
      </c>
      <c r="U659">
        <v>432.74707000000001</v>
      </c>
      <c r="V659">
        <v>0.97071160000000001</v>
      </c>
      <c r="W659">
        <v>1105.0968</v>
      </c>
      <c r="X659">
        <v>577.69740000000002</v>
      </c>
      <c r="Y659">
        <v>0.94592540000000003</v>
      </c>
      <c r="Z659">
        <f t="shared" si="95"/>
        <v>1060.5113766666666</v>
      </c>
      <c r="AA659">
        <f t="shared" si="96"/>
        <v>507.13576666666671</v>
      </c>
      <c r="AB659">
        <f t="shared" si="97"/>
        <v>5.5844938272190463</v>
      </c>
      <c r="AC659">
        <f t="shared" si="98"/>
        <v>2.7041399650840474</v>
      </c>
    </row>
    <row r="660" spans="1:29" x14ac:dyDescent="0.4">
      <c r="A660">
        <v>657</v>
      </c>
      <c r="B660">
        <f t="shared" si="90"/>
        <v>21.9</v>
      </c>
      <c r="C660">
        <v>755.4171</v>
      </c>
      <c r="D660">
        <v>504.62853999999999</v>
      </c>
      <c r="E660">
        <v>0.89668804000000002</v>
      </c>
      <c r="F660">
        <v>882.99609999999996</v>
      </c>
      <c r="G660">
        <v>436.63490000000002</v>
      </c>
      <c r="H660">
        <v>0.97395449999999995</v>
      </c>
      <c r="I660">
        <v>876.97739999999999</v>
      </c>
      <c r="J660">
        <v>580.83979999999997</v>
      </c>
      <c r="K660">
        <v>0.93196029999999996</v>
      </c>
      <c r="L660">
        <f t="shared" si="91"/>
        <v>838.4635333333332</v>
      </c>
      <c r="M660">
        <f t="shared" si="92"/>
        <v>507.36774666666662</v>
      </c>
      <c r="N660">
        <f t="shared" si="93"/>
        <v>-3.4720882056743871</v>
      </c>
      <c r="O660">
        <f t="shared" si="94"/>
        <v>2.7706227583614784</v>
      </c>
      <c r="Q660">
        <v>977.74225000000001</v>
      </c>
      <c r="R660">
        <v>510.95105000000001</v>
      </c>
      <c r="S660">
        <v>0.9006092</v>
      </c>
      <c r="T660">
        <v>1098.6063999999999</v>
      </c>
      <c r="U660">
        <v>432.63287000000003</v>
      </c>
      <c r="V660">
        <v>0.96403985999999997</v>
      </c>
      <c r="W660">
        <v>1105.0562</v>
      </c>
      <c r="X660">
        <v>577.56537000000003</v>
      </c>
      <c r="Y660">
        <v>0.94000757000000001</v>
      </c>
      <c r="Z660">
        <f t="shared" si="95"/>
        <v>1060.4682833333334</v>
      </c>
      <c r="AA660">
        <f t="shared" si="96"/>
        <v>507.04976333333337</v>
      </c>
      <c r="AB660">
        <f t="shared" si="97"/>
        <v>5.5827582751960803</v>
      </c>
      <c r="AC660">
        <f t="shared" si="98"/>
        <v>2.7076653125621104</v>
      </c>
    </row>
    <row r="661" spans="1:29" x14ac:dyDescent="0.4">
      <c r="A661">
        <v>658</v>
      </c>
      <c r="B661">
        <f t="shared" si="90"/>
        <v>21.933333333333334</v>
      </c>
      <c r="C661">
        <v>755.3288</v>
      </c>
      <c r="D661">
        <v>504.41534000000001</v>
      </c>
      <c r="E661">
        <v>0.88991699999999996</v>
      </c>
      <c r="F661">
        <v>882.97400000000005</v>
      </c>
      <c r="G661">
        <v>436.64193999999998</v>
      </c>
      <c r="H661">
        <v>0.97595279999999995</v>
      </c>
      <c r="I661">
        <v>876.92737</v>
      </c>
      <c r="J661">
        <v>580.83420000000001</v>
      </c>
      <c r="K661">
        <v>0.93021220000000004</v>
      </c>
      <c r="L661">
        <f t="shared" si="91"/>
        <v>838.41005666666661</v>
      </c>
      <c r="M661">
        <f t="shared" si="92"/>
        <v>507.29716000000002</v>
      </c>
      <c r="N661">
        <f t="shared" si="93"/>
        <v>-3.4742391979837142</v>
      </c>
      <c r="O661">
        <f t="shared" si="94"/>
        <v>2.7735221017588967</v>
      </c>
      <c r="Q661">
        <v>977.66309999999999</v>
      </c>
      <c r="R661">
        <v>510.95992999999999</v>
      </c>
      <c r="S661">
        <v>0.89395290000000005</v>
      </c>
      <c r="T661">
        <v>1098.5709999999999</v>
      </c>
      <c r="U661">
        <v>432.61320000000001</v>
      </c>
      <c r="V661">
        <v>0.95493589999999995</v>
      </c>
      <c r="W661">
        <v>1105.0016000000001</v>
      </c>
      <c r="X661">
        <v>577.40940000000001</v>
      </c>
      <c r="Y661">
        <v>0.93435645000000001</v>
      </c>
      <c r="Z661">
        <f t="shared" si="95"/>
        <v>1060.4118999999998</v>
      </c>
      <c r="AA661">
        <f t="shared" si="96"/>
        <v>506.99417666666665</v>
      </c>
      <c r="AB661">
        <f t="shared" si="97"/>
        <v>5.5804690165300217</v>
      </c>
      <c r="AC661">
        <f t="shared" si="98"/>
        <v>2.7099536975916791</v>
      </c>
    </row>
    <row r="662" spans="1:29" x14ac:dyDescent="0.4">
      <c r="A662">
        <v>659</v>
      </c>
      <c r="B662">
        <f t="shared" si="90"/>
        <v>21.966666666666665</v>
      </c>
      <c r="C662">
        <v>755.32512999999994</v>
      </c>
      <c r="D662">
        <v>504.27132999999998</v>
      </c>
      <c r="E662">
        <v>0.88298637000000002</v>
      </c>
      <c r="F662">
        <v>883.02160000000003</v>
      </c>
      <c r="G662">
        <v>436.64269999999999</v>
      </c>
      <c r="H662">
        <v>0.97775210000000001</v>
      </c>
      <c r="I662">
        <v>876.84375</v>
      </c>
      <c r="J662">
        <v>580.77599999999995</v>
      </c>
      <c r="K662">
        <v>0.93300647000000003</v>
      </c>
      <c r="L662">
        <f t="shared" si="91"/>
        <v>838.3968266666667</v>
      </c>
      <c r="M662">
        <f t="shared" si="92"/>
        <v>507.23000999999994</v>
      </c>
      <c r="N662">
        <f t="shared" si="93"/>
        <v>-3.4747552348846185</v>
      </c>
      <c r="O662">
        <f t="shared" si="94"/>
        <v>2.7762675180282059</v>
      </c>
      <c r="Q662">
        <v>977.73800000000006</v>
      </c>
      <c r="R662">
        <v>510.791</v>
      </c>
      <c r="S662">
        <v>0.89241820000000005</v>
      </c>
      <c r="T662">
        <v>1098.2902999999999</v>
      </c>
      <c r="U662">
        <v>432.52965999999998</v>
      </c>
      <c r="V662">
        <v>0.9514378</v>
      </c>
      <c r="W662">
        <v>1105.0266999999999</v>
      </c>
      <c r="X662">
        <v>577.23059999999998</v>
      </c>
      <c r="Y662">
        <v>0.92535603</v>
      </c>
      <c r="Z662">
        <f t="shared" si="95"/>
        <v>1060.3516666666667</v>
      </c>
      <c r="AA662">
        <f t="shared" si="96"/>
        <v>506.85041999999999</v>
      </c>
      <c r="AB662">
        <f t="shared" si="97"/>
        <v>5.5780508082877969</v>
      </c>
      <c r="AC662">
        <f t="shared" si="98"/>
        <v>2.7158423205058582</v>
      </c>
    </row>
    <row r="663" spans="1:29" x14ac:dyDescent="0.4">
      <c r="A663">
        <v>660</v>
      </c>
      <c r="B663">
        <f t="shared" si="90"/>
        <v>22</v>
      </c>
      <c r="C663">
        <v>755.24036000000001</v>
      </c>
      <c r="D663">
        <v>504.09075999999999</v>
      </c>
      <c r="E663">
        <v>0.87853859999999995</v>
      </c>
      <c r="F663">
        <v>883.00429999999994</v>
      </c>
      <c r="G663">
        <v>436.58075000000002</v>
      </c>
      <c r="H663">
        <v>0.97644039999999999</v>
      </c>
      <c r="I663">
        <v>876.78063999999995</v>
      </c>
      <c r="J663">
        <v>580.80309999999997</v>
      </c>
      <c r="K663">
        <v>0.93373170000000005</v>
      </c>
      <c r="L663">
        <f t="shared" si="91"/>
        <v>838.34176666666656</v>
      </c>
      <c r="M663">
        <f t="shared" si="92"/>
        <v>507.15820333333335</v>
      </c>
      <c r="N663">
        <f t="shared" si="93"/>
        <v>-3.4769701908954818</v>
      </c>
      <c r="O663">
        <f t="shared" si="94"/>
        <v>2.779217191966072</v>
      </c>
      <c r="Q663">
        <v>977.55457000000001</v>
      </c>
      <c r="R663">
        <v>510.78100000000001</v>
      </c>
      <c r="S663">
        <v>0.90498537000000001</v>
      </c>
      <c r="T663">
        <v>1098.2527</v>
      </c>
      <c r="U663">
        <v>432.52980000000002</v>
      </c>
      <c r="V663">
        <v>0.95447249999999995</v>
      </c>
      <c r="W663">
        <v>1105.0173</v>
      </c>
      <c r="X663">
        <v>577.25009999999997</v>
      </c>
      <c r="Y663">
        <v>0.93061850000000002</v>
      </c>
      <c r="Z663">
        <f t="shared" si="95"/>
        <v>1060.2748566666667</v>
      </c>
      <c r="AA663">
        <f t="shared" si="96"/>
        <v>506.85363333333333</v>
      </c>
      <c r="AB663">
        <f t="shared" si="97"/>
        <v>5.5749066050289722</v>
      </c>
      <c r="AC663">
        <f t="shared" si="98"/>
        <v>2.7157376594099865</v>
      </c>
    </row>
    <row r="664" spans="1:29" x14ac:dyDescent="0.4">
      <c r="A664">
        <v>661</v>
      </c>
      <c r="B664">
        <f t="shared" si="90"/>
        <v>22.033333333333335</v>
      </c>
      <c r="C664">
        <v>755.28375000000005</v>
      </c>
      <c r="D664">
        <v>503.94225999999998</v>
      </c>
      <c r="E664">
        <v>0.87278783000000004</v>
      </c>
      <c r="F664">
        <v>883.00525000000005</v>
      </c>
      <c r="G664">
        <v>436.56</v>
      </c>
      <c r="H664">
        <v>0.96347539999999998</v>
      </c>
      <c r="I664">
        <v>876.65179999999998</v>
      </c>
      <c r="J664">
        <v>580.66849999999999</v>
      </c>
      <c r="K664">
        <v>0.93214554000000005</v>
      </c>
      <c r="L664">
        <f t="shared" si="91"/>
        <v>838.31360000000006</v>
      </c>
      <c r="M664">
        <f t="shared" si="92"/>
        <v>507.05691999999999</v>
      </c>
      <c r="N664">
        <f t="shared" si="93"/>
        <v>-3.4780823462400816</v>
      </c>
      <c r="O664">
        <f t="shared" si="94"/>
        <v>2.783360921338772</v>
      </c>
      <c r="Q664">
        <v>977.54094999999995</v>
      </c>
      <c r="R664">
        <v>510.74689999999998</v>
      </c>
      <c r="S664">
        <v>0.90417015999999995</v>
      </c>
      <c r="T664">
        <v>1098.2412999999999</v>
      </c>
      <c r="U664">
        <v>432.51137999999997</v>
      </c>
      <c r="V664">
        <v>0.95285160000000002</v>
      </c>
      <c r="W664">
        <v>1105.0305000000001</v>
      </c>
      <c r="X664">
        <v>577.35329999999999</v>
      </c>
      <c r="Y664">
        <v>0.93220365000000005</v>
      </c>
      <c r="Z664">
        <f t="shared" si="95"/>
        <v>1060.2709166666666</v>
      </c>
      <c r="AA664">
        <f t="shared" si="96"/>
        <v>506.87052666666665</v>
      </c>
      <c r="AB664">
        <f t="shared" si="97"/>
        <v>5.5747398969890387</v>
      </c>
      <c r="AC664">
        <f t="shared" si="98"/>
        <v>2.7150494692120262</v>
      </c>
    </row>
    <row r="665" spans="1:29" x14ac:dyDescent="0.4">
      <c r="A665">
        <v>662</v>
      </c>
      <c r="B665">
        <f t="shared" si="90"/>
        <v>22.066666666666666</v>
      </c>
      <c r="C665">
        <v>754.73443999999995</v>
      </c>
      <c r="D665">
        <v>503.83852999999999</v>
      </c>
      <c r="E665">
        <v>0.87999696000000005</v>
      </c>
      <c r="F665">
        <v>882.99940000000004</v>
      </c>
      <c r="G665">
        <v>436.50616000000002</v>
      </c>
      <c r="H665">
        <v>0.97245835999999997</v>
      </c>
      <c r="I665">
        <v>876.55145000000005</v>
      </c>
      <c r="J665">
        <v>580.70263999999997</v>
      </c>
      <c r="K665">
        <v>0.93148699999999995</v>
      </c>
      <c r="L665">
        <f t="shared" si="91"/>
        <v>838.09509666666656</v>
      </c>
      <c r="M665">
        <f t="shared" si="92"/>
        <v>507.01577666666662</v>
      </c>
      <c r="N665">
        <f t="shared" si="93"/>
        <v>-3.4869513313807134</v>
      </c>
      <c r="O665">
        <f t="shared" si="94"/>
        <v>2.7851143969235608</v>
      </c>
      <c r="Q665">
        <v>977.45354999999995</v>
      </c>
      <c r="R665">
        <v>510.84476000000001</v>
      </c>
      <c r="S665">
        <v>0.90015000000000001</v>
      </c>
      <c r="T665">
        <v>1098.1855</v>
      </c>
      <c r="U665">
        <v>432.37695000000002</v>
      </c>
      <c r="V665">
        <v>0.95461666999999994</v>
      </c>
      <c r="W665">
        <v>1105.0071</v>
      </c>
      <c r="X665">
        <v>577.30939999999998</v>
      </c>
      <c r="Y665">
        <v>0.93233069999999996</v>
      </c>
      <c r="Z665">
        <f t="shared" si="95"/>
        <v>1060.2153833333332</v>
      </c>
      <c r="AA665">
        <f t="shared" si="96"/>
        <v>506.84370333333328</v>
      </c>
      <c r="AB665">
        <f t="shared" si="97"/>
        <v>5.5724761071575326</v>
      </c>
      <c r="AC665">
        <f t="shared" si="98"/>
        <v>2.7161634994046975</v>
      </c>
    </row>
    <row r="666" spans="1:29" x14ac:dyDescent="0.4">
      <c r="A666">
        <v>663</v>
      </c>
      <c r="B666">
        <f t="shared" si="90"/>
        <v>22.1</v>
      </c>
      <c r="C666">
        <v>755.35500000000002</v>
      </c>
      <c r="D666">
        <v>503.67700000000002</v>
      </c>
      <c r="E666">
        <v>0.86982669999999995</v>
      </c>
      <c r="F666">
        <v>883.03107</v>
      </c>
      <c r="G666">
        <v>436.51211999999998</v>
      </c>
      <c r="H666">
        <v>0.97079159999999998</v>
      </c>
      <c r="I666">
        <v>876.35626000000002</v>
      </c>
      <c r="J666">
        <v>580.56240000000003</v>
      </c>
      <c r="K666">
        <v>0.94822649999999997</v>
      </c>
      <c r="L666">
        <f t="shared" si="91"/>
        <v>838.24744333333331</v>
      </c>
      <c r="M666">
        <f t="shared" si="92"/>
        <v>506.91717333333332</v>
      </c>
      <c r="N666">
        <f t="shared" si="93"/>
        <v>-3.4807263521717977</v>
      </c>
      <c r="O666">
        <f t="shared" si="94"/>
        <v>2.7890875197687075</v>
      </c>
      <c r="Q666">
        <v>977.41583000000003</v>
      </c>
      <c r="R666">
        <v>510.80954000000003</v>
      </c>
      <c r="S666">
        <v>0.90579224000000003</v>
      </c>
      <c r="T666">
        <v>1098.1027999999999</v>
      </c>
      <c r="U666">
        <v>432.35039999999998</v>
      </c>
      <c r="V666">
        <v>0.96010269999999998</v>
      </c>
      <c r="W666">
        <v>1105.0261</v>
      </c>
      <c r="X666">
        <v>577.26649999999995</v>
      </c>
      <c r="Y666">
        <v>0.93226206</v>
      </c>
      <c r="Z666">
        <f t="shared" si="95"/>
        <v>1060.1815766666666</v>
      </c>
      <c r="AA666">
        <f t="shared" si="96"/>
        <v>506.80881333333332</v>
      </c>
      <c r="AB666">
        <f t="shared" si="97"/>
        <v>5.5711040157126943</v>
      </c>
      <c r="AC666">
        <f t="shared" si="98"/>
        <v>2.7175992971771366</v>
      </c>
    </row>
    <row r="667" spans="1:29" x14ac:dyDescent="0.4">
      <c r="A667">
        <v>664</v>
      </c>
      <c r="B667">
        <f t="shared" si="90"/>
        <v>22.133333333333333</v>
      </c>
      <c r="C667">
        <v>755.19460000000004</v>
      </c>
      <c r="D667">
        <v>503.60091999999997</v>
      </c>
      <c r="E667">
        <v>0.87906384000000004</v>
      </c>
      <c r="F667">
        <v>883.0077</v>
      </c>
      <c r="G667">
        <v>436.48345999999998</v>
      </c>
      <c r="H667">
        <v>0.970557</v>
      </c>
      <c r="I667">
        <v>876.23815999999999</v>
      </c>
      <c r="J667">
        <v>580.50116000000003</v>
      </c>
      <c r="K667">
        <v>0.95504860000000003</v>
      </c>
      <c r="L667">
        <f t="shared" si="91"/>
        <v>838.14681999999993</v>
      </c>
      <c r="M667">
        <f t="shared" si="92"/>
        <v>506.86184666666668</v>
      </c>
      <c r="N667">
        <f t="shared" si="93"/>
        <v>-3.4847988243897139</v>
      </c>
      <c r="O667">
        <f t="shared" si="94"/>
        <v>2.7913799553105845</v>
      </c>
      <c r="Q667">
        <v>977.35500000000002</v>
      </c>
      <c r="R667">
        <v>510.84705000000002</v>
      </c>
      <c r="S667">
        <v>0.90305329999999995</v>
      </c>
      <c r="T667">
        <v>1098.1614</v>
      </c>
      <c r="U667">
        <v>432.24954000000002</v>
      </c>
      <c r="V667">
        <v>0.96007144</v>
      </c>
      <c r="W667">
        <v>1104.9562000000001</v>
      </c>
      <c r="X667">
        <v>577.12469999999996</v>
      </c>
      <c r="Y667">
        <v>0.9190874</v>
      </c>
      <c r="Z667">
        <f t="shared" si="95"/>
        <v>1060.1575333333333</v>
      </c>
      <c r="AA667">
        <f t="shared" si="96"/>
        <v>506.74043</v>
      </c>
      <c r="AB667">
        <f t="shared" si="97"/>
        <v>5.5701423135871835</v>
      </c>
      <c r="AC667">
        <f t="shared" si="98"/>
        <v>2.7203988503097039</v>
      </c>
    </row>
    <row r="668" spans="1:29" x14ac:dyDescent="0.4">
      <c r="A668">
        <v>665</v>
      </c>
      <c r="B668">
        <f t="shared" si="90"/>
        <v>22.166666666666668</v>
      </c>
      <c r="C668">
        <v>755.18759999999997</v>
      </c>
      <c r="D668">
        <v>503.5224</v>
      </c>
      <c r="E668">
        <v>0.88751762999999995</v>
      </c>
      <c r="F668">
        <v>883.02892999999995</v>
      </c>
      <c r="G668">
        <v>436.38637999999997</v>
      </c>
      <c r="H668">
        <v>0.97753469999999998</v>
      </c>
      <c r="I668">
        <v>876.10789999999997</v>
      </c>
      <c r="J668">
        <v>580.47906</v>
      </c>
      <c r="K668">
        <v>0.96915430000000002</v>
      </c>
      <c r="L668">
        <f t="shared" si="91"/>
        <v>838.10814333333326</v>
      </c>
      <c r="M668">
        <f t="shared" si="92"/>
        <v>506.79594666666662</v>
      </c>
      <c r="N668">
        <f t="shared" si="93"/>
        <v>-3.4863496854195319</v>
      </c>
      <c r="O668">
        <f t="shared" si="94"/>
        <v>2.7940829650479517</v>
      </c>
      <c r="Q668">
        <v>977.30309999999997</v>
      </c>
      <c r="R668">
        <v>510.78604000000001</v>
      </c>
      <c r="S668">
        <v>0.89367867000000001</v>
      </c>
      <c r="T668">
        <v>1098.0397</v>
      </c>
      <c r="U668">
        <v>432.08652000000001</v>
      </c>
      <c r="V668">
        <v>0.95815413999999999</v>
      </c>
      <c r="W668">
        <v>1104.9066</v>
      </c>
      <c r="X668">
        <v>577.13170000000002</v>
      </c>
      <c r="Y668">
        <v>0.92511109999999996</v>
      </c>
      <c r="Z668">
        <f t="shared" si="95"/>
        <v>1060.0831333333333</v>
      </c>
      <c r="AA668">
        <f t="shared" si="96"/>
        <v>506.66808666666674</v>
      </c>
      <c r="AB668">
        <f t="shared" si="97"/>
        <v>5.5671212514088069</v>
      </c>
      <c r="AC668">
        <f t="shared" si="98"/>
        <v>2.7233774130698176</v>
      </c>
    </row>
    <row r="669" spans="1:29" x14ac:dyDescent="0.4">
      <c r="A669">
        <v>666</v>
      </c>
      <c r="B669">
        <f t="shared" si="90"/>
        <v>22.2</v>
      </c>
      <c r="C669">
        <v>755.17100000000005</v>
      </c>
      <c r="D669">
        <v>503.42633000000001</v>
      </c>
      <c r="E669">
        <v>0.89884823999999997</v>
      </c>
      <c r="F669">
        <v>883.03420000000006</v>
      </c>
      <c r="G669">
        <v>436.3399</v>
      </c>
      <c r="H669">
        <v>0.97024524000000001</v>
      </c>
      <c r="I669">
        <v>875.97753999999998</v>
      </c>
      <c r="J669">
        <v>580.43426999999997</v>
      </c>
      <c r="K669">
        <v>0.97286980000000001</v>
      </c>
      <c r="L669">
        <f t="shared" si="91"/>
        <v>838.06091333333336</v>
      </c>
      <c r="M669">
        <f t="shared" si="92"/>
        <v>506.73349999999999</v>
      </c>
      <c r="N669">
        <f t="shared" si="93"/>
        <v>-3.488249362521131</v>
      </c>
      <c r="O669">
        <f t="shared" si="94"/>
        <v>2.7966479156655506</v>
      </c>
      <c r="Q669">
        <v>977.16459999999995</v>
      </c>
      <c r="R669">
        <v>510.82920000000001</v>
      </c>
      <c r="S669">
        <v>0.89039122999999998</v>
      </c>
      <c r="T669">
        <v>1098.0471</v>
      </c>
      <c r="U669">
        <v>432.19945999999999</v>
      </c>
      <c r="V669">
        <v>0.96095790000000003</v>
      </c>
      <c r="W669">
        <v>1104.8021000000001</v>
      </c>
      <c r="X669">
        <v>577.10186999999996</v>
      </c>
      <c r="Y669">
        <v>0.92190899999999998</v>
      </c>
      <c r="Z669">
        <f t="shared" si="95"/>
        <v>1060.0046</v>
      </c>
      <c r="AA669">
        <f t="shared" si="96"/>
        <v>506.71017666666665</v>
      </c>
      <c r="AB669">
        <f t="shared" si="97"/>
        <v>5.5638939450303182</v>
      </c>
      <c r="AC669">
        <f t="shared" si="98"/>
        <v>2.7216864871695914</v>
      </c>
    </row>
    <row r="670" spans="1:29" x14ac:dyDescent="0.4">
      <c r="A670">
        <v>667</v>
      </c>
      <c r="B670">
        <f t="shared" si="90"/>
        <v>22.233333333333334</v>
      </c>
      <c r="C670">
        <v>754.99540000000002</v>
      </c>
      <c r="D670">
        <v>503.43198000000001</v>
      </c>
      <c r="E670">
        <v>0.89065190000000005</v>
      </c>
      <c r="F670">
        <v>882.99680000000001</v>
      </c>
      <c r="G670">
        <v>436.22991999999999</v>
      </c>
      <c r="H670">
        <v>0.96532320000000005</v>
      </c>
      <c r="I670">
        <v>875.92460000000005</v>
      </c>
      <c r="J670">
        <v>580.42010000000005</v>
      </c>
      <c r="K670">
        <v>0.9719913</v>
      </c>
      <c r="L670">
        <f t="shared" si="91"/>
        <v>837.97226666666666</v>
      </c>
      <c r="M670">
        <f t="shared" si="92"/>
        <v>506.69400000000002</v>
      </c>
      <c r="N670">
        <f t="shared" si="93"/>
        <v>-3.4918400870538311</v>
      </c>
      <c r="O670">
        <f t="shared" si="94"/>
        <v>2.7982902760678621</v>
      </c>
      <c r="Q670">
        <v>977.13120000000004</v>
      </c>
      <c r="R670">
        <v>510.77927</v>
      </c>
      <c r="S670">
        <v>0.89136369999999998</v>
      </c>
      <c r="T670">
        <v>1098.1116999999999</v>
      </c>
      <c r="U670">
        <v>432.12018</v>
      </c>
      <c r="V670">
        <v>0.96344969999999996</v>
      </c>
      <c r="W670">
        <v>1104.855</v>
      </c>
      <c r="X670">
        <v>576.99329999999998</v>
      </c>
      <c r="Y670">
        <v>0.90759975000000004</v>
      </c>
      <c r="Z670">
        <f t="shared" si="95"/>
        <v>1060.0326333333335</v>
      </c>
      <c r="AA670">
        <f t="shared" si="96"/>
        <v>506.63091666666668</v>
      </c>
      <c r="AB670">
        <f t="shared" si="97"/>
        <v>5.5650667984935387</v>
      </c>
      <c r="AC670">
        <f t="shared" si="98"/>
        <v>2.724912031812083</v>
      </c>
    </row>
    <row r="671" spans="1:29" x14ac:dyDescent="0.4">
      <c r="A671">
        <v>668</v>
      </c>
      <c r="B671">
        <f t="shared" si="90"/>
        <v>22.266666666666666</v>
      </c>
      <c r="C671">
        <v>754.85077000000001</v>
      </c>
      <c r="D671">
        <v>503.15460000000002</v>
      </c>
      <c r="E671">
        <v>0.91039084999999997</v>
      </c>
      <c r="F671">
        <v>882.9692</v>
      </c>
      <c r="G671">
        <v>436.24448000000001</v>
      </c>
      <c r="H671">
        <v>0.97470844000000001</v>
      </c>
      <c r="I671">
        <v>875.91750000000002</v>
      </c>
      <c r="J671">
        <v>580.33405000000005</v>
      </c>
      <c r="K671">
        <v>0.97047249999999996</v>
      </c>
      <c r="L671">
        <f t="shared" si="91"/>
        <v>837.91249000000005</v>
      </c>
      <c r="M671">
        <f t="shared" si="92"/>
        <v>506.57771000000002</v>
      </c>
      <c r="N671">
        <f t="shared" si="93"/>
        <v>-3.4942323215580564</v>
      </c>
      <c r="O671">
        <f t="shared" si="94"/>
        <v>2.8030572411158388</v>
      </c>
      <c r="Q671">
        <v>977.09216000000004</v>
      </c>
      <c r="R671">
        <v>510.72255999999999</v>
      </c>
      <c r="S671">
        <v>0.89732869999999998</v>
      </c>
      <c r="T671">
        <v>1097.9639999999999</v>
      </c>
      <c r="U671">
        <v>432.08893</v>
      </c>
      <c r="V671">
        <v>0.95795286000000002</v>
      </c>
      <c r="W671">
        <v>1104.7593999999999</v>
      </c>
      <c r="X671">
        <v>576.95496000000003</v>
      </c>
      <c r="Y671">
        <v>0.91527700000000001</v>
      </c>
      <c r="Z671">
        <f t="shared" si="95"/>
        <v>1059.9385199999999</v>
      </c>
      <c r="AA671">
        <f t="shared" si="96"/>
        <v>506.58881666666667</v>
      </c>
      <c r="AB671">
        <f t="shared" si="97"/>
        <v>5.5612292542175741</v>
      </c>
      <c r="AC671">
        <f t="shared" si="98"/>
        <v>2.7266629279568289</v>
      </c>
    </row>
    <row r="672" spans="1:29" x14ac:dyDescent="0.4">
      <c r="A672">
        <v>669</v>
      </c>
      <c r="B672">
        <f t="shared" si="90"/>
        <v>22.3</v>
      </c>
      <c r="C672">
        <v>754.70336999999995</v>
      </c>
      <c r="D672">
        <v>503.15433000000002</v>
      </c>
      <c r="E672">
        <v>0.91018264999999998</v>
      </c>
      <c r="F672">
        <v>882.83605999999997</v>
      </c>
      <c r="G672">
        <v>436.18369999999999</v>
      </c>
      <c r="H672">
        <v>0.96462333</v>
      </c>
      <c r="I672">
        <v>875.82324000000006</v>
      </c>
      <c r="J672">
        <v>580.30913999999996</v>
      </c>
      <c r="K672">
        <v>0.96660469999999998</v>
      </c>
      <c r="L672">
        <f t="shared" si="91"/>
        <v>837.78755666666666</v>
      </c>
      <c r="M672">
        <f t="shared" si="92"/>
        <v>506.54905666666667</v>
      </c>
      <c r="N672">
        <f t="shared" si="93"/>
        <v>-3.4993016107133688</v>
      </c>
      <c r="O672">
        <f t="shared" si="94"/>
        <v>2.8042691660996462</v>
      </c>
      <c r="Q672">
        <v>977.08563000000004</v>
      </c>
      <c r="R672">
        <v>510.67743000000002</v>
      </c>
      <c r="S672">
        <v>0.89308730000000003</v>
      </c>
      <c r="T672">
        <v>1097.8833</v>
      </c>
      <c r="U672">
        <v>432.00400000000002</v>
      </c>
      <c r="V672">
        <v>0.96781269999999997</v>
      </c>
      <c r="W672">
        <v>1104.7692</v>
      </c>
      <c r="X672">
        <v>576.89904999999999</v>
      </c>
      <c r="Y672">
        <v>0.91571049999999998</v>
      </c>
      <c r="Z672">
        <f t="shared" si="95"/>
        <v>1059.9127099999998</v>
      </c>
      <c r="AA672">
        <f t="shared" si="96"/>
        <v>506.52682666666669</v>
      </c>
      <c r="AB672">
        <f t="shared" si="97"/>
        <v>5.5601931928960546</v>
      </c>
      <c r="AC672">
        <f t="shared" si="98"/>
        <v>2.7292021227802077</v>
      </c>
    </row>
    <row r="673" spans="1:29" x14ac:dyDescent="0.4">
      <c r="A673">
        <v>670</v>
      </c>
      <c r="B673">
        <f t="shared" si="90"/>
        <v>22.333333333333332</v>
      </c>
      <c r="C673">
        <v>754.79169999999999</v>
      </c>
      <c r="D673">
        <v>503.04059999999998</v>
      </c>
      <c r="E673">
        <v>0.91750114999999999</v>
      </c>
      <c r="F673">
        <v>882.83105</v>
      </c>
      <c r="G673">
        <v>436.15778</v>
      </c>
      <c r="H673">
        <v>0.9789814</v>
      </c>
      <c r="I673">
        <v>875.76390000000004</v>
      </c>
      <c r="J673">
        <v>580.19446000000005</v>
      </c>
      <c r="K673">
        <v>0.95884585</v>
      </c>
      <c r="L673">
        <f t="shared" si="91"/>
        <v>837.79554999999993</v>
      </c>
      <c r="M673">
        <f t="shared" si="92"/>
        <v>506.46427999999997</v>
      </c>
      <c r="N673">
        <f t="shared" si="93"/>
        <v>-3.498949185606941</v>
      </c>
      <c r="O673">
        <f t="shared" si="94"/>
        <v>2.8077268440637151</v>
      </c>
      <c r="Q673">
        <v>976.97490000000005</v>
      </c>
      <c r="R673">
        <v>510.71008</v>
      </c>
      <c r="S673">
        <v>0.89079374</v>
      </c>
      <c r="T673">
        <v>1097.8483000000001</v>
      </c>
      <c r="U673">
        <v>431.85599999999999</v>
      </c>
      <c r="V673">
        <v>0.98034129999999997</v>
      </c>
      <c r="W673">
        <v>1104.6919</v>
      </c>
      <c r="X673">
        <v>576.88513</v>
      </c>
      <c r="Y673">
        <v>0.91305890000000001</v>
      </c>
      <c r="Z673">
        <f t="shared" si="95"/>
        <v>1059.8383666666668</v>
      </c>
      <c r="AA673">
        <f t="shared" si="96"/>
        <v>506.48373666666674</v>
      </c>
      <c r="AB673">
        <f t="shared" si="97"/>
        <v>5.5571649849981686</v>
      </c>
      <c r="AC673">
        <f t="shared" si="98"/>
        <v>2.7309866056511929</v>
      </c>
    </row>
    <row r="674" spans="1:29" x14ac:dyDescent="0.4">
      <c r="A674">
        <v>671</v>
      </c>
      <c r="B674">
        <f t="shared" si="90"/>
        <v>22.366666666666667</v>
      </c>
      <c r="C674">
        <v>754.83249999999998</v>
      </c>
      <c r="D674">
        <v>502.96294999999998</v>
      </c>
      <c r="E674">
        <v>0.91532360000000001</v>
      </c>
      <c r="F674">
        <v>882.86315999999999</v>
      </c>
      <c r="G674">
        <v>436.15244000000001</v>
      </c>
      <c r="H674">
        <v>0.99324256</v>
      </c>
      <c r="I674">
        <v>875.60595999999998</v>
      </c>
      <c r="J674">
        <v>580.13440000000003</v>
      </c>
      <c r="K674">
        <v>0.94744885000000001</v>
      </c>
      <c r="L674">
        <f t="shared" si="91"/>
        <v>837.76720666666654</v>
      </c>
      <c r="M674">
        <f t="shared" si="92"/>
        <v>506.41659666666663</v>
      </c>
      <c r="N674">
        <f t="shared" si="93"/>
        <v>-3.5000858848700509</v>
      </c>
      <c r="O674">
        <f t="shared" si="94"/>
        <v>2.8096827768766026</v>
      </c>
      <c r="Q674">
        <v>976.91956000000005</v>
      </c>
      <c r="R674">
        <v>510.71010000000001</v>
      </c>
      <c r="S674">
        <v>0.89344610000000002</v>
      </c>
      <c r="T674">
        <v>1097.7594999999999</v>
      </c>
      <c r="U674">
        <v>431.83057000000002</v>
      </c>
      <c r="V674">
        <v>0.97616696000000003</v>
      </c>
      <c r="W674">
        <v>1104.6692</v>
      </c>
      <c r="X674">
        <v>576.77499999999998</v>
      </c>
      <c r="Y674">
        <v>0.90505150000000001</v>
      </c>
      <c r="Z674">
        <f t="shared" si="95"/>
        <v>1059.7827533333332</v>
      </c>
      <c r="AA674">
        <f t="shared" si="96"/>
        <v>506.43855666666667</v>
      </c>
      <c r="AB674">
        <f t="shared" si="97"/>
        <v>5.5549039043908337</v>
      </c>
      <c r="AC674">
        <f t="shared" si="98"/>
        <v>2.7328499347280255</v>
      </c>
    </row>
    <row r="675" spans="1:29" x14ac:dyDescent="0.4">
      <c r="A675">
        <v>672</v>
      </c>
      <c r="B675">
        <f t="shared" si="90"/>
        <v>22.4</v>
      </c>
      <c r="C675">
        <v>754.60864000000004</v>
      </c>
      <c r="D675">
        <v>502.91899999999998</v>
      </c>
      <c r="E675">
        <v>0.92475384000000005</v>
      </c>
      <c r="F675">
        <v>882.75279999999998</v>
      </c>
      <c r="G675">
        <v>436.1037</v>
      </c>
      <c r="H675">
        <v>0.9818559</v>
      </c>
      <c r="I675">
        <v>875.48569999999995</v>
      </c>
      <c r="J675">
        <v>580.12616000000003</v>
      </c>
      <c r="K675">
        <v>0.95039015999999998</v>
      </c>
      <c r="L675">
        <f t="shared" si="91"/>
        <v>837.61571333333325</v>
      </c>
      <c r="M675">
        <f t="shared" si="92"/>
        <v>506.38295333333332</v>
      </c>
      <c r="N675">
        <f t="shared" si="93"/>
        <v>-3.5062331991651732</v>
      </c>
      <c r="O675">
        <f t="shared" si="94"/>
        <v>2.8111073849957982</v>
      </c>
      <c r="Q675">
        <v>976.78250000000003</v>
      </c>
      <c r="R675">
        <v>510.72507000000002</v>
      </c>
      <c r="S675">
        <v>0.88879339999999996</v>
      </c>
      <c r="T675">
        <v>1097.7083</v>
      </c>
      <c r="U675">
        <v>431.83699999999999</v>
      </c>
      <c r="V675">
        <v>0.97460382999999995</v>
      </c>
      <c r="W675">
        <v>1104.6382000000001</v>
      </c>
      <c r="X675">
        <v>576.7002</v>
      </c>
      <c r="Y675">
        <v>0.91132930000000001</v>
      </c>
      <c r="Z675">
        <f t="shared" si="95"/>
        <v>1059.7096666666666</v>
      </c>
      <c r="AA675">
        <f t="shared" si="96"/>
        <v>506.42075666666665</v>
      </c>
      <c r="AB675">
        <f t="shared" si="97"/>
        <v>5.5519189299183598</v>
      </c>
      <c r="AC675">
        <f t="shared" si="98"/>
        <v>2.7336017036886489</v>
      </c>
    </row>
    <row r="676" spans="1:29" x14ac:dyDescent="0.4">
      <c r="A676">
        <v>673</v>
      </c>
      <c r="B676">
        <f t="shared" si="90"/>
        <v>22.433333333333334</v>
      </c>
      <c r="C676">
        <v>754.72230000000002</v>
      </c>
      <c r="D676">
        <v>502.74982</v>
      </c>
      <c r="E676">
        <v>0.92974955000000004</v>
      </c>
      <c r="F676">
        <v>882.78480000000002</v>
      </c>
      <c r="G676">
        <v>436.09293000000002</v>
      </c>
      <c r="H676">
        <v>0.98556390000000005</v>
      </c>
      <c r="I676">
        <v>875.45159999999998</v>
      </c>
      <c r="J676">
        <v>580.15790000000004</v>
      </c>
      <c r="K676">
        <v>0.95825729999999998</v>
      </c>
      <c r="L676">
        <f t="shared" si="91"/>
        <v>837.65290000000005</v>
      </c>
      <c r="M676">
        <f t="shared" si="92"/>
        <v>506.33355</v>
      </c>
      <c r="N676">
        <f t="shared" si="93"/>
        <v>-3.5047055362527861</v>
      </c>
      <c r="O676">
        <f t="shared" si="94"/>
        <v>2.8131113034227053</v>
      </c>
      <c r="Q676">
        <v>976.67330000000004</v>
      </c>
      <c r="R676">
        <v>510.75646999999998</v>
      </c>
      <c r="S676">
        <v>0.89095000000000002</v>
      </c>
      <c r="T676">
        <v>1097.556</v>
      </c>
      <c r="U676">
        <v>431.76049999999998</v>
      </c>
      <c r="V676">
        <v>0.9683948</v>
      </c>
      <c r="W676">
        <v>1104.6198999999999</v>
      </c>
      <c r="X676">
        <v>576.69475999999997</v>
      </c>
      <c r="Y676">
        <v>0.90492916000000001</v>
      </c>
      <c r="Z676">
        <f t="shared" si="95"/>
        <v>1059.6163999999999</v>
      </c>
      <c r="AA676">
        <f t="shared" si="96"/>
        <v>506.40391</v>
      </c>
      <c r="AB676">
        <f t="shared" si="97"/>
        <v>5.5481078788439646</v>
      </c>
      <c r="AC676">
        <f t="shared" si="98"/>
        <v>2.7343215214811618</v>
      </c>
    </row>
    <row r="677" spans="1:29" x14ac:dyDescent="0.4">
      <c r="A677">
        <v>674</v>
      </c>
      <c r="B677">
        <f t="shared" si="90"/>
        <v>22.466666666666665</v>
      </c>
      <c r="C677">
        <v>754.44860000000006</v>
      </c>
      <c r="D677">
        <v>502.86484000000002</v>
      </c>
      <c r="E677">
        <v>0.91822046000000002</v>
      </c>
      <c r="F677">
        <v>882.79894999999999</v>
      </c>
      <c r="G677">
        <v>436.07317999999998</v>
      </c>
      <c r="H677">
        <v>0.98055990000000004</v>
      </c>
      <c r="I677">
        <v>875.35860000000002</v>
      </c>
      <c r="J677">
        <v>580.21074999999996</v>
      </c>
      <c r="K677">
        <v>0.95506745999999998</v>
      </c>
      <c r="L677">
        <f t="shared" si="91"/>
        <v>837.53538333333336</v>
      </c>
      <c r="M677">
        <f t="shared" si="92"/>
        <v>506.38292333333334</v>
      </c>
      <c r="N677">
        <f t="shared" si="93"/>
        <v>-3.5094986038957807</v>
      </c>
      <c r="O677">
        <f t="shared" si="94"/>
        <v>2.8111358464773537</v>
      </c>
      <c r="Q677">
        <v>976.75239999999997</v>
      </c>
      <c r="R677">
        <v>510.92993000000001</v>
      </c>
      <c r="S677">
        <v>0.89820449999999996</v>
      </c>
      <c r="T677">
        <v>1097.6737000000001</v>
      </c>
      <c r="U677">
        <v>431.81076000000002</v>
      </c>
      <c r="V677">
        <v>0.96118444000000003</v>
      </c>
      <c r="W677">
        <v>1104.5347999999999</v>
      </c>
      <c r="X677">
        <v>576.63969999999995</v>
      </c>
      <c r="Y677">
        <v>0.90451110000000001</v>
      </c>
      <c r="Z677">
        <f t="shared" si="95"/>
        <v>1059.6536333333333</v>
      </c>
      <c r="AA677">
        <f t="shared" si="96"/>
        <v>506.46012999999999</v>
      </c>
      <c r="AB677">
        <f t="shared" si="97"/>
        <v>5.5496132497189317</v>
      </c>
      <c r="AC677">
        <f t="shared" si="98"/>
        <v>2.7320139071723486</v>
      </c>
    </row>
    <row r="678" spans="1:29" x14ac:dyDescent="0.4">
      <c r="A678">
        <v>675</v>
      </c>
      <c r="B678">
        <f t="shared" si="90"/>
        <v>22.5</v>
      </c>
      <c r="C678">
        <v>754.53045999999995</v>
      </c>
      <c r="D678">
        <v>502.71960000000001</v>
      </c>
      <c r="E678">
        <v>0.92683530000000003</v>
      </c>
      <c r="F678">
        <v>882.77650000000006</v>
      </c>
      <c r="G678">
        <v>436.07373000000001</v>
      </c>
      <c r="H678">
        <v>0.97665869999999999</v>
      </c>
      <c r="I678">
        <v>875.16610000000003</v>
      </c>
      <c r="J678">
        <v>580.31410000000005</v>
      </c>
      <c r="K678">
        <v>0.95210969999999995</v>
      </c>
      <c r="L678">
        <f t="shared" si="91"/>
        <v>837.49101999999993</v>
      </c>
      <c r="M678">
        <f t="shared" si="92"/>
        <v>506.36914333333334</v>
      </c>
      <c r="N678">
        <f t="shared" si="93"/>
        <v>-3.511297500944413</v>
      </c>
      <c r="O678">
        <f t="shared" si="94"/>
        <v>2.8117133554652187</v>
      </c>
      <c r="Q678">
        <v>976.68615999999997</v>
      </c>
      <c r="R678">
        <v>510.92649999999998</v>
      </c>
      <c r="S678">
        <v>0.88973530000000001</v>
      </c>
      <c r="T678">
        <v>1097.6321</v>
      </c>
      <c r="U678">
        <v>431.76504999999997</v>
      </c>
      <c r="V678">
        <v>0.95811469999999999</v>
      </c>
      <c r="W678">
        <v>1104.5382</v>
      </c>
      <c r="X678">
        <v>576.64746000000002</v>
      </c>
      <c r="Y678">
        <v>0.89164969999999999</v>
      </c>
      <c r="Z678">
        <f t="shared" si="95"/>
        <v>1059.6188199999999</v>
      </c>
      <c r="AA678">
        <f t="shared" si="96"/>
        <v>506.4463366666667</v>
      </c>
      <c r="AB678">
        <f t="shared" si="97"/>
        <v>5.5481931466759962</v>
      </c>
      <c r="AC678">
        <f t="shared" si="98"/>
        <v>2.7325889292816901</v>
      </c>
    </row>
    <row r="679" spans="1:29" x14ac:dyDescent="0.4">
      <c r="A679">
        <v>676</v>
      </c>
      <c r="B679">
        <f t="shared" si="90"/>
        <v>22.533333333333335</v>
      </c>
      <c r="C679">
        <v>754.43353000000002</v>
      </c>
      <c r="D679">
        <v>502.61971999999997</v>
      </c>
      <c r="E679">
        <v>0.94532280000000002</v>
      </c>
      <c r="F679">
        <v>882.58370000000002</v>
      </c>
      <c r="G679">
        <v>436.13123000000002</v>
      </c>
      <c r="H679">
        <v>0.97981143000000004</v>
      </c>
      <c r="I679">
        <v>875.16010000000006</v>
      </c>
      <c r="J679">
        <v>580.26769999999999</v>
      </c>
      <c r="K679">
        <v>0.94110740000000004</v>
      </c>
      <c r="L679">
        <f t="shared" si="91"/>
        <v>837.39244333333329</v>
      </c>
      <c r="M679">
        <f t="shared" si="92"/>
        <v>506.33954999999997</v>
      </c>
      <c r="N679">
        <f t="shared" si="93"/>
        <v>-3.5152950287490099</v>
      </c>
      <c r="O679">
        <f t="shared" si="94"/>
        <v>2.8129547086026463</v>
      </c>
      <c r="Q679">
        <v>976.57460000000003</v>
      </c>
      <c r="R679">
        <v>510.78622000000001</v>
      </c>
      <c r="S679">
        <v>0.8899821</v>
      </c>
      <c r="T679">
        <v>1097.5247999999999</v>
      </c>
      <c r="U679">
        <v>431.80761999999999</v>
      </c>
      <c r="V679">
        <v>0.962171</v>
      </c>
      <c r="W679">
        <v>1104.4883</v>
      </c>
      <c r="X679">
        <v>576.56510000000003</v>
      </c>
      <c r="Y679">
        <v>0.89534336000000003</v>
      </c>
      <c r="Z679">
        <f t="shared" si="95"/>
        <v>1059.5292333333334</v>
      </c>
      <c r="AA679">
        <f t="shared" si="96"/>
        <v>506.38631333333336</v>
      </c>
      <c r="AB679">
        <f t="shared" si="97"/>
        <v>5.544546695382536</v>
      </c>
      <c r="AC679">
        <f t="shared" si="98"/>
        <v>2.7350698477181528</v>
      </c>
    </row>
    <row r="680" spans="1:29" x14ac:dyDescent="0.4">
      <c r="A680">
        <v>677</v>
      </c>
      <c r="B680">
        <f t="shared" si="90"/>
        <v>22.566666666666666</v>
      </c>
      <c r="C680">
        <v>754.44524999999999</v>
      </c>
      <c r="D680">
        <v>502.56405999999998</v>
      </c>
      <c r="E680">
        <v>0.94040924000000004</v>
      </c>
      <c r="F680">
        <v>882.58214999999996</v>
      </c>
      <c r="G680">
        <v>436.13382000000001</v>
      </c>
      <c r="H680">
        <v>0.96870893000000002</v>
      </c>
      <c r="I680">
        <v>875.10222999999996</v>
      </c>
      <c r="J680">
        <v>580.23810000000003</v>
      </c>
      <c r="K680">
        <v>0.92931074000000002</v>
      </c>
      <c r="L680">
        <f t="shared" si="91"/>
        <v>837.3765433333333</v>
      </c>
      <c r="M680">
        <f t="shared" si="92"/>
        <v>506.31199333333331</v>
      </c>
      <c r="N680">
        <f t="shared" si="93"/>
        <v>-3.5159324229584215</v>
      </c>
      <c r="O680">
        <f t="shared" si="94"/>
        <v>2.8140848971433421</v>
      </c>
      <c r="Q680">
        <v>976.5444</v>
      </c>
      <c r="R680">
        <v>510.84818000000001</v>
      </c>
      <c r="S680">
        <v>0.88677510000000004</v>
      </c>
      <c r="T680">
        <v>1097.4265</v>
      </c>
      <c r="U680">
        <v>431.69598000000002</v>
      </c>
      <c r="V680">
        <v>0.95731449999999996</v>
      </c>
      <c r="W680">
        <v>1104.5440000000001</v>
      </c>
      <c r="X680">
        <v>576.5874</v>
      </c>
      <c r="Y680">
        <v>0.89916609999999997</v>
      </c>
      <c r="Z680">
        <f t="shared" si="95"/>
        <v>1059.5049666666666</v>
      </c>
      <c r="AA680">
        <f t="shared" si="96"/>
        <v>506.37718666666666</v>
      </c>
      <c r="AB680">
        <f t="shared" si="97"/>
        <v>5.5435566565031955</v>
      </c>
      <c r="AC680">
        <f t="shared" si="98"/>
        <v>2.7354507484744572</v>
      </c>
    </row>
    <row r="681" spans="1:29" x14ac:dyDescent="0.4">
      <c r="A681">
        <v>678</v>
      </c>
      <c r="B681">
        <f t="shared" si="90"/>
        <v>22.6</v>
      </c>
      <c r="C681">
        <v>754.3691</v>
      </c>
      <c r="D681">
        <v>502.57272</v>
      </c>
      <c r="E681">
        <v>0.93856304999999995</v>
      </c>
      <c r="F681">
        <v>882.58605999999997</v>
      </c>
      <c r="G681">
        <v>436.14688000000001</v>
      </c>
      <c r="H681">
        <v>0.96022240000000003</v>
      </c>
      <c r="I681">
        <v>874.9796</v>
      </c>
      <c r="J681">
        <v>580.13919999999996</v>
      </c>
      <c r="K681">
        <v>0.92031956000000004</v>
      </c>
      <c r="L681">
        <f t="shared" si="91"/>
        <v>837.3115866666667</v>
      </c>
      <c r="M681">
        <f t="shared" si="92"/>
        <v>506.28626666666668</v>
      </c>
      <c r="N681">
        <f t="shared" si="93"/>
        <v>-3.5185645495098719</v>
      </c>
      <c r="O681">
        <f t="shared" si="94"/>
        <v>2.8151570221403288</v>
      </c>
      <c r="Q681">
        <v>976.51404000000002</v>
      </c>
      <c r="R681">
        <v>510.87191999999999</v>
      </c>
      <c r="S681">
        <v>0.88910270000000002</v>
      </c>
      <c r="T681">
        <v>1097.3021000000001</v>
      </c>
      <c r="U681">
        <v>431.67734000000002</v>
      </c>
      <c r="V681">
        <v>0.96952474</v>
      </c>
      <c r="W681">
        <v>1104.5753</v>
      </c>
      <c r="X681">
        <v>576.6404</v>
      </c>
      <c r="Y681">
        <v>0.90074854999999998</v>
      </c>
      <c r="Z681">
        <f t="shared" si="95"/>
        <v>1059.4638133333333</v>
      </c>
      <c r="AA681">
        <f t="shared" si="96"/>
        <v>506.39655333333332</v>
      </c>
      <c r="AB681">
        <f t="shared" si="97"/>
        <v>5.5418663713281999</v>
      </c>
      <c r="AC681">
        <f t="shared" si="98"/>
        <v>2.7346744441638968</v>
      </c>
    </row>
    <row r="682" spans="1:29" x14ac:dyDescent="0.4">
      <c r="A682">
        <v>679</v>
      </c>
      <c r="B682">
        <f t="shared" si="90"/>
        <v>22.633333333333333</v>
      </c>
      <c r="C682">
        <v>754.42364999999995</v>
      </c>
      <c r="D682">
        <v>502.55533000000003</v>
      </c>
      <c r="E682">
        <v>0.94344570000000005</v>
      </c>
      <c r="F682">
        <v>882.50396999999998</v>
      </c>
      <c r="G682">
        <v>436.11446999999998</v>
      </c>
      <c r="H682">
        <v>0.97396990000000006</v>
      </c>
      <c r="I682">
        <v>874.88025000000005</v>
      </c>
      <c r="J682">
        <v>580.14513999999997</v>
      </c>
      <c r="K682">
        <v>0.92117760000000004</v>
      </c>
      <c r="L682">
        <f t="shared" si="91"/>
        <v>837.26929000000007</v>
      </c>
      <c r="M682">
        <f t="shared" si="92"/>
        <v>506.27164666666664</v>
      </c>
      <c r="N682">
        <f t="shared" si="93"/>
        <v>-3.5202791527741306</v>
      </c>
      <c r="O682">
        <f t="shared" si="94"/>
        <v>2.8157681163572694</v>
      </c>
      <c r="Q682">
        <v>976.60784999999998</v>
      </c>
      <c r="R682">
        <v>510.80883999999998</v>
      </c>
      <c r="S682">
        <v>0.89357949999999997</v>
      </c>
      <c r="T682">
        <v>1097.3304000000001</v>
      </c>
      <c r="U682">
        <v>431.61856</v>
      </c>
      <c r="V682">
        <v>0.96513269999999995</v>
      </c>
      <c r="W682">
        <v>1104.4069999999999</v>
      </c>
      <c r="X682">
        <v>576.65752999999995</v>
      </c>
      <c r="Y682">
        <v>0.89941950000000004</v>
      </c>
      <c r="Z682">
        <f t="shared" si="95"/>
        <v>1059.4484166666668</v>
      </c>
      <c r="AA682">
        <f t="shared" si="96"/>
        <v>506.36164333333335</v>
      </c>
      <c r="AB682">
        <f t="shared" si="97"/>
        <v>5.5412476583958856</v>
      </c>
      <c r="AC682">
        <f t="shared" si="98"/>
        <v>2.7361046996941236</v>
      </c>
    </row>
    <row r="683" spans="1:29" x14ac:dyDescent="0.4">
      <c r="A683">
        <v>680</v>
      </c>
      <c r="B683">
        <f t="shared" si="90"/>
        <v>22.666666666666668</v>
      </c>
      <c r="C683">
        <v>754.44449999999995</v>
      </c>
      <c r="D683">
        <v>502.45737000000003</v>
      </c>
      <c r="E683">
        <v>0.94727576000000002</v>
      </c>
      <c r="F683">
        <v>882.57650000000001</v>
      </c>
      <c r="G683">
        <v>435.98700000000002</v>
      </c>
      <c r="H683">
        <v>0.97377290000000005</v>
      </c>
      <c r="I683">
        <v>874.89104999999995</v>
      </c>
      <c r="J683">
        <v>580.05409999999995</v>
      </c>
      <c r="K683">
        <v>0.9262435</v>
      </c>
      <c r="L683">
        <f t="shared" si="91"/>
        <v>837.3040166666666</v>
      </c>
      <c r="M683">
        <f t="shared" si="92"/>
        <v>506.16615666666667</v>
      </c>
      <c r="N683">
        <f t="shared" si="93"/>
        <v>-3.51883331351037</v>
      </c>
      <c r="O683">
        <f t="shared" si="94"/>
        <v>2.8200621878516019</v>
      </c>
      <c r="Q683">
        <v>976.47295999999994</v>
      </c>
      <c r="R683">
        <v>510.84557999999998</v>
      </c>
      <c r="S683">
        <v>0.89873930000000002</v>
      </c>
      <c r="T683">
        <v>1097.2496000000001</v>
      </c>
      <c r="U683">
        <v>431.59912000000003</v>
      </c>
      <c r="V683">
        <v>0.95912516000000003</v>
      </c>
      <c r="W683">
        <v>1104.4012</v>
      </c>
      <c r="X683">
        <v>576.65355999999997</v>
      </c>
      <c r="Y683">
        <v>0.89134013999999995</v>
      </c>
      <c r="Z683">
        <f t="shared" si="95"/>
        <v>1059.3745866666668</v>
      </c>
      <c r="AA683">
        <f t="shared" si="96"/>
        <v>506.36608666666666</v>
      </c>
      <c r="AB683">
        <f t="shared" si="97"/>
        <v>5.5382250825820343</v>
      </c>
      <c r="AC683">
        <f t="shared" si="98"/>
        <v>2.7359488036726747</v>
      </c>
    </row>
    <row r="684" spans="1:29" x14ac:dyDescent="0.4">
      <c r="A684">
        <v>681</v>
      </c>
      <c r="B684">
        <f t="shared" si="90"/>
        <v>22.7</v>
      </c>
      <c r="C684">
        <v>754.45374000000004</v>
      </c>
      <c r="D684">
        <v>502.17795000000001</v>
      </c>
      <c r="E684">
        <v>0.94162153999999998</v>
      </c>
      <c r="F684">
        <v>882.71105999999997</v>
      </c>
      <c r="G684">
        <v>435.88733000000002</v>
      </c>
      <c r="H684">
        <v>0.97394570000000003</v>
      </c>
      <c r="I684">
        <v>874.85393999999997</v>
      </c>
      <c r="J684">
        <v>579.98659999999995</v>
      </c>
      <c r="K684">
        <v>0.93342453000000003</v>
      </c>
      <c r="L684">
        <f t="shared" si="91"/>
        <v>837.33957999999996</v>
      </c>
      <c r="M684">
        <f t="shared" si="92"/>
        <v>506.01729333333333</v>
      </c>
      <c r="N684">
        <f t="shared" si="93"/>
        <v>-3.5173393951084182</v>
      </c>
      <c r="O684">
        <f t="shared" si="94"/>
        <v>2.8261263616936896</v>
      </c>
      <c r="Q684">
        <v>976.31420000000003</v>
      </c>
      <c r="R684">
        <v>510.82535000000001</v>
      </c>
      <c r="S684">
        <v>0.89986085999999998</v>
      </c>
      <c r="T684">
        <v>1097.1669999999999</v>
      </c>
      <c r="U684">
        <v>431.66608000000002</v>
      </c>
      <c r="V684">
        <v>0.95429646999999995</v>
      </c>
      <c r="W684">
        <v>1104.3154</v>
      </c>
      <c r="X684">
        <v>576.59820000000002</v>
      </c>
      <c r="Y684">
        <v>0.89198920000000004</v>
      </c>
      <c r="Z684">
        <f t="shared" si="95"/>
        <v>1059.2655333333335</v>
      </c>
      <c r="AA684">
        <f t="shared" si="96"/>
        <v>506.36320999999998</v>
      </c>
      <c r="AB684">
        <f t="shared" si="97"/>
        <v>5.5337635487704819</v>
      </c>
      <c r="AC684">
        <f t="shared" si="98"/>
        <v>2.7361038440425149</v>
      </c>
    </row>
    <row r="685" spans="1:29" x14ac:dyDescent="0.4">
      <c r="A685">
        <v>682</v>
      </c>
      <c r="B685">
        <f t="shared" si="90"/>
        <v>22.733333333333334</v>
      </c>
      <c r="C685">
        <v>754.38689999999997</v>
      </c>
      <c r="D685">
        <v>502.34158000000002</v>
      </c>
      <c r="E685">
        <v>0.94286614999999996</v>
      </c>
      <c r="F685">
        <v>882.71270000000004</v>
      </c>
      <c r="G685">
        <v>435.84848</v>
      </c>
      <c r="H685">
        <v>0.97205109999999995</v>
      </c>
      <c r="I685">
        <v>874.89275999999995</v>
      </c>
      <c r="J685">
        <v>579.92070000000001</v>
      </c>
      <c r="K685">
        <v>0.94647764999999995</v>
      </c>
      <c r="L685">
        <f t="shared" si="91"/>
        <v>837.33078666666677</v>
      </c>
      <c r="M685">
        <f t="shared" si="92"/>
        <v>506.03692000000001</v>
      </c>
      <c r="N685">
        <f t="shared" si="93"/>
        <v>-3.517703206962318</v>
      </c>
      <c r="O685">
        <f t="shared" si="94"/>
        <v>2.8253282318543391</v>
      </c>
      <c r="Q685">
        <v>976.30993999999998</v>
      </c>
      <c r="R685">
        <v>510.76830000000001</v>
      </c>
      <c r="S685">
        <v>0.89857520000000002</v>
      </c>
      <c r="T685">
        <v>1097.1973</v>
      </c>
      <c r="U685">
        <v>431.78278</v>
      </c>
      <c r="V685">
        <v>0.96729266999999997</v>
      </c>
      <c r="W685">
        <v>1104.3073999999999</v>
      </c>
      <c r="X685">
        <v>576.56179999999995</v>
      </c>
      <c r="Y685">
        <v>0.89454526000000001</v>
      </c>
      <c r="Z685">
        <f t="shared" si="95"/>
        <v>1059.2715466666666</v>
      </c>
      <c r="AA685">
        <f t="shared" si="96"/>
        <v>506.37095999999997</v>
      </c>
      <c r="AB685">
        <f t="shared" si="97"/>
        <v>5.5340071007900056</v>
      </c>
      <c r="AC685">
        <f t="shared" si="98"/>
        <v>2.7357854328644859</v>
      </c>
    </row>
    <row r="686" spans="1:29" x14ac:dyDescent="0.4">
      <c r="A686">
        <v>683</v>
      </c>
      <c r="B686">
        <f t="shared" si="90"/>
        <v>22.766666666666666</v>
      </c>
      <c r="C686">
        <v>754.43370000000004</v>
      </c>
      <c r="D686">
        <v>502.32053000000002</v>
      </c>
      <c r="E686">
        <v>0.94016489999999997</v>
      </c>
      <c r="F686">
        <v>882.70180000000005</v>
      </c>
      <c r="G686">
        <v>435.79113999999998</v>
      </c>
      <c r="H686">
        <v>0.97443449999999998</v>
      </c>
      <c r="I686">
        <v>874.79723999999999</v>
      </c>
      <c r="J686">
        <v>579.89056000000005</v>
      </c>
      <c r="K686">
        <v>0.93905156999999995</v>
      </c>
      <c r="L686">
        <f t="shared" si="91"/>
        <v>837.31091333333336</v>
      </c>
      <c r="M686">
        <f t="shared" si="92"/>
        <v>506.00074333333333</v>
      </c>
      <c r="N686">
        <f t="shared" si="93"/>
        <v>-3.5184993187567173</v>
      </c>
      <c r="O686">
        <f t="shared" si="94"/>
        <v>2.8268116106540533</v>
      </c>
      <c r="Q686">
        <v>976.32640000000004</v>
      </c>
      <c r="R686">
        <v>510.96102999999999</v>
      </c>
      <c r="S686">
        <v>0.89628154000000004</v>
      </c>
      <c r="T686">
        <v>1097.1555000000001</v>
      </c>
      <c r="U686">
        <v>431.71008</v>
      </c>
      <c r="V686">
        <v>0.96117799999999998</v>
      </c>
      <c r="W686">
        <v>1104.3003000000001</v>
      </c>
      <c r="X686">
        <v>576.42834000000005</v>
      </c>
      <c r="Y686">
        <v>0.89400219999999997</v>
      </c>
      <c r="Z686">
        <f t="shared" si="95"/>
        <v>1059.2607333333335</v>
      </c>
      <c r="AA686">
        <f t="shared" si="96"/>
        <v>506.36648333333341</v>
      </c>
      <c r="AB686">
        <f t="shared" si="97"/>
        <v>5.5335660713191093</v>
      </c>
      <c r="AC686">
        <f t="shared" si="98"/>
        <v>2.7359718902304384</v>
      </c>
    </row>
    <row r="687" spans="1:29" x14ac:dyDescent="0.4">
      <c r="A687">
        <v>684</v>
      </c>
      <c r="B687">
        <f t="shared" si="90"/>
        <v>22.8</v>
      </c>
      <c r="C687">
        <v>754.44055000000003</v>
      </c>
      <c r="D687">
        <v>502.14096000000001</v>
      </c>
      <c r="E687">
        <v>0.94737554000000002</v>
      </c>
      <c r="F687">
        <v>882.59950000000003</v>
      </c>
      <c r="G687">
        <v>435.80518000000001</v>
      </c>
      <c r="H687">
        <v>0.97891660000000003</v>
      </c>
      <c r="I687">
        <v>874.72469999999998</v>
      </c>
      <c r="J687">
        <v>579.88367000000005</v>
      </c>
      <c r="K687">
        <v>0.93435860000000004</v>
      </c>
      <c r="L687">
        <f t="shared" si="91"/>
        <v>837.25491666666676</v>
      </c>
      <c r="M687">
        <f t="shared" si="92"/>
        <v>505.94327000000004</v>
      </c>
      <c r="N687">
        <f t="shared" si="93"/>
        <v>-3.5207569230980127</v>
      </c>
      <c r="O687">
        <f t="shared" si="94"/>
        <v>2.8291765125026838</v>
      </c>
      <c r="Q687">
        <v>976.27210000000002</v>
      </c>
      <c r="R687">
        <v>510.77222</v>
      </c>
      <c r="S687">
        <v>0.9036478</v>
      </c>
      <c r="T687">
        <v>1097.1445000000001</v>
      </c>
      <c r="U687">
        <v>431.71850000000001</v>
      </c>
      <c r="V687">
        <v>0.9799078</v>
      </c>
      <c r="W687">
        <v>1104.1783</v>
      </c>
      <c r="X687">
        <v>576.37699999999995</v>
      </c>
      <c r="Y687">
        <v>0.89632900000000004</v>
      </c>
      <c r="Z687">
        <f t="shared" si="95"/>
        <v>1059.1983</v>
      </c>
      <c r="AA687">
        <f t="shared" si="96"/>
        <v>506.28924000000001</v>
      </c>
      <c r="AB687">
        <f t="shared" si="97"/>
        <v>5.5310363549948773</v>
      </c>
      <c r="AC687">
        <f t="shared" si="98"/>
        <v>2.7391463175764503</v>
      </c>
    </row>
    <row r="688" spans="1:29" x14ac:dyDescent="0.4">
      <c r="A688">
        <v>685</v>
      </c>
      <c r="B688">
        <f t="shared" si="90"/>
        <v>22.833333333333332</v>
      </c>
      <c r="C688">
        <v>754.42633000000001</v>
      </c>
      <c r="D688">
        <v>502.16574000000003</v>
      </c>
      <c r="E688">
        <v>0.9560073</v>
      </c>
      <c r="F688">
        <v>882.4692</v>
      </c>
      <c r="G688">
        <v>435.81042000000002</v>
      </c>
      <c r="H688">
        <v>0.96332245999999999</v>
      </c>
      <c r="I688">
        <v>874.60490000000004</v>
      </c>
      <c r="J688">
        <v>579.78503000000001</v>
      </c>
      <c r="K688">
        <v>0.91990744999999996</v>
      </c>
      <c r="L688">
        <f t="shared" si="91"/>
        <v>837.16681000000005</v>
      </c>
      <c r="M688">
        <f t="shared" si="92"/>
        <v>505.9203966666667</v>
      </c>
      <c r="N688">
        <f t="shared" si="93"/>
        <v>-3.5243310014485725</v>
      </c>
      <c r="O688">
        <f t="shared" si="94"/>
        <v>2.8301400165073161</v>
      </c>
      <c r="Q688">
        <v>976.25779999999997</v>
      </c>
      <c r="R688">
        <v>510.75006000000002</v>
      </c>
      <c r="S688">
        <v>0.90730953000000003</v>
      </c>
      <c r="T688">
        <v>1097.1144999999999</v>
      </c>
      <c r="U688">
        <v>431.77728000000002</v>
      </c>
      <c r="V688">
        <v>0.96041889999999996</v>
      </c>
      <c r="W688">
        <v>1104.2843</v>
      </c>
      <c r="X688">
        <v>576.39030000000002</v>
      </c>
      <c r="Y688">
        <v>0.89181094999999999</v>
      </c>
      <c r="Z688">
        <f t="shared" si="95"/>
        <v>1059.2188666666668</v>
      </c>
      <c r="AA688">
        <f t="shared" si="96"/>
        <v>506.30588000000006</v>
      </c>
      <c r="AB688">
        <f t="shared" si="97"/>
        <v>5.5318725443829795</v>
      </c>
      <c r="AC688">
        <f t="shared" si="98"/>
        <v>2.7384600174945617</v>
      </c>
    </row>
    <row r="689" spans="1:29" x14ac:dyDescent="0.4">
      <c r="A689">
        <v>686</v>
      </c>
      <c r="B689">
        <f t="shared" si="90"/>
        <v>22.866666666666667</v>
      </c>
      <c r="C689">
        <v>754.32159999999999</v>
      </c>
      <c r="D689">
        <v>501.98218000000003</v>
      </c>
      <c r="E689">
        <v>0.94949675</v>
      </c>
      <c r="F689">
        <v>882.43110000000001</v>
      </c>
      <c r="G689">
        <v>435.77069999999998</v>
      </c>
      <c r="H689">
        <v>0.96066530000000006</v>
      </c>
      <c r="I689">
        <v>874.52874999999995</v>
      </c>
      <c r="J689">
        <v>579.70540000000005</v>
      </c>
      <c r="K689">
        <v>0.91455569999999997</v>
      </c>
      <c r="L689">
        <f t="shared" si="91"/>
        <v>837.09381666666661</v>
      </c>
      <c r="M689">
        <f t="shared" si="92"/>
        <v>505.81942666666669</v>
      </c>
      <c r="N689">
        <f t="shared" si="93"/>
        <v>-3.5272653931843774</v>
      </c>
      <c r="O689">
        <f t="shared" si="94"/>
        <v>2.8342861001866737</v>
      </c>
      <c r="Q689">
        <v>975.92899999999997</v>
      </c>
      <c r="R689">
        <v>510.80040000000002</v>
      </c>
      <c r="S689">
        <v>0.8980011</v>
      </c>
      <c r="T689">
        <v>1097.0003999999999</v>
      </c>
      <c r="U689">
        <v>431.65499999999997</v>
      </c>
      <c r="V689">
        <v>0.95885825000000002</v>
      </c>
      <c r="W689">
        <v>1104.2546</v>
      </c>
      <c r="X689">
        <v>576.35333000000003</v>
      </c>
      <c r="Y689">
        <v>0.88866239999999996</v>
      </c>
      <c r="Z689">
        <f t="shared" si="95"/>
        <v>1059.0613333333333</v>
      </c>
      <c r="AA689">
        <f t="shared" si="96"/>
        <v>506.26957666666675</v>
      </c>
      <c r="AB689">
        <f t="shared" si="97"/>
        <v>5.5254380824251212</v>
      </c>
      <c r="AC689">
        <f t="shared" si="98"/>
        <v>2.7399961782209461</v>
      </c>
    </row>
    <row r="690" spans="1:29" x14ac:dyDescent="0.4">
      <c r="A690">
        <v>687</v>
      </c>
      <c r="B690">
        <f t="shared" si="90"/>
        <v>22.9</v>
      </c>
      <c r="C690">
        <v>754.24279999999999</v>
      </c>
      <c r="D690">
        <v>501.80099999999999</v>
      </c>
      <c r="E690">
        <v>0.94745170000000001</v>
      </c>
      <c r="F690">
        <v>882.45556999999997</v>
      </c>
      <c r="G690">
        <v>435.7269</v>
      </c>
      <c r="H690">
        <v>0.95562994000000001</v>
      </c>
      <c r="I690">
        <v>874.41016000000002</v>
      </c>
      <c r="J690">
        <v>579.71094000000005</v>
      </c>
      <c r="K690">
        <v>0.91384374999999995</v>
      </c>
      <c r="L690">
        <f t="shared" si="91"/>
        <v>837.03617666666662</v>
      </c>
      <c r="M690">
        <f t="shared" si="92"/>
        <v>505.74628000000001</v>
      </c>
      <c r="N690">
        <f t="shared" si="93"/>
        <v>-3.5295846994284923</v>
      </c>
      <c r="O690">
        <f t="shared" si="94"/>
        <v>2.8372912986968619</v>
      </c>
      <c r="Q690">
        <v>976.25429999999994</v>
      </c>
      <c r="R690">
        <v>510.76315</v>
      </c>
      <c r="S690">
        <v>0.90777300000000005</v>
      </c>
      <c r="T690">
        <v>1096.8684000000001</v>
      </c>
      <c r="U690">
        <v>431.63015999999999</v>
      </c>
      <c r="V690">
        <v>0.96815759999999995</v>
      </c>
      <c r="W690">
        <v>1104.2507000000001</v>
      </c>
      <c r="X690">
        <v>576.33514000000002</v>
      </c>
      <c r="Y690">
        <v>0.89211220000000002</v>
      </c>
      <c r="Z690">
        <f t="shared" si="95"/>
        <v>1059.1244666666666</v>
      </c>
      <c r="AA690">
        <f t="shared" si="96"/>
        <v>506.24281666666667</v>
      </c>
      <c r="AB690">
        <f t="shared" si="97"/>
        <v>5.5280301622516061</v>
      </c>
      <c r="AC690">
        <f t="shared" si="98"/>
        <v>2.7410666773030647</v>
      </c>
    </row>
    <row r="691" spans="1:29" x14ac:dyDescent="0.4">
      <c r="A691">
        <v>688</v>
      </c>
      <c r="B691">
        <f t="shared" si="90"/>
        <v>22.933333333333334</v>
      </c>
      <c r="C691">
        <v>754.351</v>
      </c>
      <c r="D691">
        <v>501.69189999999998</v>
      </c>
      <c r="E691">
        <v>0.95407545999999999</v>
      </c>
      <c r="F691">
        <v>882.48694</v>
      </c>
      <c r="G691">
        <v>435.61626999999999</v>
      </c>
      <c r="H691">
        <v>0.95083874000000002</v>
      </c>
      <c r="I691">
        <v>874.42510000000004</v>
      </c>
      <c r="J691">
        <v>579.54840000000002</v>
      </c>
      <c r="K691">
        <v>0.90948074999999995</v>
      </c>
      <c r="L691">
        <f t="shared" si="91"/>
        <v>837.08767999999998</v>
      </c>
      <c r="M691">
        <f t="shared" si="92"/>
        <v>505.61885666666666</v>
      </c>
      <c r="N691">
        <f t="shared" si="93"/>
        <v>-3.5274497931655624</v>
      </c>
      <c r="O691">
        <f t="shared" si="94"/>
        <v>2.8424749183370159</v>
      </c>
      <c r="Q691">
        <v>976.0838</v>
      </c>
      <c r="R691">
        <v>510.68454000000003</v>
      </c>
      <c r="S691">
        <v>0.90365463000000001</v>
      </c>
      <c r="T691">
        <v>1097.0293999999999</v>
      </c>
      <c r="U691">
        <v>431.5333</v>
      </c>
      <c r="V691">
        <v>0.95401232999999996</v>
      </c>
      <c r="W691">
        <v>1104.2927999999999</v>
      </c>
      <c r="X691">
        <v>576.33245999999997</v>
      </c>
      <c r="Y691">
        <v>0.88775760000000004</v>
      </c>
      <c r="Z691">
        <f t="shared" si="95"/>
        <v>1059.1353333333334</v>
      </c>
      <c r="AA691">
        <f t="shared" si="96"/>
        <v>506.18343333333331</v>
      </c>
      <c r="AB691">
        <f t="shared" si="97"/>
        <v>5.528494083372296</v>
      </c>
      <c r="AC691">
        <f t="shared" si="98"/>
        <v>2.7434868119227729</v>
      </c>
    </row>
    <row r="692" spans="1:29" x14ac:dyDescent="0.4">
      <c r="A692">
        <v>689</v>
      </c>
      <c r="B692">
        <f t="shared" si="90"/>
        <v>22.966666666666665</v>
      </c>
      <c r="C692">
        <v>754.2998</v>
      </c>
      <c r="D692">
        <v>501.69209999999998</v>
      </c>
      <c r="E692">
        <v>0.952596</v>
      </c>
      <c r="F692">
        <v>882.51829999999995</v>
      </c>
      <c r="G692">
        <v>435.56909999999999</v>
      </c>
      <c r="H692">
        <v>0.96051249999999999</v>
      </c>
      <c r="I692">
        <v>874.41785000000004</v>
      </c>
      <c r="J692">
        <v>579.44880000000001</v>
      </c>
      <c r="K692">
        <v>0.92336819999999997</v>
      </c>
      <c r="L692">
        <f t="shared" si="91"/>
        <v>837.07865000000004</v>
      </c>
      <c r="M692">
        <f t="shared" si="92"/>
        <v>505.57</v>
      </c>
      <c r="N692">
        <f t="shared" si="93"/>
        <v>-3.5278010111278419</v>
      </c>
      <c r="O692">
        <f t="shared" si="94"/>
        <v>2.8444721773990755</v>
      </c>
      <c r="Q692">
        <v>976.0752</v>
      </c>
      <c r="R692">
        <v>510.53026999999997</v>
      </c>
      <c r="S692">
        <v>0.91240524999999995</v>
      </c>
      <c r="T692">
        <v>1097.0048999999999</v>
      </c>
      <c r="U692">
        <v>431.60090000000002</v>
      </c>
      <c r="V692">
        <v>0.97109080000000003</v>
      </c>
      <c r="W692">
        <v>1104.2552000000001</v>
      </c>
      <c r="X692">
        <v>576.28467000000001</v>
      </c>
      <c r="Y692">
        <v>0.88236976</v>
      </c>
      <c r="Z692">
        <f t="shared" si="95"/>
        <v>1059.1117666666667</v>
      </c>
      <c r="AA692">
        <f t="shared" si="96"/>
        <v>506.13861333333335</v>
      </c>
      <c r="AB692">
        <f t="shared" si="97"/>
        <v>5.5275442761640168</v>
      </c>
      <c r="AC692">
        <f t="shared" si="98"/>
        <v>2.7453243844201247</v>
      </c>
    </row>
    <row r="693" spans="1:29" x14ac:dyDescent="0.4">
      <c r="A693">
        <v>690</v>
      </c>
      <c r="B693">
        <f t="shared" si="90"/>
        <v>23</v>
      </c>
      <c r="C693">
        <v>754.41016000000002</v>
      </c>
      <c r="D693">
        <v>501.64093000000003</v>
      </c>
      <c r="E693">
        <v>0.95703965000000002</v>
      </c>
      <c r="F693">
        <v>882.61273000000006</v>
      </c>
      <c r="G693">
        <v>435.46267999999998</v>
      </c>
      <c r="H693">
        <v>0.96861976000000005</v>
      </c>
      <c r="I693">
        <v>874.33929999999998</v>
      </c>
      <c r="J693">
        <v>579.42129999999997</v>
      </c>
      <c r="K693">
        <v>0.93356364999999997</v>
      </c>
      <c r="L693">
        <f t="shared" si="91"/>
        <v>837.12073000000009</v>
      </c>
      <c r="M693">
        <f t="shared" si="92"/>
        <v>505.50830333333334</v>
      </c>
      <c r="N693">
        <f t="shared" si="93"/>
        <v>-3.5260704727994661</v>
      </c>
      <c r="O693">
        <f t="shared" si="94"/>
        <v>2.8469762003147134</v>
      </c>
      <c r="Q693">
        <v>976.09546</v>
      </c>
      <c r="R693">
        <v>510.54687999999999</v>
      </c>
      <c r="S693">
        <v>0.91407000000000005</v>
      </c>
      <c r="T693">
        <v>1096.9342999999999</v>
      </c>
      <c r="U693">
        <v>431.49889999999999</v>
      </c>
      <c r="V693">
        <v>0.96901499999999996</v>
      </c>
      <c r="W693">
        <v>1104.2048</v>
      </c>
      <c r="X693">
        <v>576.23969999999997</v>
      </c>
      <c r="Y693">
        <v>0.8857874</v>
      </c>
      <c r="Z693">
        <f t="shared" si="95"/>
        <v>1059.0781866666666</v>
      </c>
      <c r="AA693">
        <f t="shared" si="96"/>
        <v>506.09516000000002</v>
      </c>
      <c r="AB693">
        <f t="shared" si="97"/>
        <v>5.5261842833394139</v>
      </c>
      <c r="AC693">
        <f t="shared" si="98"/>
        <v>2.7471096264709818</v>
      </c>
    </row>
    <row r="694" spans="1:29" x14ac:dyDescent="0.4">
      <c r="A694">
        <v>691</v>
      </c>
      <c r="B694">
        <f t="shared" si="90"/>
        <v>23.033333333333335</v>
      </c>
      <c r="C694">
        <v>754.51904000000002</v>
      </c>
      <c r="D694">
        <v>501.56934000000001</v>
      </c>
      <c r="E694">
        <v>0.95385600000000004</v>
      </c>
      <c r="F694">
        <v>882.61707000000001</v>
      </c>
      <c r="G694">
        <v>435.36667</v>
      </c>
      <c r="H694">
        <v>0.96080589999999999</v>
      </c>
      <c r="I694">
        <v>874.24310000000003</v>
      </c>
      <c r="J694">
        <v>579.39440000000002</v>
      </c>
      <c r="K694">
        <v>0.93647119999999995</v>
      </c>
      <c r="L694">
        <f t="shared" si="91"/>
        <v>837.12640333333331</v>
      </c>
      <c r="M694">
        <f t="shared" si="92"/>
        <v>505.44346999999999</v>
      </c>
      <c r="N694">
        <f t="shared" si="93"/>
        <v>-3.5258188267165362</v>
      </c>
      <c r="O694">
        <f t="shared" si="94"/>
        <v>2.8496205953685001</v>
      </c>
      <c r="Q694">
        <v>976.06470000000002</v>
      </c>
      <c r="R694">
        <v>510.48275999999998</v>
      </c>
      <c r="S694">
        <v>0.92190669999999997</v>
      </c>
      <c r="T694">
        <v>1096.8986</v>
      </c>
      <c r="U694">
        <v>431.4271</v>
      </c>
      <c r="V694">
        <v>0.95894420000000002</v>
      </c>
      <c r="W694">
        <v>1104.0744999999999</v>
      </c>
      <c r="X694">
        <v>576.21465999999998</v>
      </c>
      <c r="Y694">
        <v>0.88247660000000006</v>
      </c>
      <c r="Z694">
        <f t="shared" si="95"/>
        <v>1059.0126</v>
      </c>
      <c r="AA694">
        <f t="shared" si="96"/>
        <v>506.04150666666663</v>
      </c>
      <c r="AB694">
        <f t="shared" si="97"/>
        <v>5.5235178973427717</v>
      </c>
      <c r="AC694">
        <f t="shared" si="98"/>
        <v>2.7493222477021479</v>
      </c>
    </row>
    <row r="695" spans="1:29" x14ac:dyDescent="0.4">
      <c r="A695">
        <v>692</v>
      </c>
      <c r="B695">
        <f t="shared" si="90"/>
        <v>23.066666666666666</v>
      </c>
      <c r="C695">
        <v>754.30115000000001</v>
      </c>
      <c r="D695">
        <v>501.44290000000001</v>
      </c>
      <c r="E695">
        <v>0.95454830000000002</v>
      </c>
      <c r="F695">
        <v>882.53827000000001</v>
      </c>
      <c r="G695">
        <v>435.30239999999998</v>
      </c>
      <c r="H695">
        <v>0.96948104999999996</v>
      </c>
      <c r="I695">
        <v>874.25940000000003</v>
      </c>
      <c r="J695">
        <v>579.32770000000005</v>
      </c>
      <c r="K695">
        <v>0.92210199999999998</v>
      </c>
      <c r="L695">
        <f t="shared" si="91"/>
        <v>837.03294000000005</v>
      </c>
      <c r="M695">
        <f t="shared" si="92"/>
        <v>505.35766666666672</v>
      </c>
      <c r="N695">
        <f t="shared" si="93"/>
        <v>-3.5295902248602227</v>
      </c>
      <c r="O695">
        <f t="shared" si="94"/>
        <v>2.8531545377475114</v>
      </c>
      <c r="Q695">
        <v>975.99369999999999</v>
      </c>
      <c r="R695">
        <v>510.50488000000001</v>
      </c>
      <c r="S695">
        <v>0.92229910000000004</v>
      </c>
      <c r="T695">
        <v>1096.8617999999999</v>
      </c>
      <c r="U695">
        <v>431.41305999999997</v>
      </c>
      <c r="V695">
        <v>0.95521319999999998</v>
      </c>
      <c r="W695">
        <v>1104.1528000000001</v>
      </c>
      <c r="X695">
        <v>576.14700000000005</v>
      </c>
      <c r="Y695">
        <v>0.88709249999999995</v>
      </c>
      <c r="Z695">
        <f t="shared" si="95"/>
        <v>1059.0027666666665</v>
      </c>
      <c r="AA695">
        <f t="shared" si="96"/>
        <v>506.02164666666675</v>
      </c>
      <c r="AB695">
        <f t="shared" si="97"/>
        <v>5.5231219617959706</v>
      </c>
      <c r="AC695">
        <f t="shared" si="98"/>
        <v>2.7501362753597784</v>
      </c>
    </row>
    <row r="696" spans="1:29" x14ac:dyDescent="0.4">
      <c r="A696">
        <v>693</v>
      </c>
      <c r="B696">
        <f t="shared" si="90"/>
        <v>23.1</v>
      </c>
      <c r="C696">
        <v>754.2921</v>
      </c>
      <c r="D696">
        <v>501.36783000000003</v>
      </c>
      <c r="E696">
        <v>0.95411140000000005</v>
      </c>
      <c r="F696">
        <v>882.50573999999995</v>
      </c>
      <c r="G696">
        <v>435.25470000000001</v>
      </c>
      <c r="H696">
        <v>0.98054410000000003</v>
      </c>
      <c r="I696">
        <v>874.26469999999995</v>
      </c>
      <c r="J696">
        <v>579.26419999999996</v>
      </c>
      <c r="K696">
        <v>0.92867213000000004</v>
      </c>
      <c r="L696">
        <f t="shared" si="91"/>
        <v>837.02084666666667</v>
      </c>
      <c r="M696">
        <f t="shared" si="92"/>
        <v>505.2955766666667</v>
      </c>
      <c r="N696">
        <f t="shared" si="93"/>
        <v>-3.5300616720618438</v>
      </c>
      <c r="O696">
        <f t="shared" si="94"/>
        <v>2.8556929772641917</v>
      </c>
      <c r="Q696">
        <v>975.8999</v>
      </c>
      <c r="R696">
        <v>510.54424999999998</v>
      </c>
      <c r="S696">
        <v>0.92357944999999997</v>
      </c>
      <c r="T696">
        <v>1096.8558</v>
      </c>
      <c r="U696">
        <v>431.44484999999997</v>
      </c>
      <c r="V696">
        <v>0.9573391</v>
      </c>
      <c r="W696">
        <v>1104.1723999999999</v>
      </c>
      <c r="X696">
        <v>576.13</v>
      </c>
      <c r="Y696">
        <v>0.88931835000000004</v>
      </c>
      <c r="Z696">
        <f t="shared" si="95"/>
        <v>1058.9760333333334</v>
      </c>
      <c r="AA696">
        <f t="shared" si="96"/>
        <v>506.03969999999998</v>
      </c>
      <c r="AB696">
        <f t="shared" si="97"/>
        <v>5.5220221883345433</v>
      </c>
      <c r="AC696">
        <f t="shared" si="98"/>
        <v>2.7494086059032936</v>
      </c>
    </row>
    <row r="697" spans="1:29" x14ac:dyDescent="0.4">
      <c r="A697">
        <v>694</v>
      </c>
      <c r="B697">
        <f t="shared" si="90"/>
        <v>23.133333333333333</v>
      </c>
      <c r="C697">
        <v>754.36699999999996</v>
      </c>
      <c r="D697">
        <v>501.20245</v>
      </c>
      <c r="E697">
        <v>0.95238</v>
      </c>
      <c r="F697">
        <v>882.41674999999998</v>
      </c>
      <c r="G697">
        <v>435.29678000000001</v>
      </c>
      <c r="H697">
        <v>0.97198814</v>
      </c>
      <c r="I697">
        <v>874.08420000000001</v>
      </c>
      <c r="J697">
        <v>579.21259999999995</v>
      </c>
      <c r="K697">
        <v>0.92360544</v>
      </c>
      <c r="L697">
        <f t="shared" si="91"/>
        <v>836.95598333333328</v>
      </c>
      <c r="M697">
        <f t="shared" si="92"/>
        <v>505.23727666666667</v>
      </c>
      <c r="N697">
        <f t="shared" si="93"/>
        <v>-3.5326794106076607</v>
      </c>
      <c r="O697">
        <f t="shared" si="94"/>
        <v>2.8580946096537296</v>
      </c>
      <c r="Q697">
        <v>975.74959999999999</v>
      </c>
      <c r="R697">
        <v>510.57042999999999</v>
      </c>
      <c r="S697">
        <v>0.91975549999999995</v>
      </c>
      <c r="T697">
        <v>1096.7876000000001</v>
      </c>
      <c r="U697">
        <v>431.46895999999998</v>
      </c>
      <c r="V697">
        <v>0.95344519999999999</v>
      </c>
      <c r="W697">
        <v>1104.2891</v>
      </c>
      <c r="X697">
        <v>576.10839999999996</v>
      </c>
      <c r="Y697">
        <v>0.88840026000000005</v>
      </c>
      <c r="Z697">
        <f t="shared" si="95"/>
        <v>1058.9421</v>
      </c>
      <c r="AA697">
        <f t="shared" si="96"/>
        <v>506.04926333333333</v>
      </c>
      <c r="AB697">
        <f t="shared" si="97"/>
        <v>5.520630548266344</v>
      </c>
      <c r="AC697">
        <f t="shared" si="98"/>
        <v>2.7490299606896302</v>
      </c>
    </row>
    <row r="698" spans="1:29" x14ac:dyDescent="0.4">
      <c r="A698">
        <v>695</v>
      </c>
      <c r="B698">
        <f t="shared" si="90"/>
        <v>23.166666666666668</v>
      </c>
      <c r="C698">
        <v>754.02549999999997</v>
      </c>
      <c r="D698">
        <v>501.03591999999998</v>
      </c>
      <c r="E698">
        <v>0.95268076999999995</v>
      </c>
      <c r="F698">
        <v>882.36099999999999</v>
      </c>
      <c r="G698">
        <v>435.21767999999997</v>
      </c>
      <c r="H698">
        <v>0.96870816000000004</v>
      </c>
      <c r="I698">
        <v>873.88840000000005</v>
      </c>
      <c r="J698">
        <v>579.24</v>
      </c>
      <c r="K698">
        <v>0.92429539999999999</v>
      </c>
      <c r="L698">
        <f t="shared" si="91"/>
        <v>836.75830000000008</v>
      </c>
      <c r="M698">
        <f t="shared" si="92"/>
        <v>505.16453333333334</v>
      </c>
      <c r="N698">
        <f t="shared" si="93"/>
        <v>-3.5406914706912911</v>
      </c>
      <c r="O698">
        <f t="shared" si="94"/>
        <v>2.8611308075011324</v>
      </c>
      <c r="Q698">
        <v>975.80786000000001</v>
      </c>
      <c r="R698">
        <v>510.58909999999997</v>
      </c>
      <c r="S698">
        <v>0.92102839999999997</v>
      </c>
      <c r="T698">
        <v>1096.8239000000001</v>
      </c>
      <c r="U698">
        <v>431.39037999999999</v>
      </c>
      <c r="V698">
        <v>0.95562625000000001</v>
      </c>
      <c r="W698">
        <v>1104.2750000000001</v>
      </c>
      <c r="X698">
        <v>576.03499999999997</v>
      </c>
      <c r="Y698">
        <v>0.88548784999999997</v>
      </c>
      <c r="Z698">
        <f t="shared" si="95"/>
        <v>1058.96892</v>
      </c>
      <c r="AA698">
        <f t="shared" si="96"/>
        <v>506.00482666666659</v>
      </c>
      <c r="AB698">
        <f t="shared" si="97"/>
        <v>5.5217424237843158</v>
      </c>
      <c r="AC698">
        <f t="shared" si="98"/>
        <v>2.7508345017000844</v>
      </c>
    </row>
    <row r="699" spans="1:29" x14ac:dyDescent="0.4">
      <c r="A699">
        <v>696</v>
      </c>
      <c r="B699">
        <f t="shared" si="90"/>
        <v>23.2</v>
      </c>
      <c r="C699">
        <v>753.89859999999999</v>
      </c>
      <c r="D699">
        <v>500.96496999999999</v>
      </c>
      <c r="E699">
        <v>0.96041969999999999</v>
      </c>
      <c r="F699">
        <v>882.37670000000003</v>
      </c>
      <c r="G699">
        <v>435.19490000000002</v>
      </c>
      <c r="H699">
        <v>0.97204672999999997</v>
      </c>
      <c r="I699">
        <v>873.84360000000004</v>
      </c>
      <c r="J699">
        <v>579.17664000000002</v>
      </c>
      <c r="K699">
        <v>0.92122274999999998</v>
      </c>
      <c r="L699">
        <f t="shared" si="91"/>
        <v>836.70629999999994</v>
      </c>
      <c r="M699">
        <f t="shared" si="92"/>
        <v>505.11217000000005</v>
      </c>
      <c r="N699">
        <f t="shared" si="93"/>
        <v>-3.5427882330688263</v>
      </c>
      <c r="O699">
        <f t="shared" si="94"/>
        <v>2.8632857574764357</v>
      </c>
      <c r="Q699">
        <v>975.83623999999998</v>
      </c>
      <c r="R699">
        <v>510.44603999999998</v>
      </c>
      <c r="S699">
        <v>0.91555450000000005</v>
      </c>
      <c r="T699">
        <v>1096.7456999999999</v>
      </c>
      <c r="U699">
        <v>431.42764</v>
      </c>
      <c r="V699">
        <v>0.95367219999999997</v>
      </c>
      <c r="W699">
        <v>1104.1907000000001</v>
      </c>
      <c r="X699">
        <v>576.06164999999999</v>
      </c>
      <c r="Y699">
        <v>0.88783984999999999</v>
      </c>
      <c r="Z699">
        <f t="shared" si="95"/>
        <v>1058.9242133333335</v>
      </c>
      <c r="AA699">
        <f t="shared" si="96"/>
        <v>505.97844333333325</v>
      </c>
      <c r="AB699">
        <f t="shared" si="97"/>
        <v>5.5199216023532536</v>
      </c>
      <c r="AC699">
        <f t="shared" si="98"/>
        <v>2.7519268253861999</v>
      </c>
    </row>
    <row r="700" spans="1:29" x14ac:dyDescent="0.4">
      <c r="A700">
        <v>697</v>
      </c>
      <c r="B700">
        <f t="shared" si="90"/>
        <v>23.233333333333334</v>
      </c>
      <c r="C700">
        <v>753.7373</v>
      </c>
      <c r="D700">
        <v>500.86901999999998</v>
      </c>
      <c r="E700">
        <v>0.96286890000000003</v>
      </c>
      <c r="F700">
        <v>882.37490000000003</v>
      </c>
      <c r="G700">
        <v>435.21499999999997</v>
      </c>
      <c r="H700">
        <v>0.97208640000000002</v>
      </c>
      <c r="I700">
        <v>873.82640000000004</v>
      </c>
      <c r="J700">
        <v>579.09259999999995</v>
      </c>
      <c r="K700">
        <v>0.92086299999999999</v>
      </c>
      <c r="L700">
        <f t="shared" si="91"/>
        <v>836.64620000000002</v>
      </c>
      <c r="M700">
        <f t="shared" si="92"/>
        <v>505.05887333333334</v>
      </c>
      <c r="N700">
        <f t="shared" si="93"/>
        <v>-3.5452139452066351</v>
      </c>
      <c r="O700">
        <f t="shared" si="94"/>
        <v>2.8654815483496225</v>
      </c>
      <c r="Q700">
        <v>975.79223999999999</v>
      </c>
      <c r="R700">
        <v>510.42559999999997</v>
      </c>
      <c r="S700">
        <v>0.92093360000000002</v>
      </c>
      <c r="T700">
        <v>1096.7338999999999</v>
      </c>
      <c r="U700">
        <v>431.44240000000002</v>
      </c>
      <c r="V700">
        <v>0.95797449999999995</v>
      </c>
      <c r="W700">
        <v>1104.1047000000001</v>
      </c>
      <c r="X700">
        <v>576.15830000000005</v>
      </c>
      <c r="Y700">
        <v>0.88821095000000005</v>
      </c>
      <c r="Z700">
        <f t="shared" si="95"/>
        <v>1058.8769466666665</v>
      </c>
      <c r="AA700">
        <f t="shared" si="96"/>
        <v>506.00876666666665</v>
      </c>
      <c r="AB700">
        <f t="shared" si="97"/>
        <v>5.5179776379427672</v>
      </c>
      <c r="AC700">
        <f t="shared" si="98"/>
        <v>2.7507054091611067</v>
      </c>
    </row>
    <row r="701" spans="1:29" x14ac:dyDescent="0.4">
      <c r="A701">
        <v>698</v>
      </c>
      <c r="B701">
        <f t="shared" si="90"/>
        <v>23.266666666666666</v>
      </c>
      <c r="C701">
        <v>753.66660000000002</v>
      </c>
      <c r="D701">
        <v>500.74682999999999</v>
      </c>
      <c r="E701">
        <v>0.95117320000000005</v>
      </c>
      <c r="F701">
        <v>882.44190000000003</v>
      </c>
      <c r="G701">
        <v>435.22555999999997</v>
      </c>
      <c r="H701">
        <v>0.96321179999999995</v>
      </c>
      <c r="I701">
        <v>873.82324000000006</v>
      </c>
      <c r="J701">
        <v>578.98979999999995</v>
      </c>
      <c r="K701">
        <v>0.92248319999999995</v>
      </c>
      <c r="L701">
        <f t="shared" si="91"/>
        <v>836.64391333333333</v>
      </c>
      <c r="M701">
        <f t="shared" si="92"/>
        <v>504.9873966666666</v>
      </c>
      <c r="N701">
        <f t="shared" si="93"/>
        <v>-3.5452837117006033</v>
      </c>
      <c r="O701">
        <f t="shared" si="94"/>
        <v>2.8683997909338985</v>
      </c>
      <c r="Q701">
        <v>975.6721</v>
      </c>
      <c r="R701">
        <v>510.47341999999998</v>
      </c>
      <c r="S701">
        <v>0.92763035999999999</v>
      </c>
      <c r="T701">
        <v>1096.7249999999999</v>
      </c>
      <c r="U701">
        <v>431.42086999999998</v>
      </c>
      <c r="V701">
        <v>0.95782449999999997</v>
      </c>
      <c r="W701">
        <v>1104.0446999999999</v>
      </c>
      <c r="X701">
        <v>576.21469999999999</v>
      </c>
      <c r="Y701">
        <v>0.89566827000000004</v>
      </c>
      <c r="Z701">
        <f t="shared" si="95"/>
        <v>1058.8139333333334</v>
      </c>
      <c r="AA701">
        <f t="shared" si="96"/>
        <v>506.03632999999996</v>
      </c>
      <c r="AB701">
        <f t="shared" si="97"/>
        <v>5.5153902267444384</v>
      </c>
      <c r="AC701">
        <f t="shared" si="98"/>
        <v>2.7496020809035251</v>
      </c>
    </row>
    <row r="702" spans="1:29" x14ac:dyDescent="0.4">
      <c r="A702">
        <v>699</v>
      </c>
      <c r="B702">
        <f t="shared" si="90"/>
        <v>23.3</v>
      </c>
      <c r="C702">
        <v>753.95543999999995</v>
      </c>
      <c r="D702">
        <v>500.70105000000001</v>
      </c>
      <c r="E702">
        <v>0.95707850000000005</v>
      </c>
      <c r="F702">
        <v>882.40509999999995</v>
      </c>
      <c r="G702">
        <v>435.23644999999999</v>
      </c>
      <c r="H702">
        <v>0.95565040000000001</v>
      </c>
      <c r="I702">
        <v>873.82389999999998</v>
      </c>
      <c r="J702">
        <v>578.98770000000002</v>
      </c>
      <c r="K702">
        <v>0.93371384999999996</v>
      </c>
      <c r="L702">
        <f t="shared" si="91"/>
        <v>836.7281466666667</v>
      </c>
      <c r="M702">
        <f t="shared" si="92"/>
        <v>504.97506666666669</v>
      </c>
      <c r="N702">
        <f t="shared" si="93"/>
        <v>-3.5418557186585882</v>
      </c>
      <c r="O702">
        <f t="shared" si="94"/>
        <v>2.8688745066199535</v>
      </c>
      <c r="Q702">
        <v>975.54443000000003</v>
      </c>
      <c r="R702">
        <v>510.47302000000002</v>
      </c>
      <c r="S702">
        <v>0.93987536000000005</v>
      </c>
      <c r="T702">
        <v>1096.7149999999999</v>
      </c>
      <c r="U702">
        <v>431.43477999999999</v>
      </c>
      <c r="V702">
        <v>0.96954346000000002</v>
      </c>
      <c r="W702">
        <v>1103.9656</v>
      </c>
      <c r="X702">
        <v>576.19870000000003</v>
      </c>
      <c r="Y702">
        <v>0.90416929999999995</v>
      </c>
      <c r="Z702">
        <f t="shared" si="95"/>
        <v>1058.7416766666668</v>
      </c>
      <c r="AA702">
        <f t="shared" si="96"/>
        <v>506.03549999999996</v>
      </c>
      <c r="AB702">
        <f t="shared" si="97"/>
        <v>5.5124337979617843</v>
      </c>
      <c r="AC702">
        <f t="shared" si="98"/>
        <v>2.7496608857603277</v>
      </c>
    </row>
    <row r="703" spans="1:29" x14ac:dyDescent="0.4">
      <c r="A703">
        <v>700</v>
      </c>
      <c r="B703">
        <f t="shared" si="90"/>
        <v>23.333333333333332</v>
      </c>
      <c r="C703">
        <v>753.69060000000002</v>
      </c>
      <c r="D703">
        <v>500.75015000000002</v>
      </c>
      <c r="E703">
        <v>0.95406276000000001</v>
      </c>
      <c r="F703">
        <v>882.40264999999999</v>
      </c>
      <c r="G703">
        <v>435.18768</v>
      </c>
      <c r="H703">
        <v>0.96180825999999997</v>
      </c>
      <c r="I703">
        <v>873.75570000000005</v>
      </c>
      <c r="J703">
        <v>578.94500000000005</v>
      </c>
      <c r="K703">
        <v>0.93946344000000004</v>
      </c>
      <c r="L703">
        <f t="shared" si="91"/>
        <v>836.61631666666665</v>
      </c>
      <c r="M703">
        <f t="shared" si="92"/>
        <v>504.96094333333332</v>
      </c>
      <c r="N703">
        <f t="shared" si="93"/>
        <v>-3.5463969040661216</v>
      </c>
      <c r="O703">
        <f t="shared" si="94"/>
        <v>2.8694888939624392</v>
      </c>
      <c r="Q703">
        <v>975.44449999999995</v>
      </c>
      <c r="R703">
        <v>510.45972</v>
      </c>
      <c r="S703">
        <v>0.93204474000000004</v>
      </c>
      <c r="T703">
        <v>1096.6615999999999</v>
      </c>
      <c r="U703">
        <v>431.38330000000002</v>
      </c>
      <c r="V703">
        <v>0.96705644999999996</v>
      </c>
      <c r="W703">
        <v>1103.8794</v>
      </c>
      <c r="X703">
        <v>576.15949999999998</v>
      </c>
      <c r="Y703">
        <v>0.90313005000000002</v>
      </c>
      <c r="Z703">
        <f t="shared" si="95"/>
        <v>1058.6618333333333</v>
      </c>
      <c r="AA703">
        <f t="shared" si="96"/>
        <v>506.00083999999998</v>
      </c>
      <c r="AB703">
        <f t="shared" si="97"/>
        <v>5.5091779068282243</v>
      </c>
      <c r="AC703">
        <f t="shared" si="98"/>
        <v>2.7511031631882776</v>
      </c>
    </row>
    <row r="704" spans="1:29" x14ac:dyDescent="0.4">
      <c r="A704">
        <v>701</v>
      </c>
      <c r="B704">
        <f t="shared" si="90"/>
        <v>23.366666666666667</v>
      </c>
      <c r="C704">
        <v>753.68944999999997</v>
      </c>
      <c r="D704">
        <v>500.65316999999999</v>
      </c>
      <c r="E704">
        <v>0.95573719999999995</v>
      </c>
      <c r="F704">
        <v>882.40660000000003</v>
      </c>
      <c r="G704">
        <v>435.17989999999998</v>
      </c>
      <c r="H704">
        <v>0.97214149999999999</v>
      </c>
      <c r="I704">
        <v>873.65935999999999</v>
      </c>
      <c r="J704">
        <v>578.90466000000004</v>
      </c>
      <c r="K704">
        <v>0.93966459999999996</v>
      </c>
      <c r="L704">
        <f t="shared" si="91"/>
        <v>836.5851366666667</v>
      </c>
      <c r="M704">
        <f t="shared" si="92"/>
        <v>504.91257666666661</v>
      </c>
      <c r="N704">
        <f t="shared" si="93"/>
        <v>-3.547648645870384</v>
      </c>
      <c r="O704">
        <f t="shared" si="94"/>
        <v>2.8714736484322296</v>
      </c>
      <c r="Q704">
        <v>975.38274999999999</v>
      </c>
      <c r="R704">
        <v>510.29964999999999</v>
      </c>
      <c r="S704">
        <v>0.93565050000000005</v>
      </c>
      <c r="T704">
        <v>1096.6279</v>
      </c>
      <c r="U704">
        <v>431.39425999999997</v>
      </c>
      <c r="V704">
        <v>0.97210609999999997</v>
      </c>
      <c r="W704">
        <v>1103.7074</v>
      </c>
      <c r="X704">
        <v>576.13385000000005</v>
      </c>
      <c r="Y704">
        <v>0.90079430000000005</v>
      </c>
      <c r="Z704">
        <f t="shared" si="95"/>
        <v>1058.5726833333335</v>
      </c>
      <c r="AA704">
        <f t="shared" si="96"/>
        <v>505.94258666666673</v>
      </c>
      <c r="AB704">
        <f t="shared" si="97"/>
        <v>5.5055488547172349</v>
      </c>
      <c r="AC704">
        <f t="shared" si="98"/>
        <v>2.7535116703153704</v>
      </c>
    </row>
    <row r="705" spans="1:29" x14ac:dyDescent="0.4">
      <c r="A705">
        <v>702</v>
      </c>
      <c r="B705">
        <f t="shared" si="90"/>
        <v>23.4</v>
      </c>
      <c r="C705">
        <v>753.49189999999999</v>
      </c>
      <c r="D705">
        <v>500.64193999999998</v>
      </c>
      <c r="E705">
        <v>0.95215576999999996</v>
      </c>
      <c r="F705">
        <v>882.36519999999996</v>
      </c>
      <c r="G705">
        <v>435.18450000000001</v>
      </c>
      <c r="H705">
        <v>0.97014164999999997</v>
      </c>
      <c r="I705">
        <v>873.68650000000002</v>
      </c>
      <c r="J705">
        <v>578.80449999999996</v>
      </c>
      <c r="K705">
        <v>0.94481879999999996</v>
      </c>
      <c r="L705">
        <f t="shared" si="91"/>
        <v>836.51453333333336</v>
      </c>
      <c r="M705">
        <f t="shared" si="92"/>
        <v>504.87698</v>
      </c>
      <c r="N705">
        <f t="shared" si="93"/>
        <v>-3.5505070369975789</v>
      </c>
      <c r="O705">
        <f t="shared" si="94"/>
        <v>2.8729505347732549</v>
      </c>
      <c r="Q705">
        <v>975.3501</v>
      </c>
      <c r="R705">
        <v>510.2808</v>
      </c>
      <c r="S705">
        <v>0.94005450000000002</v>
      </c>
      <c r="T705">
        <v>1096.5061000000001</v>
      </c>
      <c r="U705">
        <v>431.42282</v>
      </c>
      <c r="V705">
        <v>0.97022222999999996</v>
      </c>
      <c r="W705">
        <v>1103.7085999999999</v>
      </c>
      <c r="X705">
        <v>576.12225000000001</v>
      </c>
      <c r="Y705">
        <v>0.90440600000000004</v>
      </c>
      <c r="Z705">
        <f t="shared" si="95"/>
        <v>1058.5216</v>
      </c>
      <c r="AA705">
        <f t="shared" si="96"/>
        <v>505.94195666666673</v>
      </c>
      <c r="AB705">
        <f t="shared" si="97"/>
        <v>5.5034587750849884</v>
      </c>
      <c r="AC705">
        <f t="shared" si="98"/>
        <v>2.7535550071819586</v>
      </c>
    </row>
    <row r="706" spans="1:29" x14ac:dyDescent="0.4">
      <c r="A706">
        <v>703</v>
      </c>
      <c r="B706">
        <f t="shared" si="90"/>
        <v>23.433333333333334</v>
      </c>
      <c r="C706">
        <v>753.44604000000004</v>
      </c>
      <c r="D706">
        <v>500.61252000000002</v>
      </c>
      <c r="E706">
        <v>0.95361220000000002</v>
      </c>
      <c r="F706">
        <v>882.39340000000004</v>
      </c>
      <c r="G706">
        <v>435.1497</v>
      </c>
      <c r="H706">
        <v>0.9650379</v>
      </c>
      <c r="I706">
        <v>873.65593999999999</v>
      </c>
      <c r="J706">
        <v>578.76526000000001</v>
      </c>
      <c r="K706">
        <v>0.93859250000000005</v>
      </c>
      <c r="L706">
        <f t="shared" si="91"/>
        <v>836.49846000000014</v>
      </c>
      <c r="M706">
        <f t="shared" si="92"/>
        <v>504.84249333333338</v>
      </c>
      <c r="N706">
        <f t="shared" si="93"/>
        <v>-3.5511492109207388</v>
      </c>
      <c r="O706">
        <f t="shared" si="94"/>
        <v>2.8743636260755192</v>
      </c>
      <c r="Q706">
        <v>975.41223000000002</v>
      </c>
      <c r="R706">
        <v>510.19119999999998</v>
      </c>
      <c r="S706">
        <v>0.94015660000000001</v>
      </c>
      <c r="T706">
        <v>1096.3832</v>
      </c>
      <c r="U706">
        <v>431.42108000000002</v>
      </c>
      <c r="V706">
        <v>0.97178710000000001</v>
      </c>
      <c r="W706">
        <v>1103.6294</v>
      </c>
      <c r="X706">
        <v>576.0915</v>
      </c>
      <c r="Y706">
        <v>0.89772280000000004</v>
      </c>
      <c r="Z706">
        <f t="shared" si="95"/>
        <v>1058.4749433333334</v>
      </c>
      <c r="AA706">
        <f t="shared" si="96"/>
        <v>505.90126000000004</v>
      </c>
      <c r="AB706">
        <f t="shared" si="97"/>
        <v>5.5015628282187761</v>
      </c>
      <c r="AC706">
        <f t="shared" si="98"/>
        <v>2.7552322359122385</v>
      </c>
    </row>
    <row r="707" spans="1:29" x14ac:dyDescent="0.4">
      <c r="A707">
        <v>704</v>
      </c>
      <c r="B707">
        <f t="shared" si="90"/>
        <v>23.466666666666665</v>
      </c>
      <c r="C707">
        <v>753.44470000000001</v>
      </c>
      <c r="D707">
        <v>500.51843000000002</v>
      </c>
      <c r="E707">
        <v>0.94799566000000002</v>
      </c>
      <c r="F707">
        <v>882.35220000000004</v>
      </c>
      <c r="G707">
        <v>435.16406000000001</v>
      </c>
      <c r="H707">
        <v>0.95611303999999997</v>
      </c>
      <c r="I707">
        <v>873.56880000000001</v>
      </c>
      <c r="J707">
        <v>578.76684999999998</v>
      </c>
      <c r="K707">
        <v>0.92942119999999995</v>
      </c>
      <c r="L707">
        <f t="shared" si="91"/>
        <v>836.45523333333347</v>
      </c>
      <c r="M707">
        <f t="shared" si="92"/>
        <v>504.81644666666671</v>
      </c>
      <c r="N707">
        <f t="shared" si="93"/>
        <v>-3.5528978685049215</v>
      </c>
      <c r="O707">
        <f t="shared" si="94"/>
        <v>2.8754414275428424</v>
      </c>
      <c r="Q707">
        <v>975.28689999999995</v>
      </c>
      <c r="R707">
        <v>510.13754</v>
      </c>
      <c r="S707">
        <v>0.95300890000000005</v>
      </c>
      <c r="T707">
        <v>1096.3601000000001</v>
      </c>
      <c r="U707">
        <v>431.46111999999999</v>
      </c>
      <c r="V707">
        <v>0.96871936000000003</v>
      </c>
      <c r="W707">
        <v>1103.6125</v>
      </c>
      <c r="X707">
        <v>576.08780000000002</v>
      </c>
      <c r="Y707">
        <v>0.89748704000000001</v>
      </c>
      <c r="Z707">
        <f t="shared" si="95"/>
        <v>1058.4198333333334</v>
      </c>
      <c r="AA707">
        <f t="shared" si="96"/>
        <v>505.89548666666661</v>
      </c>
      <c r="AB707">
        <f t="shared" si="97"/>
        <v>5.4993096558467052</v>
      </c>
      <c r="AC707">
        <f t="shared" si="98"/>
        <v>2.7554868993466535</v>
      </c>
    </row>
    <row r="708" spans="1:29" x14ac:dyDescent="0.4">
      <c r="A708">
        <v>705</v>
      </c>
      <c r="B708">
        <f t="shared" ref="B708:B771" si="99">A708/30</f>
        <v>23.5</v>
      </c>
      <c r="C708">
        <v>753.37469999999996</v>
      </c>
      <c r="D708">
        <v>500.51785000000001</v>
      </c>
      <c r="E708">
        <v>0.94675123999999999</v>
      </c>
      <c r="F708">
        <v>882.27509999999995</v>
      </c>
      <c r="G708">
        <v>435.13959999999997</v>
      </c>
      <c r="H708">
        <v>0.95622090000000004</v>
      </c>
      <c r="I708">
        <v>873.55700000000002</v>
      </c>
      <c r="J708">
        <v>578.76990000000001</v>
      </c>
      <c r="K708">
        <v>0.93039864000000005</v>
      </c>
      <c r="L708">
        <f t="shared" ref="L708:L771" si="100">(C708+F708+I708)/3</f>
        <v>836.40226666666661</v>
      </c>
      <c r="M708">
        <f t="shared" ref="M708:M771" si="101">(D708+G708+J708)/3</f>
        <v>504.80911666666663</v>
      </c>
      <c r="N708">
        <f t="shared" ref="N708:N771" si="102" xml:space="preserve"> -36.96+0.03963*L708-0.0003398*M708+6.089*10^(-7)*L708^2+1.529*10^(-8)*M708^2</f>
        <v>-3.5550485119273754</v>
      </c>
      <c r="O708">
        <f t="shared" ref="O708:O771" si="103" xml:space="preserve"> 23.7-0.0003167*L708-0.0406*M708-1.335*10^(-8)*L708^2-2.149*10^(-7)*M708^2</f>
        <v>2.8757585733514324</v>
      </c>
      <c r="Q708">
        <v>975.23833999999999</v>
      </c>
      <c r="R708">
        <v>510.13729999999998</v>
      </c>
      <c r="S708">
        <v>0.95753014000000003</v>
      </c>
      <c r="T708">
        <v>1096.3175000000001</v>
      </c>
      <c r="U708">
        <v>431.42162999999999</v>
      </c>
      <c r="V708">
        <v>0.96445464999999997</v>
      </c>
      <c r="W708">
        <v>1103.4382000000001</v>
      </c>
      <c r="X708">
        <v>576.10270000000003</v>
      </c>
      <c r="Y708">
        <v>0.90287644</v>
      </c>
      <c r="Z708">
        <f t="shared" ref="Z708:Z771" si="104">(Q708+T708+W708)/3</f>
        <v>1058.3313466666666</v>
      </c>
      <c r="AA708">
        <f t="shared" ref="AA708:AA771" si="105">(R708+U708+X708)/3</f>
        <v>505.88721000000004</v>
      </c>
      <c r="AB708">
        <f t="shared" ref="AB708:AB771" si="106" xml:space="preserve"> -36.96+0.03963*Z708-0.0003398*AA708+6.089*10^(-7)*Z708^2+1.529*10^(-8)*AA708^2</f>
        <v>5.495691564055166</v>
      </c>
      <c r="AC708">
        <f t="shared" ref="AC708:AC771" si="107" xml:space="preserve"> 23.7-0.0003167*Z708-0.0406*AA708-1.335*10^(-8)*Z708^2-2.149*10^(-7)*AA708^2</f>
        <v>2.7558552558654976</v>
      </c>
    </row>
    <row r="709" spans="1:29" x14ac:dyDescent="0.4">
      <c r="A709">
        <v>706</v>
      </c>
      <c r="B709">
        <f t="shared" si="99"/>
        <v>23.533333333333335</v>
      </c>
      <c r="C709">
        <v>753.46624999999995</v>
      </c>
      <c r="D709">
        <v>500.50585999999998</v>
      </c>
      <c r="E709">
        <v>0.94742035999999996</v>
      </c>
      <c r="F709">
        <v>882.21969999999999</v>
      </c>
      <c r="G709">
        <v>435.11892999999998</v>
      </c>
      <c r="H709">
        <v>0.96230280000000001</v>
      </c>
      <c r="I709">
        <v>873.45165999999995</v>
      </c>
      <c r="J709">
        <v>578.7242</v>
      </c>
      <c r="K709">
        <v>0.93655443000000005</v>
      </c>
      <c r="L709">
        <f t="shared" si="100"/>
        <v>836.37920333333329</v>
      </c>
      <c r="M709">
        <f t="shared" si="101"/>
        <v>504.78299666666663</v>
      </c>
      <c r="N709">
        <f t="shared" si="102"/>
        <v>-3.5559775307682631</v>
      </c>
      <c r="O709">
        <f t="shared" si="103"/>
        <v>2.8768325315813201</v>
      </c>
      <c r="Q709">
        <v>975.19037000000003</v>
      </c>
      <c r="R709">
        <v>510.14496000000003</v>
      </c>
      <c r="S709">
        <v>0.95688980000000001</v>
      </c>
      <c r="T709">
        <v>1096.3059000000001</v>
      </c>
      <c r="U709">
        <v>431.47890000000001</v>
      </c>
      <c r="V709">
        <v>0.96955119999999995</v>
      </c>
      <c r="W709">
        <v>1103.3927000000001</v>
      </c>
      <c r="X709">
        <v>576.05346999999995</v>
      </c>
      <c r="Y709">
        <v>0.90121810000000002</v>
      </c>
      <c r="Z709">
        <f t="shared" si="104"/>
        <v>1058.2963233333332</v>
      </c>
      <c r="AA709">
        <f t="shared" si="105"/>
        <v>505.89244333333335</v>
      </c>
      <c r="AB709">
        <f t="shared" si="106"/>
        <v>5.4942567534458222</v>
      </c>
      <c r="AC709">
        <f t="shared" si="107"/>
        <v>2.7556537261841969</v>
      </c>
    </row>
    <row r="710" spans="1:29" x14ac:dyDescent="0.4">
      <c r="A710">
        <v>707</v>
      </c>
      <c r="B710">
        <f t="shared" si="99"/>
        <v>23.566666666666666</v>
      </c>
      <c r="C710">
        <v>753.46050000000002</v>
      </c>
      <c r="D710">
        <v>500.39980000000003</v>
      </c>
      <c r="E710">
        <v>0.94467086</v>
      </c>
      <c r="F710">
        <v>882.15923999999995</v>
      </c>
      <c r="G710">
        <v>435.10610000000003</v>
      </c>
      <c r="H710">
        <v>0.97125150000000005</v>
      </c>
      <c r="I710">
        <v>873.37400000000002</v>
      </c>
      <c r="J710">
        <v>578.71230000000003</v>
      </c>
      <c r="K710">
        <v>0.94109679999999996</v>
      </c>
      <c r="L710">
        <f t="shared" si="100"/>
        <v>836.33124666666663</v>
      </c>
      <c r="M710">
        <f t="shared" si="101"/>
        <v>504.7394000000001</v>
      </c>
      <c r="N710">
        <f t="shared" si="102"/>
        <v>-3.5579127567688089</v>
      </c>
      <c r="O710">
        <f t="shared" si="103"/>
        <v>2.8786282731677826</v>
      </c>
      <c r="Q710">
        <v>975.13070000000005</v>
      </c>
      <c r="R710">
        <v>510.14913999999999</v>
      </c>
      <c r="S710">
        <v>0.96207374000000001</v>
      </c>
      <c r="T710">
        <v>1096.3813</v>
      </c>
      <c r="U710">
        <v>431.45427999999998</v>
      </c>
      <c r="V710">
        <v>0.97109246000000005</v>
      </c>
      <c r="W710">
        <v>1103.3376000000001</v>
      </c>
      <c r="X710">
        <v>576.01440000000002</v>
      </c>
      <c r="Y710">
        <v>0.89830449999999995</v>
      </c>
      <c r="Z710">
        <f t="shared" si="104"/>
        <v>1058.2832000000001</v>
      </c>
      <c r="AA710">
        <f t="shared" si="105"/>
        <v>505.87260666666663</v>
      </c>
      <c r="AB710">
        <f t="shared" si="106"/>
        <v>5.4937261962154391</v>
      </c>
      <c r="AC710">
        <f t="shared" si="107"/>
        <v>2.7564679348807539</v>
      </c>
    </row>
    <row r="711" spans="1:29" x14ac:dyDescent="0.4">
      <c r="A711">
        <v>708</v>
      </c>
      <c r="B711">
        <f t="shared" si="99"/>
        <v>23.6</v>
      </c>
      <c r="C711">
        <v>753.23680000000002</v>
      </c>
      <c r="D711">
        <v>500.37765999999999</v>
      </c>
      <c r="E711">
        <v>0.94880927000000004</v>
      </c>
      <c r="F711">
        <v>882.15949999999998</v>
      </c>
      <c r="G711">
        <v>435.00209999999998</v>
      </c>
      <c r="H711">
        <v>0.97007065999999997</v>
      </c>
      <c r="I711">
        <v>873.37860000000001</v>
      </c>
      <c r="J711">
        <v>578.57476999999994</v>
      </c>
      <c r="K711">
        <v>0.94100229999999996</v>
      </c>
      <c r="L711">
        <f t="shared" si="100"/>
        <v>836.25829999999996</v>
      </c>
      <c r="M711">
        <f t="shared" si="101"/>
        <v>504.65150999999997</v>
      </c>
      <c r="N711">
        <f t="shared" si="102"/>
        <v>-3.5608494163915507</v>
      </c>
      <c r="O711">
        <f t="shared" si="103"/>
        <v>2.8822404031407638</v>
      </c>
      <c r="Q711">
        <v>974.89813000000004</v>
      </c>
      <c r="R711">
        <v>510.06393000000003</v>
      </c>
      <c r="S711">
        <v>0.95852970000000004</v>
      </c>
      <c r="T711">
        <v>1096.3577</v>
      </c>
      <c r="U711">
        <v>431.41705000000002</v>
      </c>
      <c r="V711">
        <v>0.97217600000000004</v>
      </c>
      <c r="W711">
        <v>1103.2446</v>
      </c>
      <c r="X711">
        <v>576.03620000000001</v>
      </c>
      <c r="Y711">
        <v>0.89924806000000002</v>
      </c>
      <c r="Z711">
        <f t="shared" si="104"/>
        <v>1058.1668099999999</v>
      </c>
      <c r="AA711">
        <f t="shared" si="105"/>
        <v>505.83906000000002</v>
      </c>
      <c r="AB711">
        <f t="shared" si="106"/>
        <v>5.4889745481977998</v>
      </c>
      <c r="AC711">
        <f t="shared" si="107"/>
        <v>2.7578773724243622</v>
      </c>
    </row>
    <row r="712" spans="1:29" x14ac:dyDescent="0.4">
      <c r="A712">
        <v>709</v>
      </c>
      <c r="B712">
        <f t="shared" si="99"/>
        <v>23.633333333333333</v>
      </c>
      <c r="C712">
        <v>753.35810000000004</v>
      </c>
      <c r="D712">
        <v>500.27409999999998</v>
      </c>
      <c r="E712">
        <v>0.94319759999999997</v>
      </c>
      <c r="F712">
        <v>882.10580000000004</v>
      </c>
      <c r="G712">
        <v>434.98685</v>
      </c>
      <c r="H712">
        <v>0.97034920000000002</v>
      </c>
      <c r="I712">
        <v>873.33159999999998</v>
      </c>
      <c r="J712">
        <v>578.50429999999994</v>
      </c>
      <c r="K712">
        <v>0.93623906000000001</v>
      </c>
      <c r="L712">
        <f t="shared" si="100"/>
        <v>836.26516666666669</v>
      </c>
      <c r="M712">
        <f t="shared" si="101"/>
        <v>504.58841666666666</v>
      </c>
      <c r="N712">
        <f t="shared" si="102"/>
        <v>-3.5605498318775153</v>
      </c>
      <c r="O712">
        <f t="shared" si="103"/>
        <v>2.8848133485197929</v>
      </c>
      <c r="Q712">
        <v>975.09339999999997</v>
      </c>
      <c r="R712">
        <v>509.97372000000001</v>
      </c>
      <c r="S712">
        <v>0.95151699999999995</v>
      </c>
      <c r="T712">
        <v>1096.28</v>
      </c>
      <c r="U712">
        <v>431.37454000000002</v>
      </c>
      <c r="V712">
        <v>0.96426290000000003</v>
      </c>
      <c r="W712">
        <v>1103.1565000000001</v>
      </c>
      <c r="X712">
        <v>576.02606000000003</v>
      </c>
      <c r="Y712">
        <v>0.89373696000000002</v>
      </c>
      <c r="Z712">
        <f t="shared" si="104"/>
        <v>1058.1766333333333</v>
      </c>
      <c r="AA712">
        <f t="shared" si="105"/>
        <v>505.79143999999997</v>
      </c>
      <c r="AB712">
        <f t="shared" si="106"/>
        <v>5.4893919503509432</v>
      </c>
      <c r="AC712">
        <f t="shared" si="107"/>
        <v>2.759817708393407</v>
      </c>
    </row>
    <row r="713" spans="1:29" x14ac:dyDescent="0.4">
      <c r="A713">
        <v>710</v>
      </c>
      <c r="B713">
        <f t="shared" si="99"/>
        <v>23.666666666666668</v>
      </c>
      <c r="C713">
        <v>753.19073000000003</v>
      </c>
      <c r="D713">
        <v>500.23410000000001</v>
      </c>
      <c r="E713">
        <v>0.94357586000000004</v>
      </c>
      <c r="F713">
        <v>882.08159999999998</v>
      </c>
      <c r="G713">
        <v>434.91820000000001</v>
      </c>
      <c r="H713">
        <v>0.96755239999999998</v>
      </c>
      <c r="I713">
        <v>873.25653</v>
      </c>
      <c r="J713">
        <v>578.43769999999995</v>
      </c>
      <c r="K713">
        <v>0.92626339999999996</v>
      </c>
      <c r="L713">
        <f t="shared" si="100"/>
        <v>836.17628666666667</v>
      </c>
      <c r="M713">
        <f t="shared" si="101"/>
        <v>504.53</v>
      </c>
      <c r="N713">
        <f t="shared" si="102"/>
        <v>-3.564143708542034</v>
      </c>
      <c r="O713">
        <f t="shared" si="103"/>
        <v>2.8872278661264343</v>
      </c>
      <c r="Q713">
        <v>975.0548</v>
      </c>
      <c r="R713">
        <v>510.03710000000001</v>
      </c>
      <c r="S713">
        <v>0.95165056000000003</v>
      </c>
      <c r="T713">
        <v>1096.2547999999999</v>
      </c>
      <c r="U713">
        <v>431.40222</v>
      </c>
      <c r="V713">
        <v>0.96738225</v>
      </c>
      <c r="W713">
        <v>1102.9698000000001</v>
      </c>
      <c r="X713">
        <v>576.15840000000003</v>
      </c>
      <c r="Y713">
        <v>0.89860653999999995</v>
      </c>
      <c r="Z713">
        <f t="shared" si="104"/>
        <v>1058.0931333333335</v>
      </c>
      <c r="AA713">
        <f t="shared" si="105"/>
        <v>505.86590666666666</v>
      </c>
      <c r="AB713">
        <f t="shared" si="106"/>
        <v>5.4859510956247641</v>
      </c>
      <c r="AC713">
        <f t="shared" si="107"/>
        <v>2.7568069757976899</v>
      </c>
    </row>
    <row r="714" spans="1:29" x14ac:dyDescent="0.4">
      <c r="A714">
        <v>711</v>
      </c>
      <c r="B714">
        <f t="shared" si="99"/>
        <v>23.7</v>
      </c>
      <c r="C714">
        <v>753.36956999999995</v>
      </c>
      <c r="D714">
        <v>500.12747000000002</v>
      </c>
      <c r="E714">
        <v>0.93600779999999995</v>
      </c>
      <c r="F714">
        <v>881.96939999999995</v>
      </c>
      <c r="G714">
        <v>434.83251999999999</v>
      </c>
      <c r="H714">
        <v>0.96997699999999998</v>
      </c>
      <c r="I714">
        <v>873.14269999999999</v>
      </c>
      <c r="J714">
        <v>578.34142999999995</v>
      </c>
      <c r="K714">
        <v>0.90981670000000003</v>
      </c>
      <c r="L714">
        <f t="shared" si="100"/>
        <v>836.16055666666659</v>
      </c>
      <c r="M714">
        <f t="shared" si="101"/>
        <v>504.43380666666667</v>
      </c>
      <c r="N714">
        <f t="shared" si="102"/>
        <v>-3.5647519035646327</v>
      </c>
      <c r="O714">
        <f t="shared" si="103"/>
        <v>2.891159505580652</v>
      </c>
      <c r="Q714">
        <v>975.06853999999998</v>
      </c>
      <c r="R714">
        <v>509.96206999999998</v>
      </c>
      <c r="S714">
        <v>0.96076439999999996</v>
      </c>
      <c r="T714">
        <v>1096.2329</v>
      </c>
      <c r="U714">
        <v>431.33774</v>
      </c>
      <c r="V714">
        <v>0.95445919999999995</v>
      </c>
      <c r="W714">
        <v>1102.8427999999999</v>
      </c>
      <c r="X714">
        <v>576.0915</v>
      </c>
      <c r="Y714">
        <v>0.89956029999999998</v>
      </c>
      <c r="Z714">
        <f t="shared" si="104"/>
        <v>1058.04808</v>
      </c>
      <c r="AA714">
        <f t="shared" si="105"/>
        <v>505.79710333333333</v>
      </c>
      <c r="AB714">
        <f t="shared" si="106"/>
        <v>5.4841298950766371</v>
      </c>
      <c r="AC714">
        <f t="shared" si="107"/>
        <v>2.7596308905839075</v>
      </c>
    </row>
    <row r="715" spans="1:29" x14ac:dyDescent="0.4">
      <c r="A715">
        <v>712</v>
      </c>
      <c r="B715">
        <f t="shared" si="99"/>
        <v>23.733333333333334</v>
      </c>
      <c r="C715">
        <v>753.38710000000003</v>
      </c>
      <c r="D715">
        <v>500.11919999999998</v>
      </c>
      <c r="E715">
        <v>0.94824359999999996</v>
      </c>
      <c r="F715">
        <v>881.91899999999998</v>
      </c>
      <c r="G715">
        <v>434.76670000000001</v>
      </c>
      <c r="H715">
        <v>0.95998139999999998</v>
      </c>
      <c r="I715">
        <v>873.15075999999999</v>
      </c>
      <c r="J715">
        <v>578.28610000000003</v>
      </c>
      <c r="K715">
        <v>0.9103907</v>
      </c>
      <c r="L715">
        <f t="shared" si="100"/>
        <v>836.15228666666678</v>
      </c>
      <c r="M715">
        <f t="shared" si="101"/>
        <v>504.39066666666668</v>
      </c>
      <c r="N715">
        <f t="shared" si="102"/>
        <v>-3.5650740712275173</v>
      </c>
      <c r="O715">
        <f t="shared" si="103"/>
        <v>2.89292314591632</v>
      </c>
      <c r="Q715">
        <v>975.00980000000004</v>
      </c>
      <c r="R715">
        <v>509.92245000000003</v>
      </c>
      <c r="S715">
        <v>0.96384720000000002</v>
      </c>
      <c r="T715">
        <v>1096.2483</v>
      </c>
      <c r="U715">
        <v>431.29214000000002</v>
      </c>
      <c r="V715">
        <v>0.95730525</v>
      </c>
      <c r="W715">
        <v>1102.8276000000001</v>
      </c>
      <c r="X715">
        <v>576.04399999999998</v>
      </c>
      <c r="Y715">
        <v>0.89619154000000001</v>
      </c>
      <c r="Z715">
        <f t="shared" si="104"/>
        <v>1058.0285666666666</v>
      </c>
      <c r="AA715">
        <f t="shared" si="105"/>
        <v>505.75286333333332</v>
      </c>
      <c r="AB715">
        <f t="shared" si="106"/>
        <v>5.4833457876647067</v>
      </c>
      <c r="AC715">
        <f t="shared" si="107"/>
        <v>2.7614433826844551</v>
      </c>
    </row>
    <row r="716" spans="1:29" x14ac:dyDescent="0.4">
      <c r="A716">
        <v>713</v>
      </c>
      <c r="B716">
        <f t="shared" si="99"/>
        <v>23.766666666666666</v>
      </c>
      <c r="C716">
        <v>753.27844000000005</v>
      </c>
      <c r="D716">
        <v>500.13504</v>
      </c>
      <c r="E716">
        <v>0.94730939999999997</v>
      </c>
      <c r="F716">
        <v>881.91139999999996</v>
      </c>
      <c r="G716">
        <v>434.66269999999997</v>
      </c>
      <c r="H716">
        <v>0.96369994000000003</v>
      </c>
      <c r="I716">
        <v>873.17376999999999</v>
      </c>
      <c r="J716">
        <v>578.26549999999997</v>
      </c>
      <c r="K716">
        <v>0.91008186000000002</v>
      </c>
      <c r="L716">
        <f t="shared" si="100"/>
        <v>836.12120333333326</v>
      </c>
      <c r="M716">
        <f t="shared" si="101"/>
        <v>504.3544133333333</v>
      </c>
      <c r="N716">
        <f t="shared" si="102"/>
        <v>-3.5663257945269509</v>
      </c>
      <c r="O716">
        <f t="shared" si="103"/>
        <v>2.8944134282449743</v>
      </c>
      <c r="Q716">
        <v>975.01310000000001</v>
      </c>
      <c r="R716">
        <v>509.96246000000002</v>
      </c>
      <c r="S716">
        <v>0.96250194</v>
      </c>
      <c r="T716">
        <v>1096.2648999999999</v>
      </c>
      <c r="U716">
        <v>431.24259999999998</v>
      </c>
      <c r="V716">
        <v>0.95012914999999998</v>
      </c>
      <c r="W716">
        <v>1102.8757000000001</v>
      </c>
      <c r="X716">
        <v>575.98739999999998</v>
      </c>
      <c r="Y716">
        <v>0.89394224</v>
      </c>
      <c r="Z716">
        <f t="shared" si="104"/>
        <v>1058.0512333333334</v>
      </c>
      <c r="AA716">
        <f t="shared" si="105"/>
        <v>505.73081999999999</v>
      </c>
      <c r="AB716">
        <f t="shared" si="106"/>
        <v>5.484280422645436</v>
      </c>
      <c r="AC716">
        <f t="shared" si="107"/>
        <v>2.7623353146705383</v>
      </c>
    </row>
    <row r="717" spans="1:29" x14ac:dyDescent="0.4">
      <c r="A717">
        <v>714</v>
      </c>
      <c r="B717">
        <f t="shared" si="99"/>
        <v>23.8</v>
      </c>
      <c r="C717">
        <v>753.28859999999997</v>
      </c>
      <c r="D717">
        <v>500.19475999999997</v>
      </c>
      <c r="E717">
        <v>0.95150179999999995</v>
      </c>
      <c r="F717">
        <v>881.90989999999999</v>
      </c>
      <c r="G717">
        <v>434.5838</v>
      </c>
      <c r="H717">
        <v>0.95612450000000004</v>
      </c>
      <c r="I717">
        <v>873.20807000000002</v>
      </c>
      <c r="J717">
        <v>578.14729999999997</v>
      </c>
      <c r="K717">
        <v>0.91565810000000003</v>
      </c>
      <c r="L717">
        <f t="shared" si="100"/>
        <v>836.13552333333337</v>
      </c>
      <c r="M717">
        <f t="shared" si="101"/>
        <v>504.30861999999996</v>
      </c>
      <c r="N717">
        <f t="shared" si="102"/>
        <v>-3.5657288574424606</v>
      </c>
      <c r="O717">
        <f t="shared" si="103"/>
        <v>2.8962777089857776</v>
      </c>
      <c r="Q717">
        <v>974.90599999999995</v>
      </c>
      <c r="R717">
        <v>509.88342</v>
      </c>
      <c r="S717">
        <v>0.96214860000000002</v>
      </c>
      <c r="T717">
        <v>1096.2476999999999</v>
      </c>
      <c r="U717">
        <v>431.25835999999998</v>
      </c>
      <c r="V717">
        <v>0.9557909</v>
      </c>
      <c r="W717">
        <v>1102.8558</v>
      </c>
      <c r="X717">
        <v>575.94542999999999</v>
      </c>
      <c r="Y717">
        <v>0.89185994999999996</v>
      </c>
      <c r="Z717">
        <f t="shared" si="104"/>
        <v>1058.0031666666666</v>
      </c>
      <c r="AA717">
        <f t="shared" si="105"/>
        <v>505.69573666666662</v>
      </c>
      <c r="AB717">
        <f t="shared" si="106"/>
        <v>5.4823249871655895</v>
      </c>
      <c r="AC717">
        <f t="shared" si="107"/>
        <v>2.7637839041259658</v>
      </c>
    </row>
    <row r="718" spans="1:29" x14ac:dyDescent="0.4">
      <c r="A718">
        <v>715</v>
      </c>
      <c r="B718">
        <f t="shared" si="99"/>
        <v>23.833333333333332</v>
      </c>
      <c r="C718">
        <v>753.37909999999999</v>
      </c>
      <c r="D718">
        <v>500.12439999999998</v>
      </c>
      <c r="E718">
        <v>0.95439816</v>
      </c>
      <c r="F718">
        <v>881.91156000000001</v>
      </c>
      <c r="G718">
        <v>434.48903999999999</v>
      </c>
      <c r="H718">
        <v>0.95145089999999999</v>
      </c>
      <c r="I718">
        <v>873.21423000000004</v>
      </c>
      <c r="J718">
        <v>577.99559999999997</v>
      </c>
      <c r="K718">
        <v>0.90902810000000001</v>
      </c>
      <c r="L718">
        <f t="shared" si="100"/>
        <v>836.16829666666672</v>
      </c>
      <c r="M718">
        <f t="shared" si="101"/>
        <v>504.20301333333327</v>
      </c>
      <c r="N718">
        <f t="shared" si="102"/>
        <v>-3.5643624216026599</v>
      </c>
      <c r="O718">
        <f t="shared" si="103"/>
        <v>2.9005771167078231</v>
      </c>
      <c r="Q718">
        <v>974.87</v>
      </c>
      <c r="R718">
        <v>509.84244000000001</v>
      </c>
      <c r="S718">
        <v>0.96207242999999998</v>
      </c>
      <c r="T718">
        <v>1096.1822999999999</v>
      </c>
      <c r="U718">
        <v>431.22942999999998</v>
      </c>
      <c r="V718">
        <v>0.95615965000000003</v>
      </c>
      <c r="W718">
        <v>1102.8033</v>
      </c>
      <c r="X718">
        <v>575.88824</v>
      </c>
      <c r="Y718">
        <v>0.88490206000000005</v>
      </c>
      <c r="Z718">
        <f t="shared" si="104"/>
        <v>1057.9518666666665</v>
      </c>
      <c r="AA718">
        <f t="shared" si="105"/>
        <v>505.65337</v>
      </c>
      <c r="AB718">
        <f t="shared" si="106"/>
        <v>5.480239614043275</v>
      </c>
      <c r="AC718">
        <f t="shared" si="107"/>
        <v>2.765530894550722</v>
      </c>
    </row>
    <row r="719" spans="1:29" x14ac:dyDescent="0.4">
      <c r="A719">
        <v>716</v>
      </c>
      <c r="B719">
        <f t="shared" si="99"/>
        <v>23.866666666666667</v>
      </c>
      <c r="C719">
        <v>753.22875999999997</v>
      </c>
      <c r="D719">
        <v>499.96456999999998</v>
      </c>
      <c r="E719">
        <v>0.94951220000000003</v>
      </c>
      <c r="F719">
        <v>881.90173000000004</v>
      </c>
      <c r="G719">
        <v>434.3861</v>
      </c>
      <c r="H719">
        <v>0.94789380000000001</v>
      </c>
      <c r="I719">
        <v>873.29223999999999</v>
      </c>
      <c r="J719">
        <v>577.97580000000005</v>
      </c>
      <c r="K719">
        <v>0.90692779999999995</v>
      </c>
      <c r="L719">
        <f t="shared" si="100"/>
        <v>836.14091000000008</v>
      </c>
      <c r="M719">
        <f t="shared" si="101"/>
        <v>504.10882333333331</v>
      </c>
      <c r="N719">
        <f t="shared" si="102"/>
        <v>-3.5654450885719395</v>
      </c>
      <c r="O719">
        <f t="shared" si="103"/>
        <v>2.9044309251559373</v>
      </c>
      <c r="Q719">
        <v>974.88329999999996</v>
      </c>
      <c r="R719">
        <v>509.70571999999999</v>
      </c>
      <c r="S719">
        <v>0.94759000000000004</v>
      </c>
      <c r="T719">
        <v>1096.2389000000001</v>
      </c>
      <c r="U719">
        <v>431.15102999999999</v>
      </c>
      <c r="V719">
        <v>0.96141699999999997</v>
      </c>
      <c r="W719">
        <v>1102.7683</v>
      </c>
      <c r="X719">
        <v>575.89935000000003</v>
      </c>
      <c r="Y719">
        <v>0.89102309999999996</v>
      </c>
      <c r="Z719">
        <f t="shared" si="104"/>
        <v>1057.9634999999998</v>
      </c>
      <c r="AA719">
        <f t="shared" si="105"/>
        <v>505.58536666666669</v>
      </c>
      <c r="AB719">
        <f t="shared" si="106"/>
        <v>5.4807376872833453</v>
      </c>
      <c r="AC719">
        <f t="shared" si="107"/>
        <v>2.768302595153441</v>
      </c>
    </row>
    <row r="720" spans="1:29" x14ac:dyDescent="0.4">
      <c r="A720">
        <v>717</v>
      </c>
      <c r="B720">
        <f t="shared" si="99"/>
        <v>23.9</v>
      </c>
      <c r="C720">
        <v>753.18993999999998</v>
      </c>
      <c r="D720">
        <v>499.8519</v>
      </c>
      <c r="E720">
        <v>0.94968050000000004</v>
      </c>
      <c r="F720">
        <v>881.86670000000004</v>
      </c>
      <c r="G720">
        <v>434.27658000000002</v>
      </c>
      <c r="H720">
        <v>0.94926790000000005</v>
      </c>
      <c r="I720">
        <v>873.36109999999996</v>
      </c>
      <c r="J720">
        <v>577.83789999999999</v>
      </c>
      <c r="K720">
        <v>0.90864089999999997</v>
      </c>
      <c r="L720">
        <f t="shared" si="100"/>
        <v>836.13924666666662</v>
      </c>
      <c r="M720">
        <f t="shared" si="101"/>
        <v>503.98879333333338</v>
      </c>
      <c r="N720">
        <f t="shared" si="102"/>
        <v>-3.5654737640893379</v>
      </c>
      <c r="O720">
        <f t="shared" si="103"/>
        <v>2.9093307103879638</v>
      </c>
      <c r="Q720">
        <v>974.86455999999998</v>
      </c>
      <c r="R720">
        <v>509.64710000000002</v>
      </c>
      <c r="S720">
        <v>0.96214900000000003</v>
      </c>
      <c r="T720">
        <v>1096.2103</v>
      </c>
      <c r="U720">
        <v>431.20334000000003</v>
      </c>
      <c r="V720">
        <v>0.95442146000000005</v>
      </c>
      <c r="W720">
        <v>1102.7068999999999</v>
      </c>
      <c r="X720">
        <v>575.8886</v>
      </c>
      <c r="Y720">
        <v>0.88649076000000004</v>
      </c>
      <c r="Z720">
        <f t="shared" si="104"/>
        <v>1057.9272533333333</v>
      </c>
      <c r="AA720">
        <f t="shared" si="105"/>
        <v>505.57968</v>
      </c>
      <c r="AB720">
        <f t="shared" si="106"/>
        <v>5.4792563773241723</v>
      </c>
      <c r="AC720">
        <f t="shared" si="107"/>
        <v>2.7685472127132407</v>
      </c>
    </row>
    <row r="721" spans="1:29" x14ac:dyDescent="0.4">
      <c r="A721">
        <v>718</v>
      </c>
      <c r="B721">
        <f t="shared" si="99"/>
        <v>23.933333333333334</v>
      </c>
      <c r="C721">
        <v>753.08159999999998</v>
      </c>
      <c r="D721">
        <v>499.71053999999998</v>
      </c>
      <c r="E721">
        <v>0.94624174000000005</v>
      </c>
      <c r="F721">
        <v>881.78890000000001</v>
      </c>
      <c r="G721">
        <v>434.1422</v>
      </c>
      <c r="H721">
        <v>0.94002646000000001</v>
      </c>
      <c r="I721">
        <v>873.43880000000001</v>
      </c>
      <c r="J721">
        <v>577.74789999999996</v>
      </c>
      <c r="K721">
        <v>0.90549636</v>
      </c>
      <c r="L721">
        <f t="shared" si="100"/>
        <v>836.10309999999993</v>
      </c>
      <c r="M721">
        <f t="shared" si="101"/>
        <v>503.86688000000004</v>
      </c>
      <c r="N721">
        <f t="shared" si="102"/>
        <v>-3.5669035145982391</v>
      </c>
      <c r="O721">
        <f t="shared" si="103"/>
        <v>2.9143190513120469</v>
      </c>
      <c r="Q721">
        <v>974.84735000000001</v>
      </c>
      <c r="R721">
        <v>509.67059999999998</v>
      </c>
      <c r="S721">
        <v>0.95866792999999995</v>
      </c>
      <c r="T721">
        <v>1096.1941999999999</v>
      </c>
      <c r="U721">
        <v>431.13387999999998</v>
      </c>
      <c r="V721">
        <v>0.96034399999999998</v>
      </c>
      <c r="W721">
        <v>1102.7180000000001</v>
      </c>
      <c r="X721">
        <v>575.86099999999999</v>
      </c>
      <c r="Y721">
        <v>0.88749619999999996</v>
      </c>
      <c r="Z721">
        <f t="shared" si="104"/>
        <v>1057.91985</v>
      </c>
      <c r="AA721">
        <f t="shared" si="105"/>
        <v>505.55516000000006</v>
      </c>
      <c r="AB721">
        <f t="shared" si="106"/>
        <v>5.4789613980295089</v>
      </c>
      <c r="AC721">
        <f t="shared" si="107"/>
        <v>2.769550606488945</v>
      </c>
    </row>
    <row r="722" spans="1:29" x14ac:dyDescent="0.4">
      <c r="A722">
        <v>719</v>
      </c>
      <c r="B722">
        <f t="shared" si="99"/>
        <v>23.966666666666665</v>
      </c>
      <c r="C722">
        <v>752.97320000000002</v>
      </c>
      <c r="D722">
        <v>499.46143000000001</v>
      </c>
      <c r="E722">
        <v>0.93613040000000003</v>
      </c>
      <c r="F722">
        <v>881.75806</v>
      </c>
      <c r="G722">
        <v>433.95425</v>
      </c>
      <c r="H722">
        <v>0.9284673</v>
      </c>
      <c r="I722">
        <v>873.38904000000002</v>
      </c>
      <c r="J722">
        <v>577.62699999999995</v>
      </c>
      <c r="K722">
        <v>0.89158696000000004</v>
      </c>
      <c r="L722">
        <f t="shared" si="100"/>
        <v>836.04010000000005</v>
      </c>
      <c r="M722">
        <f t="shared" si="101"/>
        <v>503.68089333333336</v>
      </c>
      <c r="N722">
        <f t="shared" si="102"/>
        <v>-3.5694040161125611</v>
      </c>
      <c r="O722">
        <f t="shared" si="103"/>
        <v>2.9219317386428596</v>
      </c>
      <c r="Q722">
        <v>974.90239999999994</v>
      </c>
      <c r="R722">
        <v>509.51746000000003</v>
      </c>
      <c r="S722">
        <v>0.95622940000000001</v>
      </c>
      <c r="T722">
        <v>1096.2035000000001</v>
      </c>
      <c r="U722">
        <v>431.06186000000002</v>
      </c>
      <c r="V722">
        <v>0.96974086999999998</v>
      </c>
      <c r="W722">
        <v>1102.6741999999999</v>
      </c>
      <c r="X722">
        <v>575.75350000000003</v>
      </c>
      <c r="Y722">
        <v>0.88925710000000002</v>
      </c>
      <c r="Z722">
        <f t="shared" si="104"/>
        <v>1057.9267</v>
      </c>
      <c r="AA722">
        <f t="shared" si="105"/>
        <v>505.44427333333334</v>
      </c>
      <c r="AB722">
        <f t="shared" si="106"/>
        <v>5.4792776538345453</v>
      </c>
      <c r="AC722">
        <f t="shared" si="107"/>
        <v>2.7740743339278882</v>
      </c>
    </row>
    <row r="723" spans="1:29" x14ac:dyDescent="0.4">
      <c r="A723">
        <v>720</v>
      </c>
      <c r="B723">
        <f t="shared" si="99"/>
        <v>24</v>
      </c>
      <c r="C723">
        <v>752.93230000000005</v>
      </c>
      <c r="D723">
        <v>499.49146000000002</v>
      </c>
      <c r="E723">
        <v>0.93385594999999999</v>
      </c>
      <c r="F723">
        <v>881.69159999999999</v>
      </c>
      <c r="G723">
        <v>433.93380000000002</v>
      </c>
      <c r="H723">
        <v>0.93329114000000002</v>
      </c>
      <c r="I723">
        <v>873.33119999999997</v>
      </c>
      <c r="J723">
        <v>577.60253999999998</v>
      </c>
      <c r="K723">
        <v>0.88875130000000002</v>
      </c>
      <c r="L723">
        <f t="shared" si="100"/>
        <v>835.98503333333338</v>
      </c>
      <c r="M723">
        <f t="shared" si="101"/>
        <v>503.67593333333326</v>
      </c>
      <c r="N723">
        <f t="shared" si="102"/>
        <v>-3.5716407622596678</v>
      </c>
      <c r="O723">
        <f t="shared" si="103"/>
        <v>2.922152857174424</v>
      </c>
      <c r="Q723">
        <v>974.91489999999999</v>
      </c>
      <c r="R723">
        <v>509.43297999999999</v>
      </c>
      <c r="S723">
        <v>0.95766510000000005</v>
      </c>
      <c r="T723">
        <v>1096.1611</v>
      </c>
      <c r="U723">
        <v>431.10333000000003</v>
      </c>
      <c r="V723">
        <v>0.97560245000000001</v>
      </c>
      <c r="W723">
        <v>1102.6943000000001</v>
      </c>
      <c r="X723">
        <v>575.85442999999998</v>
      </c>
      <c r="Y723">
        <v>0.89490175000000005</v>
      </c>
      <c r="Z723">
        <f t="shared" si="104"/>
        <v>1057.9234333333334</v>
      </c>
      <c r="AA723">
        <f t="shared" si="105"/>
        <v>505.46357999999992</v>
      </c>
      <c r="AB723">
        <f t="shared" si="106"/>
        <v>5.4791377252670586</v>
      </c>
      <c r="AC723">
        <f t="shared" si="107"/>
        <v>2.7732874158274043</v>
      </c>
    </row>
    <row r="724" spans="1:29" x14ac:dyDescent="0.4">
      <c r="A724">
        <v>721</v>
      </c>
      <c r="B724">
        <f t="shared" si="99"/>
        <v>24.033333333333335</v>
      </c>
      <c r="C724">
        <v>752.76919999999996</v>
      </c>
      <c r="D724">
        <v>499.51996000000003</v>
      </c>
      <c r="E724">
        <v>0.94011100000000003</v>
      </c>
      <c r="F724">
        <v>881.56793000000005</v>
      </c>
      <c r="G724">
        <v>433.94119999999998</v>
      </c>
      <c r="H724">
        <v>0.92091924000000003</v>
      </c>
      <c r="I724">
        <v>873.20050000000003</v>
      </c>
      <c r="J724">
        <v>577.55039999999997</v>
      </c>
      <c r="K724">
        <v>0.88328843999999995</v>
      </c>
      <c r="L724">
        <f t="shared" si="100"/>
        <v>835.84587666666664</v>
      </c>
      <c r="M724">
        <f t="shared" si="101"/>
        <v>503.67051999999995</v>
      </c>
      <c r="N724">
        <f t="shared" si="102"/>
        <v>-3.5772954432900441</v>
      </c>
      <c r="O724">
        <f t="shared" si="103"/>
        <v>2.9224209871254057</v>
      </c>
      <c r="Q724">
        <v>974.88634999999999</v>
      </c>
      <c r="R724">
        <v>509.30500000000001</v>
      </c>
      <c r="S724">
        <v>0.95373576999999998</v>
      </c>
      <c r="T724">
        <v>1096.1859999999999</v>
      </c>
      <c r="U724">
        <v>431.11520000000002</v>
      </c>
      <c r="V724">
        <v>0.95806809999999998</v>
      </c>
      <c r="W724">
        <v>1102.6273000000001</v>
      </c>
      <c r="X724">
        <v>575.87710000000004</v>
      </c>
      <c r="Y724">
        <v>0.89890510000000001</v>
      </c>
      <c r="Z724">
        <f t="shared" si="104"/>
        <v>1057.8998833333333</v>
      </c>
      <c r="AA724">
        <f t="shared" si="105"/>
        <v>505.43243333333339</v>
      </c>
      <c r="AB724">
        <f t="shared" si="106"/>
        <v>5.4781842009333621</v>
      </c>
      <c r="AC724">
        <f t="shared" si="107"/>
        <v>2.7745668603282949</v>
      </c>
    </row>
    <row r="725" spans="1:29" x14ac:dyDescent="0.4">
      <c r="A725">
        <v>722</v>
      </c>
      <c r="B725">
        <f t="shared" si="99"/>
        <v>24.066666666666666</v>
      </c>
      <c r="C725">
        <v>752.78549999999996</v>
      </c>
      <c r="D725">
        <v>499.50261999999998</v>
      </c>
      <c r="E725">
        <v>0.93521240000000005</v>
      </c>
      <c r="F725">
        <v>881.51995999999997</v>
      </c>
      <c r="G725">
        <v>433.97046</v>
      </c>
      <c r="H725">
        <v>0.92429899999999998</v>
      </c>
      <c r="I725">
        <v>873.19190000000003</v>
      </c>
      <c r="J725">
        <v>577.49590000000001</v>
      </c>
      <c r="K725">
        <v>0.8858857</v>
      </c>
      <c r="L725">
        <f t="shared" si="100"/>
        <v>835.83245333333343</v>
      </c>
      <c r="M725">
        <f t="shared" si="101"/>
        <v>503.6563266666667</v>
      </c>
      <c r="N725">
        <f t="shared" si="102"/>
        <v>-3.5778364691102618</v>
      </c>
      <c r="O725">
        <f t="shared" si="103"/>
        <v>2.9230048596909564</v>
      </c>
      <c r="Q725">
        <v>974.98126000000002</v>
      </c>
      <c r="R725">
        <v>509.17926</v>
      </c>
      <c r="S725">
        <v>0.96661174000000005</v>
      </c>
      <c r="T725">
        <v>1096.2968000000001</v>
      </c>
      <c r="U725">
        <v>430.99628000000001</v>
      </c>
      <c r="V725">
        <v>0.94978989999999996</v>
      </c>
      <c r="W725">
        <v>1102.5522000000001</v>
      </c>
      <c r="X725">
        <v>575.80676000000005</v>
      </c>
      <c r="Y725">
        <v>0.89051460000000005</v>
      </c>
      <c r="Z725">
        <f t="shared" si="104"/>
        <v>1057.9434200000001</v>
      </c>
      <c r="AA725">
        <f t="shared" si="105"/>
        <v>505.32743333333337</v>
      </c>
      <c r="AB725">
        <f t="shared" si="106"/>
        <v>5.4799997052069127</v>
      </c>
      <c r="AC725">
        <f t="shared" si="107"/>
        <v>2.7788376497981644</v>
      </c>
    </row>
    <row r="726" spans="1:29" x14ac:dyDescent="0.4">
      <c r="A726">
        <v>723</v>
      </c>
      <c r="B726">
        <f t="shared" si="99"/>
        <v>24.1</v>
      </c>
      <c r="C726">
        <v>752.81500000000005</v>
      </c>
      <c r="D726">
        <v>499.55032</v>
      </c>
      <c r="E726">
        <v>0.93026129999999996</v>
      </c>
      <c r="F726">
        <v>881.55589999999995</v>
      </c>
      <c r="G726">
        <v>433.97340000000003</v>
      </c>
      <c r="H726">
        <v>0.92735785000000004</v>
      </c>
      <c r="I726">
        <v>873.08209999999997</v>
      </c>
      <c r="J726">
        <v>577.4271</v>
      </c>
      <c r="K726">
        <v>0.8903006</v>
      </c>
      <c r="L726">
        <f t="shared" si="100"/>
        <v>835.8176666666667</v>
      </c>
      <c r="M726">
        <f t="shared" si="101"/>
        <v>503.65027333333336</v>
      </c>
      <c r="N726">
        <f t="shared" si="102"/>
        <v>-3.5784355518905828</v>
      </c>
      <c r="O726">
        <f t="shared" si="103"/>
        <v>2.92325694831491</v>
      </c>
      <c r="Q726">
        <v>974.89184999999998</v>
      </c>
      <c r="R726">
        <v>509.2688</v>
      </c>
      <c r="S726">
        <v>0.96850060000000004</v>
      </c>
      <c r="T726">
        <v>1096.2579000000001</v>
      </c>
      <c r="U726">
        <v>431.12045000000001</v>
      </c>
      <c r="V726">
        <v>0.9489552</v>
      </c>
      <c r="W726">
        <v>1102.3318999999999</v>
      </c>
      <c r="X726">
        <v>575.74743999999998</v>
      </c>
      <c r="Y726">
        <v>0.88005610000000001</v>
      </c>
      <c r="Z726">
        <f t="shared" si="104"/>
        <v>1057.8272166666666</v>
      </c>
      <c r="AA726">
        <f t="shared" si="105"/>
        <v>505.37889666666661</v>
      </c>
      <c r="AB726">
        <f t="shared" si="106"/>
        <v>5.4752281712543702</v>
      </c>
      <c r="AC726">
        <f t="shared" si="107"/>
        <v>2.7767771444094986</v>
      </c>
    </row>
    <row r="727" spans="1:29" x14ac:dyDescent="0.4">
      <c r="A727">
        <v>724</v>
      </c>
      <c r="B727">
        <f t="shared" si="99"/>
        <v>24.133333333333333</v>
      </c>
      <c r="C727">
        <v>752.62225000000001</v>
      </c>
      <c r="D727">
        <v>499.52181999999999</v>
      </c>
      <c r="E727">
        <v>0.92704019999999998</v>
      </c>
      <c r="F727">
        <v>881.52049999999997</v>
      </c>
      <c r="G727">
        <v>433.91489999999999</v>
      </c>
      <c r="H727">
        <v>0.93497030000000003</v>
      </c>
      <c r="I727">
        <v>873.14059999999995</v>
      </c>
      <c r="J727">
        <v>577.34500000000003</v>
      </c>
      <c r="K727">
        <v>0.89262580000000002</v>
      </c>
      <c r="L727">
        <f t="shared" si="100"/>
        <v>835.76111666666657</v>
      </c>
      <c r="M727">
        <f t="shared" si="101"/>
        <v>503.59390666666667</v>
      </c>
      <c r="N727">
        <f t="shared" si="102"/>
        <v>-3.5807159010523208</v>
      </c>
      <c r="O727">
        <f t="shared" si="103"/>
        <v>2.9255768072592878</v>
      </c>
      <c r="Q727">
        <v>974.7989</v>
      </c>
      <c r="R727">
        <v>509.2122</v>
      </c>
      <c r="S727">
        <v>0.96726745000000003</v>
      </c>
      <c r="T727">
        <v>1096.2242000000001</v>
      </c>
      <c r="U727">
        <v>431.17453</v>
      </c>
      <c r="V727">
        <v>0.97103286</v>
      </c>
      <c r="W727">
        <v>1102.3524</v>
      </c>
      <c r="X727">
        <v>575.81290000000001</v>
      </c>
      <c r="Y727">
        <v>0.88341415000000001</v>
      </c>
      <c r="Z727">
        <f t="shared" si="104"/>
        <v>1057.7918333333334</v>
      </c>
      <c r="AA727">
        <f t="shared" si="105"/>
        <v>505.39987666666667</v>
      </c>
      <c r="AB727">
        <f t="shared" si="106"/>
        <v>5.473773544166689</v>
      </c>
      <c r="AC727">
        <f t="shared" si="107"/>
        <v>2.7759330044616437</v>
      </c>
    </row>
    <row r="728" spans="1:29" x14ac:dyDescent="0.4">
      <c r="A728">
        <v>725</v>
      </c>
      <c r="B728">
        <f t="shared" si="99"/>
        <v>24.166666666666668</v>
      </c>
      <c r="C728">
        <v>752.81820000000005</v>
      </c>
      <c r="D728">
        <v>499.49297999999999</v>
      </c>
      <c r="E728">
        <v>0.92980057000000005</v>
      </c>
      <c r="F728">
        <v>881.54407000000003</v>
      </c>
      <c r="G728">
        <v>433.83877999999999</v>
      </c>
      <c r="H728">
        <v>0.92989379999999999</v>
      </c>
      <c r="I728">
        <v>873.21312999999998</v>
      </c>
      <c r="J728">
        <v>577.25459999999998</v>
      </c>
      <c r="K728">
        <v>0.90570720000000005</v>
      </c>
      <c r="L728">
        <f t="shared" si="100"/>
        <v>835.85846666666669</v>
      </c>
      <c r="M728">
        <f t="shared" si="101"/>
        <v>503.52878666666669</v>
      </c>
      <c r="N728">
        <f t="shared" si="102"/>
        <v>-3.5767377079369265</v>
      </c>
      <c r="O728">
        <f t="shared" si="103"/>
        <v>2.9282017700048839</v>
      </c>
      <c r="Q728">
        <v>974.80089999999996</v>
      </c>
      <c r="R728">
        <v>509.19054999999997</v>
      </c>
      <c r="S728">
        <v>0.95579064000000002</v>
      </c>
      <c r="T728">
        <v>1096.1295</v>
      </c>
      <c r="U728">
        <v>431.12723</v>
      </c>
      <c r="V728">
        <v>0.94180923999999999</v>
      </c>
      <c r="W728">
        <v>1102.2344000000001</v>
      </c>
      <c r="X728">
        <v>575.92269999999996</v>
      </c>
      <c r="Y728">
        <v>0.89649325999999996</v>
      </c>
      <c r="Z728">
        <f t="shared" si="104"/>
        <v>1057.7216000000001</v>
      </c>
      <c r="AA728">
        <f t="shared" si="105"/>
        <v>505.41349333333329</v>
      </c>
      <c r="AB728">
        <f t="shared" si="106"/>
        <v>5.4708953105793494</v>
      </c>
      <c r="AC728">
        <f t="shared" si="107"/>
        <v>2.7754014363647861</v>
      </c>
    </row>
    <row r="729" spans="1:29" x14ac:dyDescent="0.4">
      <c r="A729">
        <v>726</v>
      </c>
      <c r="B729">
        <f t="shared" si="99"/>
        <v>24.2</v>
      </c>
      <c r="C729">
        <v>752.83965999999998</v>
      </c>
      <c r="D729">
        <v>499.52798000000001</v>
      </c>
      <c r="E729">
        <v>0.93188404999999996</v>
      </c>
      <c r="F729">
        <v>881.57910000000004</v>
      </c>
      <c r="G729">
        <v>433.798</v>
      </c>
      <c r="H729">
        <v>0.92284685</v>
      </c>
      <c r="I729">
        <v>873.18866000000003</v>
      </c>
      <c r="J729">
        <v>577.27850000000001</v>
      </c>
      <c r="K729">
        <v>0.91164880000000004</v>
      </c>
      <c r="L729">
        <f t="shared" si="100"/>
        <v>835.86914000000013</v>
      </c>
      <c r="M729">
        <f t="shared" si="101"/>
        <v>503.53482666666667</v>
      </c>
      <c r="N729">
        <f t="shared" si="102"/>
        <v>-3.576305818579534</v>
      </c>
      <c r="O729">
        <f t="shared" si="103"/>
        <v>2.927951620392883</v>
      </c>
      <c r="Q729">
        <v>974.70129999999995</v>
      </c>
      <c r="R729">
        <v>509.14526000000001</v>
      </c>
      <c r="S729">
        <v>0.95734240000000004</v>
      </c>
      <c r="T729">
        <v>1096.1332</v>
      </c>
      <c r="U729">
        <v>431.17032</v>
      </c>
      <c r="V729">
        <v>0.9611442</v>
      </c>
      <c r="W729">
        <v>1102.1234999999999</v>
      </c>
      <c r="X729">
        <v>576.01293999999996</v>
      </c>
      <c r="Y729">
        <v>0.90315973999999999</v>
      </c>
      <c r="Z729">
        <f t="shared" si="104"/>
        <v>1057.6526666666666</v>
      </c>
      <c r="AA729">
        <f t="shared" si="105"/>
        <v>505.44283999999999</v>
      </c>
      <c r="AB729">
        <f t="shared" si="106"/>
        <v>5.4680651744880153</v>
      </c>
      <c r="AC729">
        <f t="shared" si="107"/>
        <v>2.7742273645139073</v>
      </c>
    </row>
    <row r="730" spans="1:29" x14ac:dyDescent="0.4">
      <c r="A730">
        <v>727</v>
      </c>
      <c r="B730">
        <f t="shared" si="99"/>
        <v>24.233333333333334</v>
      </c>
      <c r="C730">
        <v>752.87699999999995</v>
      </c>
      <c r="D730">
        <v>499.529</v>
      </c>
      <c r="E730">
        <v>0.92520886999999996</v>
      </c>
      <c r="F730">
        <v>881.52746999999999</v>
      </c>
      <c r="G730">
        <v>433.65857</v>
      </c>
      <c r="H730">
        <v>0.91956610000000005</v>
      </c>
      <c r="I730">
        <v>873.21514999999999</v>
      </c>
      <c r="J730">
        <v>577.19903999999997</v>
      </c>
      <c r="K730">
        <v>0.91321885999999997</v>
      </c>
      <c r="L730">
        <f t="shared" si="100"/>
        <v>835.87320666666665</v>
      </c>
      <c r="M730">
        <f t="shared" si="101"/>
        <v>503.46220333333332</v>
      </c>
      <c r="N730">
        <f t="shared" si="102"/>
        <v>-3.57611695779396</v>
      </c>
      <c r="O730">
        <f t="shared" si="103"/>
        <v>2.9309144650092538</v>
      </c>
      <c r="Q730">
        <v>974.71312999999998</v>
      </c>
      <c r="R730">
        <v>509.06905999999998</v>
      </c>
      <c r="S730">
        <v>0.95506316000000002</v>
      </c>
      <c r="T730">
        <v>1096.0753</v>
      </c>
      <c r="U730">
        <v>431.14159999999998</v>
      </c>
      <c r="V730">
        <v>0.94013745000000004</v>
      </c>
      <c r="W730">
        <v>1101.9573</v>
      </c>
      <c r="X730">
        <v>576.02679999999998</v>
      </c>
      <c r="Y730">
        <v>0.90955733999999999</v>
      </c>
      <c r="Z730">
        <f t="shared" si="104"/>
        <v>1057.5819100000001</v>
      </c>
      <c r="AA730">
        <f t="shared" si="105"/>
        <v>505.41248666666661</v>
      </c>
      <c r="AB730">
        <f t="shared" si="106"/>
        <v>5.4651798005056804</v>
      </c>
      <c r="AC730">
        <f t="shared" si="107"/>
        <v>2.7754907102772135</v>
      </c>
    </row>
    <row r="731" spans="1:29" x14ac:dyDescent="0.4">
      <c r="A731">
        <v>728</v>
      </c>
      <c r="B731">
        <f t="shared" si="99"/>
        <v>24.266666666666666</v>
      </c>
      <c r="C731">
        <v>752.60144000000003</v>
      </c>
      <c r="D731">
        <v>499.32544000000001</v>
      </c>
      <c r="E731">
        <v>0.92154860000000005</v>
      </c>
      <c r="F731">
        <v>881.49383999999998</v>
      </c>
      <c r="G731">
        <v>433.57452000000001</v>
      </c>
      <c r="H731">
        <v>0.91126496000000001</v>
      </c>
      <c r="I731">
        <v>873.19946000000004</v>
      </c>
      <c r="J731">
        <v>577.19399999999996</v>
      </c>
      <c r="K731">
        <v>0.91232437</v>
      </c>
      <c r="L731">
        <f t="shared" si="100"/>
        <v>835.76491333333342</v>
      </c>
      <c r="M731">
        <f t="shared" si="101"/>
        <v>503.36465333333331</v>
      </c>
      <c r="N731">
        <f t="shared" si="102"/>
        <v>-3.5804872043271154</v>
      </c>
      <c r="O731">
        <f t="shared" si="103"/>
        <v>2.9349328148316713</v>
      </c>
      <c r="Q731">
        <v>974.59466999999995</v>
      </c>
      <c r="R731">
        <v>509.06099999999998</v>
      </c>
      <c r="S731">
        <v>0.96308850000000001</v>
      </c>
      <c r="T731">
        <v>1096.213</v>
      </c>
      <c r="U731">
        <v>431.15660000000003</v>
      </c>
      <c r="V731">
        <v>0.95606619999999998</v>
      </c>
      <c r="W731">
        <v>1101.9414999999999</v>
      </c>
      <c r="X731">
        <v>575.98253999999997</v>
      </c>
      <c r="Y731">
        <v>0.91442155999999997</v>
      </c>
      <c r="Z731">
        <f t="shared" si="104"/>
        <v>1057.5830566666666</v>
      </c>
      <c r="AA731">
        <f t="shared" si="105"/>
        <v>505.40004666666664</v>
      </c>
      <c r="AB731">
        <f t="shared" si="106"/>
        <v>5.4652307545729091</v>
      </c>
      <c r="AC731">
        <f t="shared" si="107"/>
        <v>2.7759980810106848</v>
      </c>
    </row>
    <row r="732" spans="1:29" x14ac:dyDescent="0.4">
      <c r="A732">
        <v>729</v>
      </c>
      <c r="B732">
        <f t="shared" si="99"/>
        <v>24.3</v>
      </c>
      <c r="C732">
        <v>752.46320000000003</v>
      </c>
      <c r="D732">
        <v>499.27929999999998</v>
      </c>
      <c r="E732">
        <v>0.91575960000000001</v>
      </c>
      <c r="F732">
        <v>881.36847</v>
      </c>
      <c r="G732">
        <v>433.51873999999998</v>
      </c>
      <c r="H732">
        <v>0.90613529999999998</v>
      </c>
      <c r="I732">
        <v>873.11350000000004</v>
      </c>
      <c r="J732">
        <v>577.18255999999997</v>
      </c>
      <c r="K732">
        <v>0.90922517000000003</v>
      </c>
      <c r="L732">
        <f t="shared" si="100"/>
        <v>835.64838999999995</v>
      </c>
      <c r="M732">
        <f t="shared" si="101"/>
        <v>503.3268666666666</v>
      </c>
      <c r="N732">
        <f t="shared" si="102"/>
        <v>-3.5852113542836732</v>
      </c>
      <c r="O732">
        <f t="shared" si="103"/>
        <v>2.9365146311581607</v>
      </c>
      <c r="Q732">
        <v>974.54425000000003</v>
      </c>
      <c r="R732">
        <v>509.05554000000001</v>
      </c>
      <c r="S732">
        <v>0.96301320000000001</v>
      </c>
      <c r="T732">
        <v>1096.1713999999999</v>
      </c>
      <c r="U732">
        <v>431.20618000000002</v>
      </c>
      <c r="V732">
        <v>0.96431029999999995</v>
      </c>
      <c r="W732">
        <v>1101.9048</v>
      </c>
      <c r="X732">
        <v>575.98145</v>
      </c>
      <c r="Y732">
        <v>0.91463030000000001</v>
      </c>
      <c r="Z732">
        <f t="shared" si="104"/>
        <v>1057.54015</v>
      </c>
      <c r="AA732">
        <f t="shared" si="105"/>
        <v>505.41438999999997</v>
      </c>
      <c r="AB732">
        <f t="shared" si="106"/>
        <v>5.4634704517570016</v>
      </c>
      <c r="AC732">
        <f t="shared" si="107"/>
        <v>2.7754274260531537</v>
      </c>
    </row>
    <row r="733" spans="1:29" x14ac:dyDescent="0.4">
      <c r="A733">
        <v>730</v>
      </c>
      <c r="B733">
        <f t="shared" si="99"/>
        <v>24.333333333333332</v>
      </c>
      <c r="C733">
        <v>752.28599999999994</v>
      </c>
      <c r="D733">
        <v>499.18396000000001</v>
      </c>
      <c r="E733">
        <v>0.91598796999999998</v>
      </c>
      <c r="F733">
        <v>881.26355000000001</v>
      </c>
      <c r="G733">
        <v>433.46917999999999</v>
      </c>
      <c r="H733">
        <v>0.8934086</v>
      </c>
      <c r="I733">
        <v>873.04020000000003</v>
      </c>
      <c r="J733">
        <v>577.13306</v>
      </c>
      <c r="K733">
        <v>0.90914375000000003</v>
      </c>
      <c r="L733">
        <f t="shared" si="100"/>
        <v>835.52991666666674</v>
      </c>
      <c r="M733">
        <f t="shared" si="101"/>
        <v>503.26206666666667</v>
      </c>
      <c r="N733">
        <f t="shared" si="102"/>
        <v>-3.5900059869142584</v>
      </c>
      <c r="O733">
        <f t="shared" si="103"/>
        <v>2.9391996921045096</v>
      </c>
      <c r="Q733">
        <v>974.47973999999999</v>
      </c>
      <c r="R733">
        <v>509.03366</v>
      </c>
      <c r="S733">
        <v>0.96494435999999995</v>
      </c>
      <c r="T733">
        <v>1096.1686</v>
      </c>
      <c r="U733">
        <v>431.21663999999998</v>
      </c>
      <c r="V733">
        <v>0.95490514999999998</v>
      </c>
      <c r="W733">
        <v>1101.9656</v>
      </c>
      <c r="X733">
        <v>575.8546</v>
      </c>
      <c r="Y733">
        <v>0.91155549999999996</v>
      </c>
      <c r="Z733">
        <f t="shared" si="104"/>
        <v>1057.5379799999998</v>
      </c>
      <c r="AA733">
        <f t="shared" si="105"/>
        <v>505.36829999999992</v>
      </c>
      <c r="AB733">
        <f t="shared" si="106"/>
        <v>5.4633966090439285</v>
      </c>
      <c r="AC733">
        <f t="shared" si="107"/>
        <v>2.7773094401056642</v>
      </c>
    </row>
    <row r="734" spans="1:29" x14ac:dyDescent="0.4">
      <c r="A734">
        <v>731</v>
      </c>
      <c r="B734">
        <f t="shared" si="99"/>
        <v>24.366666666666667</v>
      </c>
      <c r="C734">
        <v>752.18269999999995</v>
      </c>
      <c r="D734">
        <v>499.07004000000001</v>
      </c>
      <c r="E734">
        <v>0.90380554999999996</v>
      </c>
      <c r="F734">
        <v>881.14795000000004</v>
      </c>
      <c r="G734">
        <v>433.38812000000001</v>
      </c>
      <c r="H734">
        <v>0.88648000000000005</v>
      </c>
      <c r="I734">
        <v>872.88049999999998</v>
      </c>
      <c r="J734">
        <v>577.04503999999997</v>
      </c>
      <c r="K734">
        <v>0.90597139999999998</v>
      </c>
      <c r="L734">
        <f t="shared" si="100"/>
        <v>835.4037166666667</v>
      </c>
      <c r="M734">
        <f t="shared" si="101"/>
        <v>503.16773333333339</v>
      </c>
      <c r="N734">
        <f t="shared" si="102"/>
        <v>-3.595105089932281</v>
      </c>
      <c r="O734">
        <f t="shared" si="103"/>
        <v>2.9430928106964394</v>
      </c>
      <c r="Q734">
        <v>974.52715999999998</v>
      </c>
      <c r="R734">
        <v>508.89780000000002</v>
      </c>
      <c r="S734">
        <v>0.95962906000000003</v>
      </c>
      <c r="T734">
        <v>1096.1561999999999</v>
      </c>
      <c r="U734">
        <v>431.18698000000001</v>
      </c>
      <c r="V734">
        <v>0.94513959999999997</v>
      </c>
      <c r="W734">
        <v>1101.9878000000001</v>
      </c>
      <c r="X734">
        <v>575.81119999999999</v>
      </c>
      <c r="Y734">
        <v>0.90269953000000003</v>
      </c>
      <c r="Z734">
        <f t="shared" si="104"/>
        <v>1057.5570533333332</v>
      </c>
      <c r="AA734">
        <f t="shared" si="105"/>
        <v>505.29865999999998</v>
      </c>
      <c r="AB734">
        <f t="shared" si="106"/>
        <v>5.4641996369527828</v>
      </c>
      <c r="AC734">
        <f t="shared" si="107"/>
        <v>2.7801453702903038</v>
      </c>
    </row>
    <row r="735" spans="1:29" x14ac:dyDescent="0.4">
      <c r="A735">
        <v>732</v>
      </c>
      <c r="B735">
        <f t="shared" si="99"/>
        <v>24.4</v>
      </c>
      <c r="C735">
        <v>752.09704999999997</v>
      </c>
      <c r="D735">
        <v>499.04705999999999</v>
      </c>
      <c r="E735">
        <v>0.89836910000000003</v>
      </c>
      <c r="F735">
        <v>881.03796</v>
      </c>
      <c r="G735">
        <v>433.3381</v>
      </c>
      <c r="H735">
        <v>0.88329329999999995</v>
      </c>
      <c r="I735">
        <v>872.89340000000004</v>
      </c>
      <c r="J735">
        <v>576.97313999999994</v>
      </c>
      <c r="K735">
        <v>0.91150719999999996</v>
      </c>
      <c r="L735">
        <f t="shared" si="100"/>
        <v>835.34280333333334</v>
      </c>
      <c r="M735">
        <f t="shared" si="101"/>
        <v>503.11943333333329</v>
      </c>
      <c r="N735">
        <f t="shared" si="102"/>
        <v>-3.597565384345792</v>
      </c>
      <c r="O735">
        <f t="shared" si="103"/>
        <v>2.9450848855171992</v>
      </c>
      <c r="Q735">
        <v>974.38469999999995</v>
      </c>
      <c r="R735">
        <v>508.90609999999998</v>
      </c>
      <c r="S735">
        <v>0.96790229999999999</v>
      </c>
      <c r="T735">
        <v>1096.1278</v>
      </c>
      <c r="U735">
        <v>431.15075999999999</v>
      </c>
      <c r="V735">
        <v>0.96062020000000004</v>
      </c>
      <c r="W735">
        <v>1101.8875</v>
      </c>
      <c r="X735">
        <v>575.83276000000001</v>
      </c>
      <c r="Y735">
        <v>0.90935350000000004</v>
      </c>
      <c r="Z735">
        <f t="shared" si="104"/>
        <v>1057.4666666666665</v>
      </c>
      <c r="AA735">
        <f t="shared" si="105"/>
        <v>505.29653999999999</v>
      </c>
      <c r="AB735">
        <f t="shared" si="106"/>
        <v>5.4605018975916542</v>
      </c>
      <c r="AC735">
        <f t="shared" si="107"/>
        <v>2.7802630802814332</v>
      </c>
    </row>
    <row r="736" spans="1:29" x14ac:dyDescent="0.4">
      <c r="A736">
        <v>733</v>
      </c>
      <c r="B736">
        <f t="shared" si="99"/>
        <v>24.433333333333334</v>
      </c>
      <c r="C736">
        <v>752.0992</v>
      </c>
      <c r="D736">
        <v>498.98788000000002</v>
      </c>
      <c r="E736">
        <v>0.89416879999999999</v>
      </c>
      <c r="F736">
        <v>881.02495999999996</v>
      </c>
      <c r="G736">
        <v>433.22449999999998</v>
      </c>
      <c r="H736">
        <v>0.87819950000000002</v>
      </c>
      <c r="I736">
        <v>872.80870000000004</v>
      </c>
      <c r="J736">
        <v>576.86303999999996</v>
      </c>
      <c r="K736">
        <v>0.90291739999999998</v>
      </c>
      <c r="L736">
        <f t="shared" si="100"/>
        <v>835.31095333333326</v>
      </c>
      <c r="M736">
        <f t="shared" si="101"/>
        <v>503.02513999999996</v>
      </c>
      <c r="N736">
        <f t="shared" si="102"/>
        <v>-3.5988294093402624</v>
      </c>
      <c r="O736">
        <f t="shared" si="103"/>
        <v>2.9489443802520707</v>
      </c>
      <c r="Q736">
        <v>974.37490000000003</v>
      </c>
      <c r="R736">
        <v>508.82092</v>
      </c>
      <c r="S736">
        <v>0.96807969999999999</v>
      </c>
      <c r="T736">
        <v>1096.1265000000001</v>
      </c>
      <c r="U736">
        <v>431.14272999999997</v>
      </c>
      <c r="V736">
        <v>0.96727240000000003</v>
      </c>
      <c r="W736">
        <v>1101.6935000000001</v>
      </c>
      <c r="X736">
        <v>575.84514999999999</v>
      </c>
      <c r="Y736">
        <v>0.90606713000000005</v>
      </c>
      <c r="Z736">
        <f t="shared" si="104"/>
        <v>1057.3983000000001</v>
      </c>
      <c r="AA736">
        <f t="shared" si="105"/>
        <v>505.26959999999991</v>
      </c>
      <c r="AB736">
        <f t="shared" si="106"/>
        <v>5.4577132259600134</v>
      </c>
      <c r="AC736">
        <f t="shared" si="107"/>
        <v>2.7813862768091253</v>
      </c>
    </row>
    <row r="737" spans="1:29" x14ac:dyDescent="0.4">
      <c r="A737">
        <v>734</v>
      </c>
      <c r="B737">
        <f t="shared" si="99"/>
        <v>24.466666666666665</v>
      </c>
      <c r="C737">
        <v>752.04309999999998</v>
      </c>
      <c r="D737">
        <v>499.17345999999998</v>
      </c>
      <c r="E737">
        <v>0.89508085999999998</v>
      </c>
      <c r="F737">
        <v>881.01909999999998</v>
      </c>
      <c r="G737">
        <v>433.13718</v>
      </c>
      <c r="H737">
        <v>0.8890304</v>
      </c>
      <c r="I737">
        <v>872.89306999999997</v>
      </c>
      <c r="J737">
        <v>576.81140000000005</v>
      </c>
      <c r="K737">
        <v>0.90684222999999997</v>
      </c>
      <c r="L737">
        <f t="shared" si="100"/>
        <v>835.31842333333327</v>
      </c>
      <c r="M737">
        <f t="shared" si="101"/>
        <v>503.04068000000001</v>
      </c>
      <c r="N737">
        <f t="shared" si="102"/>
        <v>-3.5985308158550615</v>
      </c>
      <c r="O737">
        <f t="shared" si="103"/>
        <v>2.9483075640973024</v>
      </c>
      <c r="Q737">
        <v>974.44579999999996</v>
      </c>
      <c r="R737">
        <v>508.73779999999999</v>
      </c>
      <c r="S737">
        <v>0.96619290000000002</v>
      </c>
      <c r="T737">
        <v>1096.0802000000001</v>
      </c>
      <c r="U737">
        <v>431.15643</v>
      </c>
      <c r="V737">
        <v>0.96817165999999999</v>
      </c>
      <c r="W737">
        <v>1101.4983999999999</v>
      </c>
      <c r="X737">
        <v>575.82324000000006</v>
      </c>
      <c r="Y737">
        <v>0.90773590000000004</v>
      </c>
      <c r="Z737">
        <f t="shared" si="104"/>
        <v>1057.3414666666665</v>
      </c>
      <c r="AA737">
        <f t="shared" si="105"/>
        <v>505.2391566666667</v>
      </c>
      <c r="AB737">
        <f t="shared" si="106"/>
        <v>5.4553976129378432</v>
      </c>
      <c r="AC737">
        <f t="shared" si="107"/>
        <v>2.7826484907885325</v>
      </c>
    </row>
    <row r="738" spans="1:29" x14ac:dyDescent="0.4">
      <c r="A738">
        <v>735</v>
      </c>
      <c r="B738">
        <f t="shared" si="99"/>
        <v>24.5</v>
      </c>
      <c r="C738">
        <v>752.35406</v>
      </c>
      <c r="D738">
        <v>498.88222999999999</v>
      </c>
      <c r="E738">
        <v>0.88773619999999998</v>
      </c>
      <c r="F738">
        <v>881.08954000000006</v>
      </c>
      <c r="G738">
        <v>433.08875</v>
      </c>
      <c r="H738">
        <v>0.90667933000000001</v>
      </c>
      <c r="I738">
        <v>872.93169999999998</v>
      </c>
      <c r="J738">
        <v>576.79499999999996</v>
      </c>
      <c r="K738">
        <v>0.91295590000000004</v>
      </c>
      <c r="L738">
        <f t="shared" si="100"/>
        <v>835.45843333333335</v>
      </c>
      <c r="M738">
        <f t="shared" si="101"/>
        <v>502.92199333333338</v>
      </c>
      <c r="N738">
        <f t="shared" si="102"/>
        <v>-3.5928012781481526</v>
      </c>
      <c r="O738">
        <f t="shared" si="103"/>
        <v>2.9531044365391832</v>
      </c>
      <c r="Q738">
        <v>974.33234000000004</v>
      </c>
      <c r="R738">
        <v>508.69835999999998</v>
      </c>
      <c r="S738">
        <v>0.97279369999999998</v>
      </c>
      <c r="T738">
        <v>1096.1063999999999</v>
      </c>
      <c r="U738">
        <v>431.10311999999999</v>
      </c>
      <c r="V738">
        <v>0.96564609999999995</v>
      </c>
      <c r="W738">
        <v>1101.3202000000001</v>
      </c>
      <c r="X738">
        <v>575.78480000000002</v>
      </c>
      <c r="Y738">
        <v>0.90983873999999998</v>
      </c>
      <c r="Z738">
        <f t="shared" si="104"/>
        <v>1057.25298</v>
      </c>
      <c r="AA738">
        <f t="shared" si="105"/>
        <v>505.19542666666666</v>
      </c>
      <c r="AB738">
        <f t="shared" si="106"/>
        <v>5.4517911368255101</v>
      </c>
      <c r="AC738">
        <f t="shared" si="107"/>
        <v>2.7844639461167433</v>
      </c>
    </row>
    <row r="739" spans="1:29" x14ac:dyDescent="0.4">
      <c r="A739">
        <v>736</v>
      </c>
      <c r="B739">
        <f t="shared" si="99"/>
        <v>24.533333333333335</v>
      </c>
      <c r="C739">
        <v>752.20690000000002</v>
      </c>
      <c r="D739">
        <v>498.72894000000002</v>
      </c>
      <c r="E739">
        <v>0.89363269999999995</v>
      </c>
      <c r="F739">
        <v>881.03405999999995</v>
      </c>
      <c r="G739">
        <v>433.04766999999998</v>
      </c>
      <c r="H739">
        <v>0.90283080000000004</v>
      </c>
      <c r="I739">
        <v>872.97799999999995</v>
      </c>
      <c r="J739">
        <v>576.67020000000002</v>
      </c>
      <c r="K739">
        <v>0.90798836999999999</v>
      </c>
      <c r="L739">
        <f t="shared" si="100"/>
        <v>835.40632000000005</v>
      </c>
      <c r="M739">
        <f t="shared" si="101"/>
        <v>502.81560333333329</v>
      </c>
      <c r="N739">
        <f t="shared" si="102"/>
        <v>-3.5948850338232772</v>
      </c>
      <c r="O739">
        <f t="shared" si="103"/>
        <v>2.9574645316650661</v>
      </c>
      <c r="Q739">
        <v>974.39404000000002</v>
      </c>
      <c r="R739">
        <v>508.42993000000001</v>
      </c>
      <c r="S739">
        <v>0.96420925999999996</v>
      </c>
      <c r="T739">
        <v>1096.1016999999999</v>
      </c>
      <c r="U739">
        <v>431.12585000000001</v>
      </c>
      <c r="V739">
        <v>0.97011733</v>
      </c>
      <c r="W739">
        <v>1101.2355</v>
      </c>
      <c r="X739">
        <v>575.81695999999999</v>
      </c>
      <c r="Y739">
        <v>0.90139279999999999</v>
      </c>
      <c r="Z739">
        <f t="shared" si="104"/>
        <v>1057.2437466666668</v>
      </c>
      <c r="AA739">
        <f t="shared" si="105"/>
        <v>505.12424666666669</v>
      </c>
      <c r="AB739">
        <f t="shared" si="106"/>
        <v>5.4514364191418192</v>
      </c>
      <c r="AC739">
        <f t="shared" si="107"/>
        <v>2.7873724933945763</v>
      </c>
    </row>
    <row r="740" spans="1:29" x14ac:dyDescent="0.4">
      <c r="A740">
        <v>737</v>
      </c>
      <c r="B740">
        <f t="shared" si="99"/>
        <v>24.566666666666666</v>
      </c>
      <c r="C740">
        <v>752.07665999999995</v>
      </c>
      <c r="D740">
        <v>498.63490000000002</v>
      </c>
      <c r="E740">
        <v>0.89828059999999998</v>
      </c>
      <c r="F740">
        <v>880.96954000000005</v>
      </c>
      <c r="G740">
        <v>432.92554000000001</v>
      </c>
      <c r="H740">
        <v>0.90238594999999999</v>
      </c>
      <c r="I740">
        <v>872.93209999999999</v>
      </c>
      <c r="J740">
        <v>576.67975000000001</v>
      </c>
      <c r="K740">
        <v>0.91314600000000001</v>
      </c>
      <c r="L740">
        <f t="shared" si="100"/>
        <v>835.32609999999988</v>
      </c>
      <c r="M740">
        <f t="shared" si="101"/>
        <v>502.74673000000001</v>
      </c>
      <c r="N740">
        <f t="shared" si="102"/>
        <v>-3.5981234167210476</v>
      </c>
      <c r="O740">
        <f t="shared" si="103"/>
        <v>2.9603028671283247</v>
      </c>
      <c r="Q740">
        <v>974.22119999999995</v>
      </c>
      <c r="R740">
        <v>508.32821999999999</v>
      </c>
      <c r="S740">
        <v>0.9697732</v>
      </c>
      <c r="T740">
        <v>1096.1473000000001</v>
      </c>
      <c r="U740">
        <v>431.02791999999999</v>
      </c>
      <c r="V740">
        <v>0.96837680000000004</v>
      </c>
      <c r="W740">
        <v>1101.1414</v>
      </c>
      <c r="X740">
        <v>575.67444</v>
      </c>
      <c r="Y740">
        <v>0.89901686000000003</v>
      </c>
      <c r="Z740">
        <f t="shared" si="104"/>
        <v>1057.1699666666666</v>
      </c>
      <c r="AA740">
        <f t="shared" si="105"/>
        <v>505.01019333333335</v>
      </c>
      <c r="AB740">
        <f t="shared" si="106"/>
        <v>5.4484545222367036</v>
      </c>
      <c r="AC740">
        <f t="shared" si="107"/>
        <v>2.7920532659302673</v>
      </c>
    </row>
    <row r="741" spans="1:29" x14ac:dyDescent="0.4">
      <c r="A741">
        <v>738</v>
      </c>
      <c r="B741">
        <f t="shared" si="99"/>
        <v>24.6</v>
      </c>
      <c r="C741">
        <v>752.05884000000003</v>
      </c>
      <c r="D741">
        <v>498.63470000000001</v>
      </c>
      <c r="E741">
        <v>0.90280170000000004</v>
      </c>
      <c r="F741">
        <v>880.92219999999998</v>
      </c>
      <c r="G741">
        <v>432.82409999999999</v>
      </c>
      <c r="H741">
        <v>0.90368409999999999</v>
      </c>
      <c r="I741">
        <v>872.94119999999998</v>
      </c>
      <c r="J741">
        <v>576.57776000000001</v>
      </c>
      <c r="K741">
        <v>0.91989880000000002</v>
      </c>
      <c r="L741">
        <f t="shared" si="100"/>
        <v>835.30741333333333</v>
      </c>
      <c r="M741">
        <f t="shared" si="101"/>
        <v>502.67885333333334</v>
      </c>
      <c r="N741">
        <f t="shared" si="102"/>
        <v>-3.5988609572830348</v>
      </c>
      <c r="O741">
        <f t="shared" si="103"/>
        <v>2.9630796604672542</v>
      </c>
      <c r="Q741">
        <v>974.04780000000005</v>
      </c>
      <c r="R741">
        <v>507.98775999999998</v>
      </c>
      <c r="S741">
        <v>0.95564170000000004</v>
      </c>
      <c r="T741">
        <v>1096.1403</v>
      </c>
      <c r="U741">
        <v>430.94603999999998</v>
      </c>
      <c r="V741">
        <v>0.96729169999999998</v>
      </c>
      <c r="W741">
        <v>1101.0988</v>
      </c>
      <c r="X741">
        <v>575.70259999999996</v>
      </c>
      <c r="Y741">
        <v>0.89051100000000005</v>
      </c>
      <c r="Z741">
        <f t="shared" si="104"/>
        <v>1057.0956333333334</v>
      </c>
      <c r="AA741">
        <f t="shared" si="105"/>
        <v>504.87879999999996</v>
      </c>
      <c r="AB741">
        <f t="shared" si="106"/>
        <v>5.4454556158468685</v>
      </c>
      <c r="AC741">
        <f t="shared" si="107"/>
        <v>2.7974419903789118</v>
      </c>
    </row>
    <row r="742" spans="1:29" x14ac:dyDescent="0.4">
      <c r="A742">
        <v>739</v>
      </c>
      <c r="B742">
        <f t="shared" si="99"/>
        <v>24.633333333333333</v>
      </c>
      <c r="C742">
        <v>751.96370000000002</v>
      </c>
      <c r="D742">
        <v>498.44965000000002</v>
      </c>
      <c r="E742">
        <v>0.90212309999999996</v>
      </c>
      <c r="F742">
        <v>880.89197000000001</v>
      </c>
      <c r="G742">
        <v>432.7149</v>
      </c>
      <c r="H742">
        <v>0.90552250000000001</v>
      </c>
      <c r="I742">
        <v>872.92139999999995</v>
      </c>
      <c r="J742">
        <v>576.48900000000003</v>
      </c>
      <c r="K742">
        <v>0.91313639999999996</v>
      </c>
      <c r="L742">
        <f t="shared" si="100"/>
        <v>835.2590233333334</v>
      </c>
      <c r="M742">
        <f t="shared" si="101"/>
        <v>502.55118333333331</v>
      </c>
      <c r="N742">
        <f t="shared" si="102"/>
        <v>-3.6007864556911962</v>
      </c>
      <c r="O742">
        <f t="shared" si="103"/>
        <v>2.9683070465527983</v>
      </c>
      <c r="Q742">
        <v>974.04420000000005</v>
      </c>
      <c r="R742">
        <v>507.96436</v>
      </c>
      <c r="S742">
        <v>0.96840596000000001</v>
      </c>
      <c r="T742">
        <v>1096.0767000000001</v>
      </c>
      <c r="U742">
        <v>430.86279999999999</v>
      </c>
      <c r="V742">
        <v>0.95721469999999997</v>
      </c>
      <c r="W742">
        <v>1101.1400000000001</v>
      </c>
      <c r="X742">
        <v>575.6309</v>
      </c>
      <c r="Y742">
        <v>0.88717780000000002</v>
      </c>
      <c r="Z742">
        <f t="shared" si="104"/>
        <v>1057.0869666666667</v>
      </c>
      <c r="AA742">
        <f t="shared" si="105"/>
        <v>504.81935333333331</v>
      </c>
      <c r="AB742">
        <f t="shared" si="106"/>
        <v>5.4451202812461661</v>
      </c>
      <c r="AC742">
        <f t="shared" si="107"/>
        <v>2.7998714133732725</v>
      </c>
    </row>
    <row r="743" spans="1:29" x14ac:dyDescent="0.4">
      <c r="A743">
        <v>740</v>
      </c>
      <c r="B743">
        <f t="shared" si="99"/>
        <v>24.666666666666668</v>
      </c>
      <c r="C743">
        <v>751.94090000000006</v>
      </c>
      <c r="D743">
        <v>498.42932000000002</v>
      </c>
      <c r="E743">
        <v>0.89234800000000003</v>
      </c>
      <c r="F743">
        <v>880.73206000000005</v>
      </c>
      <c r="G743">
        <v>432.8904</v>
      </c>
      <c r="H743">
        <v>0.90834749999999997</v>
      </c>
      <c r="I743">
        <v>872.63610000000006</v>
      </c>
      <c r="J743">
        <v>576.35175000000004</v>
      </c>
      <c r="K743">
        <v>0.89710920000000005</v>
      </c>
      <c r="L743">
        <f t="shared" si="100"/>
        <v>835.10302000000001</v>
      </c>
      <c r="M743">
        <f t="shared" si="101"/>
        <v>502.55715666666669</v>
      </c>
      <c r="N743">
        <f t="shared" si="102"/>
        <v>-3.607129474139231</v>
      </c>
      <c r="O743">
        <f t="shared" si="103"/>
        <v>2.9681161240187004</v>
      </c>
      <c r="Q743">
        <v>974.19129999999996</v>
      </c>
      <c r="R743">
        <v>507.87984999999998</v>
      </c>
      <c r="S743">
        <v>0.9676399</v>
      </c>
      <c r="T743">
        <v>1096.107</v>
      </c>
      <c r="U743">
        <v>430.81677000000002</v>
      </c>
      <c r="V743">
        <v>0.96373545999999999</v>
      </c>
      <c r="W743">
        <v>1101.1786</v>
      </c>
      <c r="X743">
        <v>575.63530000000003</v>
      </c>
      <c r="Y743">
        <v>0.88740030000000003</v>
      </c>
      <c r="Z743">
        <f t="shared" si="104"/>
        <v>1057.1589666666666</v>
      </c>
      <c r="AA743">
        <f t="shared" si="105"/>
        <v>504.77730666666668</v>
      </c>
      <c r="AB743">
        <f t="shared" si="106"/>
        <v>5.4480799698734454</v>
      </c>
      <c r="AC743">
        <f t="shared" si="107"/>
        <v>2.8015627959691871</v>
      </c>
    </row>
    <row r="744" spans="1:29" x14ac:dyDescent="0.4">
      <c r="A744">
        <v>741</v>
      </c>
      <c r="B744">
        <f t="shared" si="99"/>
        <v>24.7</v>
      </c>
      <c r="C744">
        <v>752.00885000000005</v>
      </c>
      <c r="D744">
        <v>498.18572999999998</v>
      </c>
      <c r="E744">
        <v>0.86248349999999996</v>
      </c>
      <c r="F744">
        <v>880.63054999999997</v>
      </c>
      <c r="G744">
        <v>432.84197999999998</v>
      </c>
      <c r="H744">
        <v>0.89042186999999995</v>
      </c>
      <c r="I744">
        <v>872.47</v>
      </c>
      <c r="J744">
        <v>576.31286999999998</v>
      </c>
      <c r="K744">
        <v>0.86902844999999995</v>
      </c>
      <c r="L744">
        <f t="shared" si="100"/>
        <v>835.0364666666668</v>
      </c>
      <c r="M744">
        <f t="shared" si="101"/>
        <v>502.44686000000002</v>
      </c>
      <c r="N744">
        <f t="shared" si="102"/>
        <v>-3.6097988800816778</v>
      </c>
      <c r="O744">
        <f t="shared" si="103"/>
        <v>2.9726405513858931</v>
      </c>
      <c r="Q744">
        <v>974.07434000000001</v>
      </c>
      <c r="R744">
        <v>508.10390000000001</v>
      </c>
      <c r="S744">
        <v>0.99137240000000004</v>
      </c>
      <c r="T744">
        <v>1095.7562</v>
      </c>
      <c r="U744">
        <v>430.73971999999998</v>
      </c>
      <c r="V744">
        <v>0.89192676999999998</v>
      </c>
      <c r="W744">
        <v>1101.3646000000001</v>
      </c>
      <c r="X744">
        <v>575.79920000000004</v>
      </c>
      <c r="Y744">
        <v>0.89918869999999995</v>
      </c>
      <c r="Z744">
        <f t="shared" si="104"/>
        <v>1057.0650466666666</v>
      </c>
      <c r="AA744">
        <f t="shared" si="105"/>
        <v>504.88094000000001</v>
      </c>
      <c r="AB744">
        <f t="shared" si="106"/>
        <v>5.4442033975183746</v>
      </c>
      <c r="AC744">
        <f t="shared" si="107"/>
        <v>2.7973651920813318</v>
      </c>
    </row>
    <row r="745" spans="1:29" x14ac:dyDescent="0.4">
      <c r="A745">
        <v>742</v>
      </c>
      <c r="B745">
        <f t="shared" si="99"/>
        <v>24.733333333333334</v>
      </c>
      <c r="C745">
        <v>751.96749999999997</v>
      </c>
      <c r="D745">
        <v>498.10399999999998</v>
      </c>
      <c r="E745">
        <v>0.8740156</v>
      </c>
      <c r="F745">
        <v>880.56949999999995</v>
      </c>
      <c r="G745">
        <v>432.6789</v>
      </c>
      <c r="H745">
        <v>0.89985660000000001</v>
      </c>
      <c r="I745">
        <v>872.42349999999999</v>
      </c>
      <c r="J745">
        <v>576.23145</v>
      </c>
      <c r="K745">
        <v>0.86957085000000001</v>
      </c>
      <c r="L745">
        <f t="shared" si="100"/>
        <v>834.98683333333327</v>
      </c>
      <c r="M745">
        <f t="shared" si="101"/>
        <v>502.33811666666662</v>
      </c>
      <c r="N745">
        <f t="shared" si="102"/>
        <v>-3.6117810397428975</v>
      </c>
      <c r="O745">
        <f t="shared" si="103"/>
        <v>2.9770958369238638</v>
      </c>
      <c r="Q745">
        <v>974.02869999999996</v>
      </c>
      <c r="R745">
        <v>507.97609999999997</v>
      </c>
      <c r="S745">
        <v>0.98444180000000003</v>
      </c>
      <c r="T745">
        <v>1095.8176000000001</v>
      </c>
      <c r="U745">
        <v>430.78564</v>
      </c>
      <c r="V745">
        <v>0.91185784000000003</v>
      </c>
      <c r="W745">
        <v>1101.3864000000001</v>
      </c>
      <c r="X745">
        <v>575.76829999999995</v>
      </c>
      <c r="Y745">
        <v>0.89704216000000003</v>
      </c>
      <c r="Z745">
        <f t="shared" si="104"/>
        <v>1057.0775666666668</v>
      </c>
      <c r="AA745">
        <f t="shared" si="105"/>
        <v>504.8433466666666</v>
      </c>
      <c r="AB745">
        <f t="shared" si="106"/>
        <v>5.4447278759554338</v>
      </c>
      <c r="AC745">
        <f t="shared" si="107"/>
        <v>2.7988953203366149</v>
      </c>
    </row>
    <row r="746" spans="1:29" x14ac:dyDescent="0.4">
      <c r="A746">
        <v>743</v>
      </c>
      <c r="B746">
        <f t="shared" si="99"/>
        <v>24.766666666666666</v>
      </c>
      <c r="C746">
        <v>751.87710000000004</v>
      </c>
      <c r="D746">
        <v>498.0752</v>
      </c>
      <c r="E746">
        <v>0.87305060000000001</v>
      </c>
      <c r="F746">
        <v>880.56489999999997</v>
      </c>
      <c r="G746">
        <v>432.58780000000002</v>
      </c>
      <c r="H746">
        <v>0.89423710000000001</v>
      </c>
      <c r="I746">
        <v>872.35889999999995</v>
      </c>
      <c r="J746">
        <v>576.09460000000001</v>
      </c>
      <c r="K746">
        <v>0.87391675000000002</v>
      </c>
      <c r="L746">
        <f t="shared" si="100"/>
        <v>834.93363333333343</v>
      </c>
      <c r="M746">
        <f t="shared" si="101"/>
        <v>502.2525333333333</v>
      </c>
      <c r="N746">
        <f t="shared" si="102"/>
        <v>-3.6139156836378166</v>
      </c>
      <c r="O746">
        <f t="shared" si="103"/>
        <v>2.9806070309970303</v>
      </c>
      <c r="Q746">
        <v>974.00116000000003</v>
      </c>
      <c r="R746">
        <v>507.92052999999999</v>
      </c>
      <c r="S746">
        <v>0.98560904999999999</v>
      </c>
      <c r="T746">
        <v>1095.8545999999999</v>
      </c>
      <c r="U746">
        <v>430.77294999999998</v>
      </c>
      <c r="V746">
        <v>0.91678833999999998</v>
      </c>
      <c r="W746">
        <v>1101.3188</v>
      </c>
      <c r="X746">
        <v>575.68280000000004</v>
      </c>
      <c r="Y746">
        <v>0.89053773999999997</v>
      </c>
      <c r="Z746">
        <f t="shared" si="104"/>
        <v>1057.0581866666666</v>
      </c>
      <c r="AA746">
        <f t="shared" si="105"/>
        <v>504.7920933333333</v>
      </c>
      <c r="AB746">
        <f t="shared" si="106"/>
        <v>5.4439515234027818</v>
      </c>
      <c r="AC746">
        <f t="shared" si="107"/>
        <v>2.8009940107608498</v>
      </c>
    </row>
    <row r="747" spans="1:29" x14ac:dyDescent="0.4">
      <c r="A747">
        <v>744</v>
      </c>
      <c r="B747">
        <f t="shared" si="99"/>
        <v>24.8</v>
      </c>
      <c r="C747">
        <v>751.85680000000002</v>
      </c>
      <c r="D747">
        <v>498.11043999999998</v>
      </c>
      <c r="E747">
        <v>0.87995100000000004</v>
      </c>
      <c r="F747">
        <v>880.48090000000002</v>
      </c>
      <c r="G747">
        <v>432.49489999999997</v>
      </c>
      <c r="H747">
        <v>0.88275650000000006</v>
      </c>
      <c r="I747">
        <v>872.38585999999998</v>
      </c>
      <c r="J747">
        <v>576.04589999999996</v>
      </c>
      <c r="K747">
        <v>0.87873953999999999</v>
      </c>
      <c r="L747">
        <f t="shared" si="100"/>
        <v>834.90785333333326</v>
      </c>
      <c r="M747">
        <f t="shared" si="101"/>
        <v>502.21707999999995</v>
      </c>
      <c r="N747">
        <f t="shared" si="102"/>
        <v>-3.6149520547394003</v>
      </c>
      <c r="O747">
        <f t="shared" si="103"/>
        <v>2.9820628285289819</v>
      </c>
      <c r="Q747">
        <v>973.99243000000001</v>
      </c>
      <c r="R747">
        <v>507.80957000000001</v>
      </c>
      <c r="S747">
        <v>0.99007769999999995</v>
      </c>
      <c r="T747">
        <v>1096.0137999999999</v>
      </c>
      <c r="U747">
        <v>430.73239999999998</v>
      </c>
      <c r="V747">
        <v>0.93052595999999999</v>
      </c>
      <c r="W747">
        <v>1101.3026</v>
      </c>
      <c r="X747">
        <v>575.63744999999994</v>
      </c>
      <c r="Y747">
        <v>0.88484339999999995</v>
      </c>
      <c r="Z747">
        <f t="shared" si="104"/>
        <v>1057.1029433333333</v>
      </c>
      <c r="AA747">
        <f t="shared" si="105"/>
        <v>504.72647333333333</v>
      </c>
      <c r="AB747">
        <f t="shared" si="106"/>
        <v>5.4458041307246692</v>
      </c>
      <c r="AC747">
        <f t="shared" si="107"/>
        <v>2.803656981076402</v>
      </c>
    </row>
    <row r="748" spans="1:29" x14ac:dyDescent="0.4">
      <c r="A748">
        <v>745</v>
      </c>
      <c r="B748">
        <f t="shared" si="99"/>
        <v>24.833333333333332</v>
      </c>
      <c r="C748">
        <v>751.74865999999997</v>
      </c>
      <c r="D748">
        <v>497.94076999999999</v>
      </c>
      <c r="E748">
        <v>0.8764016</v>
      </c>
      <c r="F748">
        <v>880.46870000000001</v>
      </c>
      <c r="G748">
        <v>432.40377999999998</v>
      </c>
      <c r="H748">
        <v>0.87732790000000005</v>
      </c>
      <c r="I748">
        <v>872.35159999999996</v>
      </c>
      <c r="J748">
        <v>575.99567000000002</v>
      </c>
      <c r="K748">
        <v>0.87354830000000006</v>
      </c>
      <c r="L748">
        <f t="shared" si="100"/>
        <v>834.85631999999998</v>
      </c>
      <c r="M748">
        <f t="shared" si="101"/>
        <v>502.11340666666666</v>
      </c>
      <c r="N748">
        <f t="shared" si="102"/>
        <v>-3.6170130795105457</v>
      </c>
      <c r="O748">
        <f t="shared" si="103"/>
        <v>2.9863118110966176</v>
      </c>
      <c r="Q748">
        <v>973.89959999999996</v>
      </c>
      <c r="R748">
        <v>507.71564000000001</v>
      </c>
      <c r="S748">
        <v>0.98741109999999999</v>
      </c>
      <c r="T748">
        <v>1095.9513999999999</v>
      </c>
      <c r="U748">
        <v>430.6644</v>
      </c>
      <c r="V748">
        <v>0.94462615000000005</v>
      </c>
      <c r="W748">
        <v>1101.2163</v>
      </c>
      <c r="X748">
        <v>575.58704</v>
      </c>
      <c r="Y748">
        <v>0.8757566</v>
      </c>
      <c r="Z748">
        <f t="shared" si="104"/>
        <v>1057.0224333333333</v>
      </c>
      <c r="AA748">
        <f t="shared" si="105"/>
        <v>504.65569333333332</v>
      </c>
      <c r="AB748">
        <f t="shared" si="106"/>
        <v>5.442532838295115</v>
      </c>
      <c r="AC748">
        <f t="shared" si="107"/>
        <v>2.8065737722039179</v>
      </c>
    </row>
    <row r="749" spans="1:29" x14ac:dyDescent="0.4">
      <c r="A749">
        <v>746</v>
      </c>
      <c r="B749">
        <f t="shared" si="99"/>
        <v>24.866666666666667</v>
      </c>
      <c r="C749">
        <v>751.75919999999996</v>
      </c>
      <c r="D749">
        <v>497.87963999999999</v>
      </c>
      <c r="E749">
        <v>0.87939889999999998</v>
      </c>
      <c r="F749">
        <v>880.4289</v>
      </c>
      <c r="G749">
        <v>432.35739999999998</v>
      </c>
      <c r="H749">
        <v>0.87857490000000005</v>
      </c>
      <c r="I749">
        <v>872.36689999999999</v>
      </c>
      <c r="J749">
        <v>575.89490000000001</v>
      </c>
      <c r="K749">
        <v>0.89270674999999999</v>
      </c>
      <c r="L749">
        <f t="shared" si="100"/>
        <v>834.85166666666657</v>
      </c>
      <c r="M749">
        <f t="shared" si="101"/>
        <v>502.04397999999998</v>
      </c>
      <c r="N749">
        <f t="shared" si="102"/>
        <v>-3.6171796968512537</v>
      </c>
      <c r="O749">
        <f t="shared" si="103"/>
        <v>2.9891470930175545</v>
      </c>
      <c r="Q749">
        <v>973.82275000000004</v>
      </c>
      <c r="R749">
        <v>507.65069999999997</v>
      </c>
      <c r="S749">
        <v>0.98964459999999999</v>
      </c>
      <c r="T749">
        <v>1095.9287999999999</v>
      </c>
      <c r="U749">
        <v>430.63240000000002</v>
      </c>
      <c r="V749">
        <v>0.95177179999999995</v>
      </c>
      <c r="W749">
        <v>1101.181</v>
      </c>
      <c r="X749">
        <v>575.59209999999996</v>
      </c>
      <c r="Y749">
        <v>0.87673160000000006</v>
      </c>
      <c r="Z749">
        <f t="shared" si="104"/>
        <v>1056.9775166666666</v>
      </c>
      <c r="AA749">
        <f t="shared" si="105"/>
        <v>504.62506666666667</v>
      </c>
      <c r="AB749">
        <f t="shared" si="106"/>
        <v>5.4407049077209573</v>
      </c>
      <c r="AC749">
        <f t="shared" si="107"/>
        <v>2.8078393503661361</v>
      </c>
    </row>
    <row r="750" spans="1:29" x14ac:dyDescent="0.4">
      <c r="A750">
        <v>747</v>
      </c>
      <c r="B750">
        <f t="shared" si="99"/>
        <v>24.9</v>
      </c>
      <c r="C750">
        <v>751.65899999999999</v>
      </c>
      <c r="D750">
        <v>497.85811999999999</v>
      </c>
      <c r="E750">
        <v>0.88349029999999995</v>
      </c>
      <c r="F750">
        <v>880.40930000000003</v>
      </c>
      <c r="G750">
        <v>432.30173000000002</v>
      </c>
      <c r="H750">
        <v>0.87800719999999999</v>
      </c>
      <c r="I750">
        <v>872.38855000000001</v>
      </c>
      <c r="J750">
        <v>575.84659999999997</v>
      </c>
      <c r="K750">
        <v>0.89836159999999998</v>
      </c>
      <c r="L750">
        <f t="shared" si="100"/>
        <v>834.81894999999997</v>
      </c>
      <c r="M750">
        <f t="shared" si="101"/>
        <v>502.00214999999997</v>
      </c>
      <c r="N750">
        <f t="shared" si="102"/>
        <v>-3.618495948491891</v>
      </c>
      <c r="O750">
        <f t="shared" si="103"/>
        <v>2.990865507282495</v>
      </c>
      <c r="Q750">
        <v>973.82079999999996</v>
      </c>
      <c r="R750">
        <v>507.65807999999998</v>
      </c>
      <c r="S750">
        <v>0.99462139999999999</v>
      </c>
      <c r="T750">
        <v>1095.9174</v>
      </c>
      <c r="U750">
        <v>430.60645</v>
      </c>
      <c r="V750">
        <v>0.95351350000000001</v>
      </c>
      <c r="W750">
        <v>1101.1197999999999</v>
      </c>
      <c r="X750">
        <v>575.66750000000002</v>
      </c>
      <c r="Y750">
        <v>0.87771739999999998</v>
      </c>
      <c r="Z750">
        <f t="shared" si="104"/>
        <v>1056.9526666666666</v>
      </c>
      <c r="AA750">
        <f t="shared" si="105"/>
        <v>504.64400999999998</v>
      </c>
      <c r="AB750">
        <f t="shared" si="106"/>
        <v>5.4396819713781799</v>
      </c>
      <c r="AC750">
        <f t="shared" si="107"/>
        <v>2.8070747136628307</v>
      </c>
    </row>
    <row r="751" spans="1:29" x14ac:dyDescent="0.4">
      <c r="A751">
        <v>748</v>
      </c>
      <c r="B751">
        <f t="shared" si="99"/>
        <v>24.933333333333334</v>
      </c>
      <c r="C751">
        <v>751.53989999999999</v>
      </c>
      <c r="D751">
        <v>497.82278000000002</v>
      </c>
      <c r="E751">
        <v>0.87981986999999995</v>
      </c>
      <c r="F751">
        <v>880.38415999999995</v>
      </c>
      <c r="G751">
        <v>432.28625</v>
      </c>
      <c r="H751">
        <v>0.87554779999999999</v>
      </c>
      <c r="I751">
        <v>872.38850000000002</v>
      </c>
      <c r="J751">
        <v>575.78357000000005</v>
      </c>
      <c r="K751">
        <v>0.90481453999999994</v>
      </c>
      <c r="L751">
        <f t="shared" si="100"/>
        <v>834.77085333333332</v>
      </c>
      <c r="M751">
        <f t="shared" si="101"/>
        <v>501.96420000000006</v>
      </c>
      <c r="N751">
        <f t="shared" si="102"/>
        <v>-3.620438602246598</v>
      </c>
      <c r="O751">
        <f t="shared" si="103"/>
        <v>2.9924307693269609</v>
      </c>
      <c r="Q751">
        <v>973.84906000000001</v>
      </c>
      <c r="R751">
        <v>507.70089999999999</v>
      </c>
      <c r="S751">
        <v>1</v>
      </c>
      <c r="T751">
        <v>1095.9303</v>
      </c>
      <c r="U751">
        <v>430.57056</v>
      </c>
      <c r="V751">
        <v>0.93808650000000005</v>
      </c>
      <c r="W751">
        <v>1101.1206999999999</v>
      </c>
      <c r="X751">
        <v>575.71569999999997</v>
      </c>
      <c r="Y751">
        <v>0.87230030000000003</v>
      </c>
      <c r="Z751">
        <f t="shared" si="104"/>
        <v>1056.9666866666666</v>
      </c>
      <c r="AA751">
        <f t="shared" si="105"/>
        <v>504.66238666666663</v>
      </c>
      <c r="AB751">
        <f t="shared" si="106"/>
        <v>5.4402496692412159</v>
      </c>
      <c r="AC751">
        <f t="shared" si="107"/>
        <v>2.8063197993082385</v>
      </c>
    </row>
    <row r="752" spans="1:29" x14ac:dyDescent="0.4">
      <c r="A752">
        <v>749</v>
      </c>
      <c r="B752">
        <f t="shared" si="99"/>
        <v>24.966666666666665</v>
      </c>
      <c r="C752">
        <v>751.50760000000002</v>
      </c>
      <c r="D752">
        <v>497.92102</v>
      </c>
      <c r="E752">
        <v>0.87930255999999996</v>
      </c>
      <c r="F752">
        <v>880.36847</v>
      </c>
      <c r="G752">
        <v>432.19173999999998</v>
      </c>
      <c r="H752">
        <v>0.88683869999999998</v>
      </c>
      <c r="I752">
        <v>872.33040000000005</v>
      </c>
      <c r="J752">
        <v>575.78949999999998</v>
      </c>
      <c r="K752">
        <v>0.90282099999999998</v>
      </c>
      <c r="L752">
        <f t="shared" si="100"/>
        <v>834.73549000000003</v>
      </c>
      <c r="M752">
        <f t="shared" si="101"/>
        <v>501.96741999999995</v>
      </c>
      <c r="N752">
        <f t="shared" si="102"/>
        <v>-3.6218770449106805</v>
      </c>
      <c r="O752">
        <f t="shared" si="103"/>
        <v>2.9923113303708204</v>
      </c>
      <c r="Q752">
        <v>973.85724000000005</v>
      </c>
      <c r="R752">
        <v>507.62445000000002</v>
      </c>
      <c r="S752">
        <v>1</v>
      </c>
      <c r="T752">
        <v>1095.8951</v>
      </c>
      <c r="U752">
        <v>430.55518000000001</v>
      </c>
      <c r="V752">
        <v>0.94210534999999995</v>
      </c>
      <c r="W752">
        <v>1101.0742</v>
      </c>
      <c r="X752">
        <v>575.7002</v>
      </c>
      <c r="Y752">
        <v>0.86710350000000003</v>
      </c>
      <c r="Z752">
        <f t="shared" si="104"/>
        <v>1056.94218</v>
      </c>
      <c r="AA752">
        <f t="shared" si="105"/>
        <v>504.62661000000003</v>
      </c>
      <c r="AB752">
        <f t="shared" si="106"/>
        <v>5.4392585308667769</v>
      </c>
      <c r="AC752">
        <f t="shared" si="107"/>
        <v>2.8077885446543585</v>
      </c>
    </row>
    <row r="753" spans="1:29" x14ac:dyDescent="0.4">
      <c r="A753">
        <v>750</v>
      </c>
      <c r="B753">
        <f t="shared" si="99"/>
        <v>25</v>
      </c>
      <c r="C753">
        <v>751.58190000000002</v>
      </c>
      <c r="D753">
        <v>497.73052999999999</v>
      </c>
      <c r="E753">
        <v>0.87392029999999998</v>
      </c>
      <c r="F753">
        <v>880.41060000000004</v>
      </c>
      <c r="G753">
        <v>432.14908000000003</v>
      </c>
      <c r="H753">
        <v>0.87475670000000005</v>
      </c>
      <c r="I753">
        <v>872.2183</v>
      </c>
      <c r="J753">
        <v>575.74694999999997</v>
      </c>
      <c r="K753">
        <v>0.90072494999999997</v>
      </c>
      <c r="L753">
        <f t="shared" si="100"/>
        <v>834.73693333333324</v>
      </c>
      <c r="M753">
        <f t="shared" si="101"/>
        <v>501.87551999999999</v>
      </c>
      <c r="N753">
        <f t="shared" si="102"/>
        <v>-3.6217885613329845</v>
      </c>
      <c r="O753">
        <f t="shared" si="103"/>
        <v>2.9960618063043367</v>
      </c>
      <c r="Q753">
        <v>973.82180000000005</v>
      </c>
      <c r="R753">
        <v>507.60242</v>
      </c>
      <c r="S753">
        <v>0.99288240000000005</v>
      </c>
      <c r="T753">
        <v>1095.8860999999999</v>
      </c>
      <c r="U753">
        <v>430.58438000000001</v>
      </c>
      <c r="V753">
        <v>0.94294359999999999</v>
      </c>
      <c r="W753">
        <v>1100.9984999999999</v>
      </c>
      <c r="X753">
        <v>575.5711</v>
      </c>
      <c r="Y753">
        <v>0.85822195000000001</v>
      </c>
      <c r="Z753">
        <f t="shared" si="104"/>
        <v>1056.9021333333333</v>
      </c>
      <c r="AA753">
        <f t="shared" si="105"/>
        <v>504.58596666666671</v>
      </c>
      <c r="AB753">
        <f t="shared" si="106"/>
        <v>5.4376331200521486</v>
      </c>
      <c r="AC753">
        <f t="shared" si="107"/>
        <v>2.8094612915941153</v>
      </c>
    </row>
    <row r="754" spans="1:29" x14ac:dyDescent="0.4">
      <c r="A754">
        <v>751</v>
      </c>
      <c r="B754">
        <f t="shared" si="99"/>
        <v>25.033333333333335</v>
      </c>
      <c r="C754">
        <v>751.56273999999996</v>
      </c>
      <c r="D754">
        <v>497.70776000000001</v>
      </c>
      <c r="E754">
        <v>0.87258667000000001</v>
      </c>
      <c r="F754">
        <v>880.36865</v>
      </c>
      <c r="G754">
        <v>432.03946000000002</v>
      </c>
      <c r="H754">
        <v>0.88108390000000003</v>
      </c>
      <c r="I754">
        <v>872.16780000000006</v>
      </c>
      <c r="J754">
        <v>575.66003000000001</v>
      </c>
      <c r="K754">
        <v>0.88155055000000004</v>
      </c>
      <c r="L754">
        <f t="shared" si="100"/>
        <v>834.69972999999993</v>
      </c>
      <c r="M754">
        <f t="shared" si="101"/>
        <v>501.80241666666666</v>
      </c>
      <c r="N754">
        <f t="shared" si="102"/>
        <v>-3.6232770287131197</v>
      </c>
      <c r="O754">
        <f t="shared" si="103"/>
        <v>2.9990581807696337</v>
      </c>
      <c r="Q754">
        <v>973.84154999999998</v>
      </c>
      <c r="R754">
        <v>507.53467000000001</v>
      </c>
      <c r="S754">
        <v>0.99781209999999998</v>
      </c>
      <c r="T754">
        <v>1095.8864000000001</v>
      </c>
      <c r="U754">
        <v>430.65926999999999</v>
      </c>
      <c r="V754">
        <v>0.9300891</v>
      </c>
      <c r="W754">
        <v>1101.1016999999999</v>
      </c>
      <c r="X754">
        <v>575.6585</v>
      </c>
      <c r="Y754">
        <v>0.87607749999999995</v>
      </c>
      <c r="Z754">
        <f t="shared" si="104"/>
        <v>1056.9432166666666</v>
      </c>
      <c r="AA754">
        <f t="shared" si="105"/>
        <v>504.61748000000006</v>
      </c>
      <c r="AB754">
        <f t="shared" si="106"/>
        <v>5.439303909792744</v>
      </c>
      <c r="AC754">
        <f t="shared" si="107"/>
        <v>2.8081608452611522</v>
      </c>
    </row>
    <row r="755" spans="1:29" x14ac:dyDescent="0.4">
      <c r="A755">
        <v>752</v>
      </c>
      <c r="B755">
        <f t="shared" si="99"/>
        <v>25.066666666666666</v>
      </c>
      <c r="C755">
        <v>751.57539999999995</v>
      </c>
      <c r="D755">
        <v>497.68599999999998</v>
      </c>
      <c r="E755">
        <v>0.87603850000000005</v>
      </c>
      <c r="F755">
        <v>880.36120000000005</v>
      </c>
      <c r="G755">
        <v>431.96987999999999</v>
      </c>
      <c r="H755">
        <v>0.88289689999999998</v>
      </c>
      <c r="I755">
        <v>872.07263</v>
      </c>
      <c r="J755">
        <v>575.59479999999996</v>
      </c>
      <c r="K755">
        <v>0.87412685000000001</v>
      </c>
      <c r="L755">
        <f t="shared" si="100"/>
        <v>834.66974333333337</v>
      </c>
      <c r="M755">
        <f t="shared" si="101"/>
        <v>501.75022666666672</v>
      </c>
      <c r="N755">
        <f t="shared" si="102"/>
        <v>-3.6244789477902852</v>
      </c>
      <c r="O755">
        <f t="shared" si="103"/>
        <v>3.001198515308428</v>
      </c>
      <c r="Q755">
        <v>973.85230000000001</v>
      </c>
      <c r="R755">
        <v>507.45139999999998</v>
      </c>
      <c r="S755">
        <v>0.98429219999999995</v>
      </c>
      <c r="T755">
        <v>1095.8566000000001</v>
      </c>
      <c r="U755">
        <v>430.62099999999998</v>
      </c>
      <c r="V755">
        <v>0.9319982</v>
      </c>
      <c r="W755">
        <v>1100.9753000000001</v>
      </c>
      <c r="X755">
        <v>575.58416999999997</v>
      </c>
      <c r="Y755">
        <v>0.87047213000000001</v>
      </c>
      <c r="Z755">
        <f t="shared" si="104"/>
        <v>1056.8947333333333</v>
      </c>
      <c r="AA755">
        <f t="shared" si="105"/>
        <v>504.55219000000005</v>
      </c>
      <c r="AB755">
        <f t="shared" si="106"/>
        <v>5.4373412897261497</v>
      </c>
      <c r="AC755">
        <f t="shared" si="107"/>
        <v>2.8108425015987151</v>
      </c>
    </row>
    <row r="756" spans="1:29" x14ac:dyDescent="0.4">
      <c r="A756">
        <v>753</v>
      </c>
      <c r="B756">
        <f t="shared" si="99"/>
        <v>25.1</v>
      </c>
      <c r="C756">
        <v>751.6499</v>
      </c>
      <c r="D756">
        <v>497.74761999999998</v>
      </c>
      <c r="E756">
        <v>0.87876600000000005</v>
      </c>
      <c r="F756">
        <v>880.33140000000003</v>
      </c>
      <c r="G756">
        <v>431.91809999999998</v>
      </c>
      <c r="H756">
        <v>0.87811950000000005</v>
      </c>
      <c r="I756">
        <v>872.11080000000004</v>
      </c>
      <c r="J756">
        <v>575.44230000000005</v>
      </c>
      <c r="K756">
        <v>0.87392574999999995</v>
      </c>
      <c r="L756">
        <f t="shared" si="100"/>
        <v>834.69736666666665</v>
      </c>
      <c r="M756">
        <f t="shared" si="101"/>
        <v>501.70267333333339</v>
      </c>
      <c r="N756">
        <f t="shared" si="102"/>
        <v>-3.6233407275681637</v>
      </c>
      <c r="O756">
        <f t="shared" si="103"/>
        <v>3.0031300712143283</v>
      </c>
      <c r="Q756">
        <v>973.89954</v>
      </c>
      <c r="R756">
        <v>507.39972</v>
      </c>
      <c r="S756">
        <v>0.98610704999999998</v>
      </c>
      <c r="T756">
        <v>1095.8722</v>
      </c>
      <c r="U756">
        <v>430.60766999999998</v>
      </c>
      <c r="V756">
        <v>0.94254070000000001</v>
      </c>
      <c r="W756">
        <v>1100.8494000000001</v>
      </c>
      <c r="X756">
        <v>575.49310000000003</v>
      </c>
      <c r="Y756">
        <v>0.86449200000000004</v>
      </c>
      <c r="Z756">
        <f t="shared" si="104"/>
        <v>1056.8737133333334</v>
      </c>
      <c r="AA756">
        <f t="shared" si="105"/>
        <v>504.50016333333332</v>
      </c>
      <c r="AB756">
        <f t="shared" si="106"/>
        <v>5.4364980888114935</v>
      </c>
      <c r="AC756">
        <f t="shared" si="107"/>
        <v>2.8129733161995247</v>
      </c>
    </row>
    <row r="757" spans="1:29" x14ac:dyDescent="0.4">
      <c r="A757">
        <v>754</v>
      </c>
      <c r="B757">
        <f t="shared" si="99"/>
        <v>25.133333333333333</v>
      </c>
      <c r="C757">
        <v>751.37260000000003</v>
      </c>
      <c r="D757">
        <v>497.51229999999998</v>
      </c>
      <c r="E757">
        <v>0.87976399999999999</v>
      </c>
      <c r="F757">
        <v>880.15186000000006</v>
      </c>
      <c r="G757">
        <v>431.66775999999999</v>
      </c>
      <c r="H757">
        <v>0.87178610000000001</v>
      </c>
      <c r="I757">
        <v>872.05160000000001</v>
      </c>
      <c r="J757">
        <v>575.4221</v>
      </c>
      <c r="K757">
        <v>0.87417460000000002</v>
      </c>
      <c r="L757">
        <f t="shared" si="100"/>
        <v>834.52535333333344</v>
      </c>
      <c r="M757">
        <f t="shared" si="101"/>
        <v>501.5340533333333</v>
      </c>
      <c r="N757">
        <f t="shared" si="102"/>
        <v>-3.6302777380195943</v>
      </c>
      <c r="O757">
        <f t="shared" si="103"/>
        <v>3.0100707067287744</v>
      </c>
      <c r="Q757">
        <v>973.80804000000001</v>
      </c>
      <c r="R757">
        <v>507.40001999999998</v>
      </c>
      <c r="S757">
        <v>0.99090579999999995</v>
      </c>
      <c r="T757">
        <v>1095.8710000000001</v>
      </c>
      <c r="U757">
        <v>430.55327999999997</v>
      </c>
      <c r="V757">
        <v>0.93346344999999997</v>
      </c>
      <c r="W757">
        <v>1100.8225</v>
      </c>
      <c r="X757">
        <v>575.46950000000004</v>
      </c>
      <c r="Y757">
        <v>0.8564252</v>
      </c>
      <c r="Z757">
        <f t="shared" si="104"/>
        <v>1056.8338466666667</v>
      </c>
      <c r="AA757">
        <f t="shared" si="105"/>
        <v>504.47426666666661</v>
      </c>
      <c r="AB757">
        <f t="shared" si="106"/>
        <v>5.4348752631288129</v>
      </c>
      <c r="AC757">
        <f t="shared" si="107"/>
        <v>2.814044086735072</v>
      </c>
    </row>
    <row r="758" spans="1:29" x14ac:dyDescent="0.4">
      <c r="A758">
        <v>755</v>
      </c>
      <c r="B758">
        <f t="shared" si="99"/>
        <v>25.166666666666668</v>
      </c>
      <c r="C758">
        <v>751.43209999999999</v>
      </c>
      <c r="D758">
        <v>497.59766000000002</v>
      </c>
      <c r="E758">
        <v>0.87337165999999999</v>
      </c>
      <c r="F758">
        <v>880.15374999999995</v>
      </c>
      <c r="G758">
        <v>431.60253999999998</v>
      </c>
      <c r="H758">
        <v>0.86719184999999999</v>
      </c>
      <c r="I758">
        <v>872.09619999999995</v>
      </c>
      <c r="J758">
        <v>575.37805000000003</v>
      </c>
      <c r="K758">
        <v>0.87219840000000004</v>
      </c>
      <c r="L758">
        <f t="shared" si="100"/>
        <v>834.56068333333326</v>
      </c>
      <c r="M758">
        <f t="shared" si="101"/>
        <v>501.52608333333336</v>
      </c>
      <c r="N758">
        <f t="shared" si="102"/>
        <v>-3.628839118039604</v>
      </c>
      <c r="O758">
        <f t="shared" si="103"/>
        <v>3.0103840304784226</v>
      </c>
      <c r="Q758">
        <v>973.7835</v>
      </c>
      <c r="R758">
        <v>507.39319999999998</v>
      </c>
      <c r="S758">
        <v>0.99224013</v>
      </c>
      <c r="T758">
        <v>1095.9142999999999</v>
      </c>
      <c r="U758">
        <v>430.54644999999999</v>
      </c>
      <c r="V758">
        <v>0.93569915999999997</v>
      </c>
      <c r="W758">
        <v>1100.864</v>
      </c>
      <c r="X758">
        <v>575.50440000000003</v>
      </c>
      <c r="Y758">
        <v>0.85984389999999999</v>
      </c>
      <c r="Z758">
        <f t="shared" si="104"/>
        <v>1056.8539333333333</v>
      </c>
      <c r="AA758">
        <f t="shared" si="105"/>
        <v>504.48135000000002</v>
      </c>
      <c r="AB758">
        <f t="shared" si="106"/>
        <v>5.435694852118151</v>
      </c>
      <c r="AC758">
        <f t="shared" si="107"/>
        <v>2.8137480393135816</v>
      </c>
    </row>
    <row r="759" spans="1:29" x14ac:dyDescent="0.4">
      <c r="A759">
        <v>756</v>
      </c>
      <c r="B759">
        <f t="shared" si="99"/>
        <v>25.2</v>
      </c>
      <c r="C759">
        <v>751.4425</v>
      </c>
      <c r="D759">
        <v>497.44799999999998</v>
      </c>
      <c r="E759">
        <v>0.88040375999999998</v>
      </c>
      <c r="F759">
        <v>880.17319999999995</v>
      </c>
      <c r="G759">
        <v>431.59339999999997</v>
      </c>
      <c r="H759">
        <v>0.86831400000000003</v>
      </c>
      <c r="I759">
        <v>872.11120000000005</v>
      </c>
      <c r="J759">
        <v>575.39702999999997</v>
      </c>
      <c r="K759">
        <v>0.87622339999999999</v>
      </c>
      <c r="L759">
        <f t="shared" si="100"/>
        <v>834.57563333333326</v>
      </c>
      <c r="M759">
        <f t="shared" si="101"/>
        <v>501.47947666666664</v>
      </c>
      <c r="N759">
        <f t="shared" si="102"/>
        <v>-3.6282163331123178</v>
      </c>
      <c r="O759">
        <f t="shared" si="103"/>
        <v>3.0122812392253637</v>
      </c>
      <c r="Q759">
        <v>973.76790000000005</v>
      </c>
      <c r="R759">
        <v>507.37439999999998</v>
      </c>
      <c r="S759">
        <v>0.98738384000000001</v>
      </c>
      <c r="T759">
        <v>1095.8641</v>
      </c>
      <c r="U759">
        <v>430.49970000000002</v>
      </c>
      <c r="V759">
        <v>0.93510510000000002</v>
      </c>
      <c r="W759">
        <v>1100.8915999999999</v>
      </c>
      <c r="X759">
        <v>575.51829999999995</v>
      </c>
      <c r="Y759">
        <v>0.86439619999999995</v>
      </c>
      <c r="Z759">
        <f t="shared" si="104"/>
        <v>1056.8412000000001</v>
      </c>
      <c r="AA759">
        <f t="shared" si="105"/>
        <v>504.46413333333334</v>
      </c>
      <c r="AB759">
        <f t="shared" si="106"/>
        <v>5.4351794265749804</v>
      </c>
      <c r="AC759">
        <f t="shared" si="107"/>
        <v>2.81445516089267</v>
      </c>
    </row>
    <row r="760" spans="1:29" x14ac:dyDescent="0.4">
      <c r="A760">
        <v>757</v>
      </c>
      <c r="B760">
        <f t="shared" si="99"/>
        <v>25.233333333333334</v>
      </c>
      <c r="C760">
        <v>751.34230000000002</v>
      </c>
      <c r="D760">
        <v>497.57745</v>
      </c>
      <c r="E760">
        <v>0.87027390000000004</v>
      </c>
      <c r="F760">
        <v>880.09673999999995</v>
      </c>
      <c r="G760">
        <v>431.56511999999998</v>
      </c>
      <c r="H760">
        <v>0.87795829999999997</v>
      </c>
      <c r="I760">
        <v>872.09860000000003</v>
      </c>
      <c r="J760">
        <v>575.33590000000004</v>
      </c>
      <c r="K760">
        <v>0.87311019999999995</v>
      </c>
      <c r="L760">
        <f t="shared" si="100"/>
        <v>834.51254666666671</v>
      </c>
      <c r="M760">
        <f t="shared" si="101"/>
        <v>501.49282333333332</v>
      </c>
      <c r="N760">
        <f t="shared" si="102"/>
        <v>-3.6307849037035114</v>
      </c>
      <c r="O760">
        <f t="shared" si="103"/>
        <v>3.0117578730999686</v>
      </c>
      <c r="Q760">
        <v>973.71079999999995</v>
      </c>
      <c r="R760">
        <v>507.28847999999999</v>
      </c>
      <c r="S760">
        <v>0.98705715000000005</v>
      </c>
      <c r="T760">
        <v>1095.8317</v>
      </c>
      <c r="U760">
        <v>430.6173</v>
      </c>
      <c r="V760">
        <v>0.93806860000000003</v>
      </c>
      <c r="W760">
        <v>1100.7757999999999</v>
      </c>
      <c r="X760">
        <v>575.48865000000001</v>
      </c>
      <c r="Y760">
        <v>0.86513644000000001</v>
      </c>
      <c r="Z760">
        <f t="shared" si="104"/>
        <v>1056.7727666666667</v>
      </c>
      <c r="AA760">
        <f t="shared" si="105"/>
        <v>504.46481</v>
      </c>
      <c r="AB760">
        <f t="shared" si="106"/>
        <v>5.4323791217821054</v>
      </c>
      <c r="AC760">
        <f t="shared" si="107"/>
        <v>2.8144511453146115</v>
      </c>
    </row>
    <row r="761" spans="1:29" x14ac:dyDescent="0.4">
      <c r="A761">
        <v>758</v>
      </c>
      <c r="B761">
        <f t="shared" si="99"/>
        <v>25.266666666666666</v>
      </c>
      <c r="C761">
        <v>751.30870000000004</v>
      </c>
      <c r="D761">
        <v>497.42142000000001</v>
      </c>
      <c r="E761">
        <v>0.87396746999999997</v>
      </c>
      <c r="F761">
        <v>880.11040000000003</v>
      </c>
      <c r="G761">
        <v>431.47232000000002</v>
      </c>
      <c r="H761">
        <v>0.88270970000000004</v>
      </c>
      <c r="I761">
        <v>871.97879999999998</v>
      </c>
      <c r="J761">
        <v>575.37149999999997</v>
      </c>
      <c r="K761">
        <v>0.86672300000000002</v>
      </c>
      <c r="L761">
        <f t="shared" si="100"/>
        <v>834.46596666666665</v>
      </c>
      <c r="M761">
        <f t="shared" si="101"/>
        <v>501.42174666666665</v>
      </c>
      <c r="N761">
        <f t="shared" si="102"/>
        <v>-3.6326551436884187</v>
      </c>
      <c r="O761">
        <f t="shared" si="103"/>
        <v>3.0146746943891447</v>
      </c>
      <c r="Q761">
        <v>973.726</v>
      </c>
      <c r="R761">
        <v>507.21285999999998</v>
      </c>
      <c r="S761">
        <v>0.99072665000000004</v>
      </c>
      <c r="T761">
        <v>1095.8026</v>
      </c>
      <c r="U761">
        <v>430.58053999999998</v>
      </c>
      <c r="V761">
        <v>0.93769369999999996</v>
      </c>
      <c r="W761">
        <v>1100.7103</v>
      </c>
      <c r="X761">
        <v>575.54663000000005</v>
      </c>
      <c r="Y761">
        <v>0.85436939999999995</v>
      </c>
      <c r="Z761">
        <f t="shared" si="104"/>
        <v>1056.7463</v>
      </c>
      <c r="AA761">
        <f t="shared" si="105"/>
        <v>504.44667666666669</v>
      </c>
      <c r="AB761">
        <f t="shared" si="106"/>
        <v>5.43130206923008</v>
      </c>
      <c r="AC761">
        <f t="shared" si="107"/>
        <v>2.8152004189910587</v>
      </c>
    </row>
    <row r="762" spans="1:29" x14ac:dyDescent="0.4">
      <c r="A762">
        <v>759</v>
      </c>
      <c r="B762">
        <f t="shared" si="99"/>
        <v>25.3</v>
      </c>
      <c r="C762">
        <v>751.32983000000002</v>
      </c>
      <c r="D762">
        <v>497.29395</v>
      </c>
      <c r="E762">
        <v>0.87163780000000002</v>
      </c>
      <c r="F762">
        <v>880.09190000000001</v>
      </c>
      <c r="G762">
        <v>431.36603000000002</v>
      </c>
      <c r="H762">
        <v>0.88108569999999997</v>
      </c>
      <c r="I762">
        <v>871.94600000000003</v>
      </c>
      <c r="J762">
        <v>575.38260000000002</v>
      </c>
      <c r="K762">
        <v>0.86770000000000003</v>
      </c>
      <c r="L762">
        <f t="shared" si="100"/>
        <v>834.45591000000002</v>
      </c>
      <c r="M762">
        <f t="shared" si="101"/>
        <v>501.34752666666668</v>
      </c>
      <c r="N762">
        <f t="shared" si="102"/>
        <v>-3.6330398270492008</v>
      </c>
      <c r="O762">
        <f t="shared" si="103"/>
        <v>3.0177074294466579</v>
      </c>
      <c r="Q762">
        <v>973.66436999999996</v>
      </c>
      <c r="R762">
        <v>507.22070000000002</v>
      </c>
      <c r="S762">
        <v>0.99395036999999997</v>
      </c>
      <c r="T762">
        <v>1095.7511999999999</v>
      </c>
      <c r="U762">
        <v>430.58019999999999</v>
      </c>
      <c r="V762">
        <v>0.93642769999999997</v>
      </c>
      <c r="W762">
        <v>1100.569</v>
      </c>
      <c r="X762">
        <v>575.4769</v>
      </c>
      <c r="Y762">
        <v>0.85812010000000005</v>
      </c>
      <c r="Z762">
        <f t="shared" si="104"/>
        <v>1056.6615233333334</v>
      </c>
      <c r="AA762">
        <f t="shared" si="105"/>
        <v>504.42593333333326</v>
      </c>
      <c r="AB762">
        <f t="shared" si="106"/>
        <v>5.427840003340485</v>
      </c>
      <c r="AC762">
        <f t="shared" si="107"/>
        <v>2.8160763362772716</v>
      </c>
    </row>
    <row r="763" spans="1:29" x14ac:dyDescent="0.4">
      <c r="A763">
        <v>760</v>
      </c>
      <c r="B763">
        <f t="shared" si="99"/>
        <v>25.333333333333332</v>
      </c>
      <c r="C763">
        <v>751.36035000000004</v>
      </c>
      <c r="D763">
        <v>497.18227999999999</v>
      </c>
      <c r="E763">
        <v>0.87046367000000002</v>
      </c>
      <c r="F763">
        <v>880.11109999999996</v>
      </c>
      <c r="G763">
        <v>431.34894000000003</v>
      </c>
      <c r="H763">
        <v>0.88250930000000005</v>
      </c>
      <c r="I763">
        <v>871.89044000000001</v>
      </c>
      <c r="J763">
        <v>575.29259999999999</v>
      </c>
      <c r="K763">
        <v>0.86557110000000004</v>
      </c>
      <c r="L763">
        <f t="shared" si="100"/>
        <v>834.45396333333338</v>
      </c>
      <c r="M763">
        <f t="shared" si="101"/>
        <v>501.27460666666667</v>
      </c>
      <c r="N763">
        <f t="shared" si="102"/>
        <v>-3.6330952913046874</v>
      </c>
      <c r="O763">
        <f t="shared" si="103"/>
        <v>3.020684352925783</v>
      </c>
      <c r="Q763">
        <v>973.59514999999999</v>
      </c>
      <c r="R763">
        <v>507.15665000000001</v>
      </c>
      <c r="S763">
        <v>0.9799677</v>
      </c>
      <c r="T763">
        <v>1095.7963</v>
      </c>
      <c r="U763">
        <v>430.52159999999998</v>
      </c>
      <c r="V763">
        <v>0.9353572</v>
      </c>
      <c r="W763">
        <v>1100.6115</v>
      </c>
      <c r="X763">
        <v>575.56055000000003</v>
      </c>
      <c r="Y763">
        <v>0.87040912999999998</v>
      </c>
      <c r="Z763">
        <f t="shared" si="104"/>
        <v>1056.6676500000001</v>
      </c>
      <c r="AA763">
        <f t="shared" si="105"/>
        <v>504.41293333333334</v>
      </c>
      <c r="AB763">
        <f t="shared" si="106"/>
        <v>5.4280949038458344</v>
      </c>
      <c r="AC763">
        <f t="shared" si="107"/>
        <v>2.8166048415037714</v>
      </c>
    </row>
    <row r="764" spans="1:29" x14ac:dyDescent="0.4">
      <c r="A764">
        <v>761</v>
      </c>
      <c r="B764">
        <f t="shared" si="99"/>
        <v>25.366666666666667</v>
      </c>
      <c r="C764">
        <v>751.46642999999995</v>
      </c>
      <c r="D764">
        <v>497.06995000000001</v>
      </c>
      <c r="E764">
        <v>0.85823685000000005</v>
      </c>
      <c r="F764">
        <v>880.10730000000001</v>
      </c>
      <c r="G764">
        <v>431.3861</v>
      </c>
      <c r="H764">
        <v>0.884552</v>
      </c>
      <c r="I764">
        <v>871.9425</v>
      </c>
      <c r="J764">
        <v>575.18755999999996</v>
      </c>
      <c r="K764">
        <v>0.86819400000000002</v>
      </c>
      <c r="L764">
        <f t="shared" si="100"/>
        <v>834.5054100000001</v>
      </c>
      <c r="M764">
        <f t="shared" si="101"/>
        <v>501.21453666666667</v>
      </c>
      <c r="N764">
        <f t="shared" si="102"/>
        <v>-3.6309846872619258</v>
      </c>
      <c r="O764">
        <f t="shared" si="103"/>
        <v>3.0231186966789103</v>
      </c>
      <c r="Q764">
        <v>973.59673999999995</v>
      </c>
      <c r="R764">
        <v>507.23453000000001</v>
      </c>
      <c r="S764">
        <v>0.99413043000000001</v>
      </c>
      <c r="T764">
        <v>1095.779</v>
      </c>
      <c r="U764">
        <v>430.51366999999999</v>
      </c>
      <c r="V764">
        <v>0.93924105000000002</v>
      </c>
      <c r="W764">
        <v>1100.4258</v>
      </c>
      <c r="X764">
        <v>575.50440000000003</v>
      </c>
      <c r="Y764">
        <v>0.86425596000000005</v>
      </c>
      <c r="Z764">
        <f t="shared" si="104"/>
        <v>1056.6005133333333</v>
      </c>
      <c r="AA764">
        <f t="shared" si="105"/>
        <v>504.41753333333332</v>
      </c>
      <c r="AB764">
        <f t="shared" si="106"/>
        <v>5.4253463962405082</v>
      </c>
      <c r="AC764">
        <f t="shared" si="107"/>
        <v>2.8164402404852029</v>
      </c>
    </row>
    <row r="765" spans="1:29" x14ac:dyDescent="0.4">
      <c r="A765">
        <v>762</v>
      </c>
      <c r="B765">
        <f t="shared" si="99"/>
        <v>25.4</v>
      </c>
      <c r="C765">
        <v>751.45794999999998</v>
      </c>
      <c r="D765">
        <v>496.97919999999999</v>
      </c>
      <c r="E765">
        <v>0.86056379999999999</v>
      </c>
      <c r="F765">
        <v>880.16060000000004</v>
      </c>
      <c r="G765">
        <v>431.31914999999998</v>
      </c>
      <c r="H765">
        <v>0.88270455999999997</v>
      </c>
      <c r="I765">
        <v>871.72490000000005</v>
      </c>
      <c r="J765">
        <v>575.1087</v>
      </c>
      <c r="K765">
        <v>0.87163097</v>
      </c>
      <c r="L765">
        <f t="shared" si="100"/>
        <v>834.44781666666677</v>
      </c>
      <c r="M765">
        <f t="shared" si="101"/>
        <v>501.13568333333336</v>
      </c>
      <c r="N765">
        <f t="shared" si="102"/>
        <v>-3.6333000530211725</v>
      </c>
      <c r="O765">
        <f t="shared" si="103"/>
        <v>3.026356650437827</v>
      </c>
      <c r="Q765">
        <v>973.59079999999994</v>
      </c>
      <c r="R765">
        <v>507.10406</v>
      </c>
      <c r="S765">
        <v>0.97902100000000003</v>
      </c>
      <c r="T765">
        <v>1095.8534</v>
      </c>
      <c r="U765">
        <v>430.49212999999997</v>
      </c>
      <c r="V765">
        <v>0.95193090000000002</v>
      </c>
      <c r="W765">
        <v>1100.2728</v>
      </c>
      <c r="X765">
        <v>575.57996000000003</v>
      </c>
      <c r="Y765">
        <v>0.86387365999999999</v>
      </c>
      <c r="Z765">
        <f t="shared" si="104"/>
        <v>1056.5723333333333</v>
      </c>
      <c r="AA765">
        <f t="shared" si="105"/>
        <v>504.39204999999998</v>
      </c>
      <c r="AB765">
        <f t="shared" si="106"/>
        <v>5.4242016294899722</v>
      </c>
      <c r="AC765">
        <f t="shared" si="107"/>
        <v>2.8174901080193564</v>
      </c>
    </row>
    <row r="766" spans="1:29" x14ac:dyDescent="0.4">
      <c r="A766">
        <v>763</v>
      </c>
      <c r="B766">
        <f t="shared" si="99"/>
        <v>25.433333333333334</v>
      </c>
      <c r="C766">
        <v>751.46339999999998</v>
      </c>
      <c r="D766">
        <v>496.80633999999998</v>
      </c>
      <c r="E766">
        <v>0.86162656999999998</v>
      </c>
      <c r="F766">
        <v>880.15639999999996</v>
      </c>
      <c r="G766">
        <v>431.21420000000001</v>
      </c>
      <c r="H766">
        <v>0.89112309999999995</v>
      </c>
      <c r="I766">
        <v>871.77030000000002</v>
      </c>
      <c r="J766">
        <v>575.13762999999994</v>
      </c>
      <c r="K766">
        <v>0.85945490000000002</v>
      </c>
      <c r="L766">
        <f t="shared" si="100"/>
        <v>834.46336666666673</v>
      </c>
      <c r="M766">
        <f t="shared" si="101"/>
        <v>501.05272333333329</v>
      </c>
      <c r="N766">
        <f t="shared" si="102"/>
        <v>-3.6326410860371698</v>
      </c>
      <c r="O766">
        <f t="shared" si="103"/>
        <v>3.0297374224185245</v>
      </c>
      <c r="Q766">
        <v>973.56664999999998</v>
      </c>
      <c r="R766">
        <v>507.10147000000001</v>
      </c>
      <c r="S766">
        <v>0.98400390000000004</v>
      </c>
      <c r="T766">
        <v>1095.8453</v>
      </c>
      <c r="U766">
        <v>430.48032000000001</v>
      </c>
      <c r="V766">
        <v>0.94586616999999995</v>
      </c>
      <c r="W766">
        <v>1100.3018</v>
      </c>
      <c r="X766">
        <v>575.52629999999999</v>
      </c>
      <c r="Y766">
        <v>0.86163305999999995</v>
      </c>
      <c r="Z766">
        <f t="shared" si="104"/>
        <v>1056.57125</v>
      </c>
      <c r="AA766">
        <f t="shared" si="105"/>
        <v>504.3693633333333</v>
      </c>
      <c r="AB766">
        <f t="shared" si="106"/>
        <v>5.4241646620834647</v>
      </c>
      <c r="AC766">
        <f t="shared" si="107"/>
        <v>2.818416478418782</v>
      </c>
    </row>
    <row r="767" spans="1:29" x14ac:dyDescent="0.4">
      <c r="A767">
        <v>764</v>
      </c>
      <c r="B767">
        <f t="shared" si="99"/>
        <v>25.466666666666665</v>
      </c>
      <c r="C767">
        <v>751.61956999999995</v>
      </c>
      <c r="D767">
        <v>496.7364</v>
      </c>
      <c r="E767">
        <v>0.85899705000000004</v>
      </c>
      <c r="F767">
        <v>880.09400000000005</v>
      </c>
      <c r="G767">
        <v>431.14008000000001</v>
      </c>
      <c r="H767">
        <v>0.89779425000000002</v>
      </c>
      <c r="I767">
        <v>871.91780000000006</v>
      </c>
      <c r="J767">
        <v>574.95619999999997</v>
      </c>
      <c r="K767">
        <v>0.86486419999999997</v>
      </c>
      <c r="L767">
        <f t="shared" si="100"/>
        <v>834.54379000000006</v>
      </c>
      <c r="M767">
        <f t="shared" si="101"/>
        <v>500.94422666666668</v>
      </c>
      <c r="N767">
        <f t="shared" si="102"/>
        <v>-3.6293369735039396</v>
      </c>
      <c r="O767">
        <f t="shared" si="103"/>
        <v>3.0341384875779047</v>
      </c>
      <c r="Q767">
        <v>973.48239999999998</v>
      </c>
      <c r="R767">
        <v>506.97116</v>
      </c>
      <c r="S767">
        <v>0.98204689999999994</v>
      </c>
      <c r="T767">
        <v>1095.8427999999999</v>
      </c>
      <c r="U767">
        <v>430.45519999999999</v>
      </c>
      <c r="V767">
        <v>0.94691502999999999</v>
      </c>
      <c r="W767">
        <v>1100.2217000000001</v>
      </c>
      <c r="X767">
        <v>575.49779999999998</v>
      </c>
      <c r="Y767">
        <v>0.86307984999999998</v>
      </c>
      <c r="Z767">
        <f t="shared" si="104"/>
        <v>1056.5156333333332</v>
      </c>
      <c r="AA767">
        <f t="shared" si="105"/>
        <v>504.30805333333336</v>
      </c>
      <c r="AB767">
        <f t="shared" si="106"/>
        <v>5.4219089014944428</v>
      </c>
      <c r="AC767">
        <f t="shared" si="107"/>
        <v>2.8209381369956148</v>
      </c>
    </row>
    <row r="768" spans="1:29" x14ac:dyDescent="0.4">
      <c r="A768">
        <v>765</v>
      </c>
      <c r="B768">
        <f t="shared" si="99"/>
        <v>25.5</v>
      </c>
      <c r="C768">
        <v>751.66459999999995</v>
      </c>
      <c r="D768">
        <v>496.65690000000001</v>
      </c>
      <c r="E768">
        <v>0.85493010000000003</v>
      </c>
      <c r="F768">
        <v>880.08659999999998</v>
      </c>
      <c r="G768">
        <v>431.03967</v>
      </c>
      <c r="H768">
        <v>0.89479969999999998</v>
      </c>
      <c r="I768">
        <v>871.66736000000003</v>
      </c>
      <c r="J768">
        <v>575.08879999999999</v>
      </c>
      <c r="K768">
        <v>0.86773305999999994</v>
      </c>
      <c r="L768">
        <f t="shared" si="100"/>
        <v>834.47285333333332</v>
      </c>
      <c r="M768">
        <f t="shared" si="101"/>
        <v>500.9284566666667</v>
      </c>
      <c r="N768">
        <f t="shared" si="102"/>
        <v>-3.6322151669300151</v>
      </c>
      <c r="O768">
        <f t="shared" si="103"/>
        <v>3.0348061911059818</v>
      </c>
      <c r="Q768">
        <v>973.44275000000005</v>
      </c>
      <c r="R768">
        <v>506.89010000000002</v>
      </c>
      <c r="S768">
        <v>0.98518050000000001</v>
      </c>
      <c r="T768">
        <v>1095.8230000000001</v>
      </c>
      <c r="U768">
        <v>430.43752999999998</v>
      </c>
      <c r="V768">
        <v>0.94981910000000003</v>
      </c>
      <c r="W768">
        <v>1100.2085999999999</v>
      </c>
      <c r="X768">
        <v>575.47130000000004</v>
      </c>
      <c r="Y768">
        <v>0.86403984</v>
      </c>
      <c r="Z768">
        <f t="shared" si="104"/>
        <v>1056.49145</v>
      </c>
      <c r="AA768">
        <f t="shared" si="105"/>
        <v>504.26630999999998</v>
      </c>
      <c r="AB768">
        <f t="shared" si="106"/>
        <v>5.4209329421320929</v>
      </c>
      <c r="AC768">
        <f t="shared" si="107"/>
        <v>2.822650304929549</v>
      </c>
    </row>
    <row r="769" spans="1:29" x14ac:dyDescent="0.4">
      <c r="A769">
        <v>766</v>
      </c>
      <c r="B769">
        <f t="shared" si="99"/>
        <v>25.533333333333335</v>
      </c>
      <c r="C769">
        <v>751.57635000000005</v>
      </c>
      <c r="D769">
        <v>496.64978000000002</v>
      </c>
      <c r="E769">
        <v>0.85707800000000001</v>
      </c>
      <c r="F769">
        <v>880.35789999999997</v>
      </c>
      <c r="G769">
        <v>431.09848</v>
      </c>
      <c r="H769">
        <v>0.90112700000000001</v>
      </c>
      <c r="I769">
        <v>871.53503000000001</v>
      </c>
      <c r="J769">
        <v>574.94226000000003</v>
      </c>
      <c r="K769">
        <v>0.86501980000000001</v>
      </c>
      <c r="L769">
        <f t="shared" si="100"/>
        <v>834.48976000000005</v>
      </c>
      <c r="M769">
        <f t="shared" si="101"/>
        <v>500.89684000000005</v>
      </c>
      <c r="N769">
        <f t="shared" si="102"/>
        <v>-3.6315177156034557</v>
      </c>
      <c r="O769">
        <f t="shared" si="103"/>
        <v>3.0360909035632799</v>
      </c>
      <c r="Q769">
        <v>973.42790000000002</v>
      </c>
      <c r="R769">
        <v>506.78287</v>
      </c>
      <c r="S769">
        <v>0.97776479999999999</v>
      </c>
      <c r="T769">
        <v>1095.7280000000001</v>
      </c>
      <c r="U769">
        <v>430.39055999999999</v>
      </c>
      <c r="V769">
        <v>0.94465160000000004</v>
      </c>
      <c r="W769">
        <v>1100.2266999999999</v>
      </c>
      <c r="X769">
        <v>575.37036000000001</v>
      </c>
      <c r="Y769">
        <v>0.8590449</v>
      </c>
      <c r="Z769">
        <f t="shared" si="104"/>
        <v>1056.4608666666666</v>
      </c>
      <c r="AA769">
        <f t="shared" si="105"/>
        <v>504.18126333333339</v>
      </c>
      <c r="AB769">
        <f t="shared" si="106"/>
        <v>5.4197091643379514</v>
      </c>
      <c r="AC769">
        <f t="shared" si="107"/>
        <v>2.8261321789508798</v>
      </c>
    </row>
    <row r="770" spans="1:29" x14ac:dyDescent="0.4">
      <c r="A770">
        <v>767</v>
      </c>
      <c r="B770">
        <f t="shared" si="99"/>
        <v>25.566666666666666</v>
      </c>
      <c r="C770">
        <v>751.35699999999997</v>
      </c>
      <c r="D770">
        <v>496.40487999999999</v>
      </c>
      <c r="E770">
        <v>0.85009769999999996</v>
      </c>
      <c r="F770">
        <v>879.95434999999998</v>
      </c>
      <c r="G770">
        <v>430.96102999999999</v>
      </c>
      <c r="H770">
        <v>0.90428520000000001</v>
      </c>
      <c r="I770">
        <v>871.42553999999996</v>
      </c>
      <c r="J770">
        <v>574.84735000000001</v>
      </c>
      <c r="K770">
        <v>0.85648793000000001</v>
      </c>
      <c r="L770">
        <f t="shared" si="100"/>
        <v>834.24563000000001</v>
      </c>
      <c r="M770">
        <f t="shared" si="101"/>
        <v>500.73775333333333</v>
      </c>
      <c r="N770">
        <f t="shared" si="102"/>
        <v>-3.6413890250442509</v>
      </c>
      <c r="O770">
        <f t="shared" si="103"/>
        <v>3.0426668204433911</v>
      </c>
      <c r="Q770">
        <v>973.35175000000004</v>
      </c>
      <c r="R770">
        <v>506.82310000000001</v>
      </c>
      <c r="S770">
        <v>0.98325764999999998</v>
      </c>
      <c r="T770">
        <v>1095.6096</v>
      </c>
      <c r="U770">
        <v>430.34393</v>
      </c>
      <c r="V770">
        <v>0.93911849999999997</v>
      </c>
      <c r="W770">
        <v>1100.2041999999999</v>
      </c>
      <c r="X770">
        <v>575.33199999999999</v>
      </c>
      <c r="Y770">
        <v>0.86232679999999995</v>
      </c>
      <c r="Z770">
        <f t="shared" si="104"/>
        <v>1056.3885166666666</v>
      </c>
      <c r="AA770">
        <f t="shared" si="105"/>
        <v>504.16634333333332</v>
      </c>
      <c r="AB770">
        <f t="shared" si="106"/>
        <v>5.4167536943357035</v>
      </c>
      <c r="AC770">
        <f t="shared" si="107"/>
        <v>2.8267661180119998</v>
      </c>
    </row>
    <row r="771" spans="1:29" x14ac:dyDescent="0.4">
      <c r="A771">
        <v>768</v>
      </c>
      <c r="B771">
        <f t="shared" si="99"/>
        <v>25.6</v>
      </c>
      <c r="C771">
        <v>751.22260000000006</v>
      </c>
      <c r="D771">
        <v>496.38943</v>
      </c>
      <c r="E771">
        <v>0.84549799999999997</v>
      </c>
      <c r="F771">
        <v>879.8492</v>
      </c>
      <c r="G771">
        <v>430.92435</v>
      </c>
      <c r="H771">
        <v>0.91340524000000001</v>
      </c>
      <c r="I771">
        <v>871.17804000000001</v>
      </c>
      <c r="J771">
        <v>574.76653999999996</v>
      </c>
      <c r="K771">
        <v>0.84572046999999995</v>
      </c>
      <c r="L771">
        <f t="shared" si="100"/>
        <v>834.08328000000017</v>
      </c>
      <c r="M771">
        <f t="shared" si="101"/>
        <v>500.69344000000001</v>
      </c>
      <c r="N771">
        <f t="shared" si="102"/>
        <v>-3.6479734989067421</v>
      </c>
      <c r="O771">
        <f t="shared" si="103"/>
        <v>3.0445305104764215</v>
      </c>
      <c r="Q771">
        <v>973.30139999999994</v>
      </c>
      <c r="R771">
        <v>506.76119999999997</v>
      </c>
      <c r="S771">
        <v>0.98561520000000002</v>
      </c>
      <c r="T771">
        <v>1095.5443</v>
      </c>
      <c r="U771">
        <v>430.19524999999999</v>
      </c>
      <c r="V771">
        <v>0.94259166999999999</v>
      </c>
      <c r="W771">
        <v>1100.2328</v>
      </c>
      <c r="X771">
        <v>575.35910000000001</v>
      </c>
      <c r="Y771">
        <v>0.86244535</v>
      </c>
      <c r="Z771">
        <f t="shared" si="104"/>
        <v>1056.3594999999998</v>
      </c>
      <c r="AA771">
        <f t="shared" si="105"/>
        <v>504.10518333333329</v>
      </c>
      <c r="AB771">
        <f t="shared" si="106"/>
        <v>5.4155862745756664</v>
      </c>
      <c r="AC771">
        <f t="shared" si="107"/>
        <v>2.8292724740098363</v>
      </c>
    </row>
    <row r="772" spans="1:29" x14ac:dyDescent="0.4">
      <c r="A772">
        <v>769</v>
      </c>
      <c r="B772">
        <f t="shared" ref="B772:B835" si="108">A772/30</f>
        <v>25.633333333333333</v>
      </c>
      <c r="C772">
        <v>751.16425000000004</v>
      </c>
      <c r="D772">
        <v>496.37804999999997</v>
      </c>
      <c r="E772">
        <v>0.83287060000000002</v>
      </c>
      <c r="F772">
        <v>880.1952</v>
      </c>
      <c r="G772">
        <v>431.041</v>
      </c>
      <c r="H772">
        <v>0.92421883000000005</v>
      </c>
      <c r="I772">
        <v>871.13964999999996</v>
      </c>
      <c r="J772">
        <v>574.7011</v>
      </c>
      <c r="K772">
        <v>0.85198826000000005</v>
      </c>
      <c r="L772">
        <f t="shared" ref="L772:L835" si="109">(C772+F772+I772)/3</f>
        <v>834.1663666666667</v>
      </c>
      <c r="M772">
        <f t="shared" ref="M772:M835" si="110">(D772+G772+J772)/3</f>
        <v>500.70671666666664</v>
      </c>
      <c r="N772">
        <f t="shared" ref="N772:N835" si="111" xml:space="preserve"> -36.96+0.03963*L772-0.0003398*M772+6.089*10^(-7)*L772^2+1.529*10^(-8)*M772^2</f>
        <v>-3.6446006832294398</v>
      </c>
      <c r="O772">
        <f t="shared" ref="O772:O835" si="112" xml:space="preserve"> 23.7-0.0003167*L772-0.0406*M772-1.335*10^(-8)*L772^2-2.149*10^(-7)*M772^2</f>
        <v>3.0439604566777043</v>
      </c>
      <c r="Q772">
        <v>973.25670000000002</v>
      </c>
      <c r="R772">
        <v>506.72699999999998</v>
      </c>
      <c r="S772">
        <v>0.97565550000000001</v>
      </c>
      <c r="T772">
        <v>1095.5702000000001</v>
      </c>
      <c r="U772">
        <v>430.23354999999998</v>
      </c>
      <c r="V772">
        <v>0.94487540000000003</v>
      </c>
      <c r="W772">
        <v>1100.2108000000001</v>
      </c>
      <c r="X772">
        <v>575.25779999999997</v>
      </c>
      <c r="Y772">
        <v>0.86676869999999995</v>
      </c>
      <c r="Z772">
        <f t="shared" ref="Z772:Z835" si="113">(Q772+T772+W772)/3</f>
        <v>1056.3459</v>
      </c>
      <c r="AA772">
        <f t="shared" ref="AA772:AA835" si="114">(R772+U772+X772)/3</f>
        <v>504.07278333333335</v>
      </c>
      <c r="AB772">
        <f t="shared" ref="AB772:AB835" si="115" xml:space="preserve"> -36.96+0.03963*Z772-0.0003398*AA772+6.089*10^(-7)*Z772^2+1.529*10^(-8)*AA772^2</f>
        <v>5.4150403212504159</v>
      </c>
      <c r="AC772">
        <f t="shared" ref="AC772:AC835" si="116" xml:space="preserve"> 23.7-0.0003167*Z772-0.0406*AA772-1.335*10^(-8)*Z772^2-2.149*10^(-7)*AA772^2</f>
        <v>2.830599624413848</v>
      </c>
    </row>
    <row r="773" spans="1:29" x14ac:dyDescent="0.4">
      <c r="A773">
        <v>770</v>
      </c>
      <c r="B773">
        <f t="shared" si="108"/>
        <v>25.666666666666668</v>
      </c>
      <c r="C773">
        <v>751.25256000000002</v>
      </c>
      <c r="D773">
        <v>496.18810000000002</v>
      </c>
      <c r="E773">
        <v>0.84010530000000005</v>
      </c>
      <c r="F773">
        <v>880.17957000000001</v>
      </c>
      <c r="G773">
        <v>430.97357</v>
      </c>
      <c r="H773">
        <v>0.91823169999999998</v>
      </c>
      <c r="I773">
        <v>871.14873999999998</v>
      </c>
      <c r="J773">
        <v>574.56604000000004</v>
      </c>
      <c r="K773">
        <v>0.85880303000000002</v>
      </c>
      <c r="L773">
        <f t="shared" si="109"/>
        <v>834.19362333333345</v>
      </c>
      <c r="M773">
        <f t="shared" si="110"/>
        <v>500.57590333333337</v>
      </c>
      <c r="N773">
        <f t="shared" si="111"/>
        <v>-3.643450364782777</v>
      </c>
      <c r="O773">
        <f t="shared" si="112"/>
        <v>3.0492903865897794</v>
      </c>
      <c r="Q773">
        <v>973.24445000000003</v>
      </c>
      <c r="R773">
        <v>506.71158000000003</v>
      </c>
      <c r="S773">
        <v>0.97723543999999996</v>
      </c>
      <c r="T773">
        <v>1095.4702</v>
      </c>
      <c r="U773">
        <v>430.15136999999999</v>
      </c>
      <c r="V773">
        <v>0.94969239999999999</v>
      </c>
      <c r="W773">
        <v>1100.1919</v>
      </c>
      <c r="X773">
        <v>575.18060000000003</v>
      </c>
      <c r="Y773">
        <v>0.86274189999999995</v>
      </c>
      <c r="Z773">
        <f t="shared" si="113"/>
        <v>1056.3021833333332</v>
      </c>
      <c r="AA773">
        <f t="shared" si="114"/>
        <v>504.01451666666662</v>
      </c>
      <c r="AB773">
        <f t="shared" si="115"/>
        <v>5.4132704939166336</v>
      </c>
      <c r="AC773">
        <f t="shared" si="116"/>
        <v>2.8329929518990928</v>
      </c>
    </row>
    <row r="774" spans="1:29" x14ac:dyDescent="0.4">
      <c r="A774">
        <v>771</v>
      </c>
      <c r="B774">
        <f t="shared" si="108"/>
        <v>25.7</v>
      </c>
      <c r="C774">
        <v>751.11017000000004</v>
      </c>
      <c r="D774">
        <v>496.13819999999998</v>
      </c>
      <c r="E774">
        <v>0.83100443999999996</v>
      </c>
      <c r="F774">
        <v>880.13336000000004</v>
      </c>
      <c r="G774">
        <v>430.92385999999999</v>
      </c>
      <c r="H774">
        <v>0.91921604000000001</v>
      </c>
      <c r="I774">
        <v>871.15764999999999</v>
      </c>
      <c r="J774">
        <v>574.49950000000001</v>
      </c>
      <c r="K774">
        <v>0.85622240000000005</v>
      </c>
      <c r="L774">
        <f t="shared" si="109"/>
        <v>834.1337266666668</v>
      </c>
      <c r="M774">
        <f t="shared" si="110"/>
        <v>500.52052000000003</v>
      </c>
      <c r="N774">
        <f t="shared" si="111"/>
        <v>-3.6458669438665461</v>
      </c>
      <c r="O774">
        <f t="shared" si="112"/>
        <v>3.0515711681540276</v>
      </c>
      <c r="Q774">
        <v>973.31110000000001</v>
      </c>
      <c r="R774">
        <v>506.65604000000002</v>
      </c>
      <c r="S774">
        <v>0.98098993000000001</v>
      </c>
      <c r="T774">
        <v>1095.4304</v>
      </c>
      <c r="U774">
        <v>430.10595999999998</v>
      </c>
      <c r="V774">
        <v>0.96254649999999997</v>
      </c>
      <c r="W774">
        <v>1100.0354</v>
      </c>
      <c r="X774">
        <v>575.14850000000001</v>
      </c>
      <c r="Y774">
        <v>0.86067450000000001</v>
      </c>
      <c r="Z774">
        <f t="shared" si="113"/>
        <v>1056.2589666666665</v>
      </c>
      <c r="AA774">
        <f t="shared" si="114"/>
        <v>503.97016666666667</v>
      </c>
      <c r="AB774">
        <f t="shared" si="115"/>
        <v>5.4115166127591356</v>
      </c>
      <c r="AC774">
        <f t="shared" si="116"/>
        <v>2.8348180743592732</v>
      </c>
    </row>
    <row r="775" spans="1:29" x14ac:dyDescent="0.4">
      <c r="A775">
        <v>772</v>
      </c>
      <c r="B775">
        <f t="shared" si="108"/>
        <v>25.733333333333334</v>
      </c>
      <c r="C775">
        <v>751.10706000000005</v>
      </c>
      <c r="D775">
        <v>496.04987</v>
      </c>
      <c r="E775">
        <v>0.83986824999999998</v>
      </c>
      <c r="F775">
        <v>880.16300000000001</v>
      </c>
      <c r="G775">
        <v>430.80383</v>
      </c>
      <c r="H775">
        <v>0.92515579999999997</v>
      </c>
      <c r="I775">
        <v>871.17</v>
      </c>
      <c r="J775">
        <v>574.42619999999999</v>
      </c>
      <c r="K775">
        <v>0.87146840000000003</v>
      </c>
      <c r="L775">
        <f t="shared" si="109"/>
        <v>834.1466866666666</v>
      </c>
      <c r="M775">
        <f t="shared" si="110"/>
        <v>500.42663333333331</v>
      </c>
      <c r="N775">
        <f t="shared" si="111"/>
        <v>-3.6453097082893899</v>
      </c>
      <c r="O775">
        <f t="shared" si="112"/>
        <v>3.055398769104154</v>
      </c>
      <c r="Q775">
        <v>973.20636000000002</v>
      </c>
      <c r="R775">
        <v>506.59780000000001</v>
      </c>
      <c r="S775">
        <v>0.97313464000000005</v>
      </c>
      <c r="T775">
        <v>1095.4024999999999</v>
      </c>
      <c r="U775">
        <v>430.05025999999998</v>
      </c>
      <c r="V775">
        <v>0.96054470000000003</v>
      </c>
      <c r="W775">
        <v>1099.9646</v>
      </c>
      <c r="X775">
        <v>575.10199999999998</v>
      </c>
      <c r="Y775">
        <v>0.85829650000000002</v>
      </c>
      <c r="Z775">
        <f t="shared" si="113"/>
        <v>1056.1911533333332</v>
      </c>
      <c r="AA775">
        <f t="shared" si="114"/>
        <v>503.91668666666664</v>
      </c>
      <c r="AB775">
        <f t="shared" si="115"/>
        <v>5.4087592923889689</v>
      </c>
      <c r="AC775">
        <f t="shared" si="116"/>
        <v>2.8370243347543722</v>
      </c>
    </row>
    <row r="776" spans="1:29" x14ac:dyDescent="0.4">
      <c r="A776">
        <v>773</v>
      </c>
      <c r="B776">
        <f t="shared" si="108"/>
        <v>25.766666666666666</v>
      </c>
      <c r="C776">
        <v>751.12199999999996</v>
      </c>
      <c r="D776">
        <v>495.92782999999997</v>
      </c>
      <c r="E776">
        <v>0.83894279999999999</v>
      </c>
      <c r="F776">
        <v>880.21590000000003</v>
      </c>
      <c r="G776">
        <v>430.67862000000002</v>
      </c>
      <c r="H776">
        <v>0.92899730000000003</v>
      </c>
      <c r="I776">
        <v>871.16345000000001</v>
      </c>
      <c r="J776">
        <v>574.37090000000001</v>
      </c>
      <c r="K776">
        <v>0.87124455000000001</v>
      </c>
      <c r="L776">
        <f t="shared" si="109"/>
        <v>834.16711666666663</v>
      </c>
      <c r="M776">
        <f t="shared" si="110"/>
        <v>500.32578333333339</v>
      </c>
      <c r="N776">
        <f t="shared" si="111"/>
        <v>-3.6444465881810162</v>
      </c>
      <c r="O776">
        <f t="shared" si="112"/>
        <v>3.0595080428782868</v>
      </c>
      <c r="Q776">
        <v>973.14275999999995</v>
      </c>
      <c r="R776">
        <v>506.61108000000002</v>
      </c>
      <c r="S776">
        <v>0.96036834000000004</v>
      </c>
      <c r="T776">
        <v>1095.425</v>
      </c>
      <c r="U776">
        <v>430.02584999999999</v>
      </c>
      <c r="V776">
        <v>0.96221330000000005</v>
      </c>
      <c r="W776">
        <v>1099.93</v>
      </c>
      <c r="X776">
        <v>575.06479999999999</v>
      </c>
      <c r="Y776">
        <v>0.86756440000000001</v>
      </c>
      <c r="Z776">
        <f t="shared" si="113"/>
        <v>1056.1659200000001</v>
      </c>
      <c r="AA776">
        <f t="shared" si="114"/>
        <v>503.90057666666667</v>
      </c>
      <c r="AB776">
        <f t="shared" si="115"/>
        <v>5.4077320658473189</v>
      </c>
      <c r="AC776">
        <f t="shared" si="116"/>
        <v>2.8376905928328759</v>
      </c>
    </row>
    <row r="777" spans="1:29" x14ac:dyDescent="0.4">
      <c r="A777">
        <v>774</v>
      </c>
      <c r="B777">
        <f t="shared" si="108"/>
        <v>25.8</v>
      </c>
      <c r="C777">
        <v>751.00603999999998</v>
      </c>
      <c r="D777">
        <v>495.87691999999998</v>
      </c>
      <c r="E777">
        <v>0.83439810000000003</v>
      </c>
      <c r="F777">
        <v>880.17660000000001</v>
      </c>
      <c r="G777">
        <v>430.63367</v>
      </c>
      <c r="H777">
        <v>0.92682975999999995</v>
      </c>
      <c r="I777">
        <v>871.14355</v>
      </c>
      <c r="J777">
        <v>574.40329999999994</v>
      </c>
      <c r="K777">
        <v>0.88178336999999996</v>
      </c>
      <c r="L777">
        <f t="shared" si="109"/>
        <v>834.10872999999992</v>
      </c>
      <c r="M777">
        <f t="shared" si="110"/>
        <v>500.30462999999992</v>
      </c>
      <c r="N777">
        <f t="shared" si="111"/>
        <v>-3.6468128974612606</v>
      </c>
      <c r="O777">
        <f t="shared" si="112"/>
        <v>3.0603912083436842</v>
      </c>
      <c r="Q777">
        <v>973.13689999999997</v>
      </c>
      <c r="R777">
        <v>506.59719999999999</v>
      </c>
      <c r="S777">
        <v>0.97399217000000005</v>
      </c>
      <c r="T777">
        <v>1095.326</v>
      </c>
      <c r="U777">
        <v>429.95767000000001</v>
      </c>
      <c r="V777">
        <v>0.96970840000000003</v>
      </c>
      <c r="W777">
        <v>1099.9937</v>
      </c>
      <c r="X777">
        <v>575.10864000000004</v>
      </c>
      <c r="Y777">
        <v>0.87763475999999996</v>
      </c>
      <c r="Z777">
        <f t="shared" si="113"/>
        <v>1056.1522</v>
      </c>
      <c r="AA777">
        <f t="shared" si="114"/>
        <v>503.8878366666666</v>
      </c>
      <c r="AB777">
        <f t="shared" si="115"/>
        <v>5.4071748284538694</v>
      </c>
      <c r="AC777">
        <f t="shared" si="116"/>
        <v>2.8382153280026099</v>
      </c>
    </row>
    <row r="778" spans="1:29" x14ac:dyDescent="0.4">
      <c r="A778">
        <v>775</v>
      </c>
      <c r="B778">
        <f t="shared" si="108"/>
        <v>25.833333333333332</v>
      </c>
      <c r="C778">
        <v>750.97515999999996</v>
      </c>
      <c r="D778">
        <v>495.79543999999999</v>
      </c>
      <c r="E778">
        <v>0.83873147000000003</v>
      </c>
      <c r="F778">
        <v>880.15620000000001</v>
      </c>
      <c r="G778">
        <v>430.61876999999998</v>
      </c>
      <c r="H778">
        <v>0.92854519999999996</v>
      </c>
      <c r="I778">
        <v>871.077</v>
      </c>
      <c r="J778">
        <v>574.30259999999998</v>
      </c>
      <c r="K778">
        <v>0.88351769999999996</v>
      </c>
      <c r="L778">
        <f t="shared" si="109"/>
        <v>834.06945333333317</v>
      </c>
      <c r="M778">
        <f t="shared" si="110"/>
        <v>500.23893666666663</v>
      </c>
      <c r="N778">
        <f t="shared" si="111"/>
        <v>-3.6483880095829746</v>
      </c>
      <c r="O778">
        <f t="shared" si="112"/>
        <v>3.0630857964668725</v>
      </c>
      <c r="Q778">
        <v>973.12810000000002</v>
      </c>
      <c r="R778">
        <v>506.55542000000003</v>
      </c>
      <c r="S778">
        <v>0.97455084000000003</v>
      </c>
      <c r="T778">
        <v>1095.3018</v>
      </c>
      <c r="U778">
        <v>429.93414000000001</v>
      </c>
      <c r="V778">
        <v>0.95469725000000005</v>
      </c>
      <c r="W778">
        <v>1099.9845</v>
      </c>
      <c r="X778">
        <v>575.04949999999997</v>
      </c>
      <c r="Y778">
        <v>0.87737226000000001</v>
      </c>
      <c r="Z778">
        <f t="shared" si="113"/>
        <v>1056.1381333333334</v>
      </c>
      <c r="AA778">
        <f t="shared" si="114"/>
        <v>503.84635333333335</v>
      </c>
      <c r="AB778">
        <f t="shared" si="115"/>
        <v>5.4066127311296421</v>
      </c>
      <c r="AC778">
        <f t="shared" si="116"/>
        <v>2.8399133866331194</v>
      </c>
    </row>
    <row r="779" spans="1:29" x14ac:dyDescent="0.4">
      <c r="A779">
        <v>776</v>
      </c>
      <c r="B779">
        <f t="shared" si="108"/>
        <v>25.866666666666667</v>
      </c>
      <c r="C779">
        <v>750.90290000000005</v>
      </c>
      <c r="D779">
        <v>495.70269999999999</v>
      </c>
      <c r="E779">
        <v>0.84373560000000003</v>
      </c>
      <c r="F779">
        <v>880.05817000000002</v>
      </c>
      <c r="G779">
        <v>430.57159999999999</v>
      </c>
      <c r="H779">
        <v>0.92628396000000002</v>
      </c>
      <c r="I779">
        <v>871.01829999999995</v>
      </c>
      <c r="J779">
        <v>574.23080000000004</v>
      </c>
      <c r="K779">
        <v>0.87759984000000002</v>
      </c>
      <c r="L779">
        <f t="shared" si="109"/>
        <v>833.9931233333333</v>
      </c>
      <c r="M779">
        <f t="shared" si="110"/>
        <v>500.16836666666671</v>
      </c>
      <c r="N779">
        <f t="shared" si="111"/>
        <v>-3.6514675943582691</v>
      </c>
      <c r="O779">
        <f t="shared" si="112"/>
        <v>3.0659919836127631</v>
      </c>
      <c r="Q779">
        <v>973.10450000000003</v>
      </c>
      <c r="R779">
        <v>506.58704</v>
      </c>
      <c r="S779">
        <v>0.97193890000000005</v>
      </c>
      <c r="T779">
        <v>1095.2634</v>
      </c>
      <c r="U779">
        <v>429.97336000000001</v>
      </c>
      <c r="V779">
        <v>0.95359859999999996</v>
      </c>
      <c r="W779">
        <v>1100.0449000000001</v>
      </c>
      <c r="X779">
        <v>575.1223</v>
      </c>
      <c r="Y779">
        <v>0.88263625000000001</v>
      </c>
      <c r="Z779">
        <f t="shared" si="113"/>
        <v>1056.1376</v>
      </c>
      <c r="AA779">
        <f t="shared" si="114"/>
        <v>503.89423333333337</v>
      </c>
      <c r="AB779">
        <f t="shared" si="115"/>
        <v>5.4065753773031062</v>
      </c>
      <c r="AC779">
        <f t="shared" si="116"/>
        <v>2.8379592735211006</v>
      </c>
    </row>
    <row r="780" spans="1:29" x14ac:dyDescent="0.4">
      <c r="A780">
        <v>777</v>
      </c>
      <c r="B780">
        <f t="shared" si="108"/>
        <v>25.9</v>
      </c>
      <c r="C780">
        <v>750.84607000000005</v>
      </c>
      <c r="D780">
        <v>495.77492999999998</v>
      </c>
      <c r="E780">
        <v>0.84567099999999995</v>
      </c>
      <c r="F780">
        <v>880.02202999999997</v>
      </c>
      <c r="G780">
        <v>430.54750000000001</v>
      </c>
      <c r="H780">
        <v>0.92747444000000001</v>
      </c>
      <c r="I780">
        <v>870.89290000000005</v>
      </c>
      <c r="J780">
        <v>574.1626</v>
      </c>
      <c r="K780">
        <v>0.86272709999999997</v>
      </c>
      <c r="L780">
        <f t="shared" si="109"/>
        <v>833.92033333333347</v>
      </c>
      <c r="M780">
        <f t="shared" si="110"/>
        <v>500.16167666666661</v>
      </c>
      <c r="N780">
        <f t="shared" si="111"/>
        <v>-3.6544240160984724</v>
      </c>
      <c r="O780">
        <f t="shared" si="112"/>
        <v>3.0662897091503276</v>
      </c>
      <c r="Q780">
        <v>973.04223999999999</v>
      </c>
      <c r="R780">
        <v>506.65325999999999</v>
      </c>
      <c r="S780">
        <v>0.97440726</v>
      </c>
      <c r="T780">
        <v>1095.1808000000001</v>
      </c>
      <c r="U780">
        <v>429.95280000000002</v>
      </c>
      <c r="V780">
        <v>0.95574820000000005</v>
      </c>
      <c r="W780">
        <v>1100.0509</v>
      </c>
      <c r="X780">
        <v>575.00507000000005</v>
      </c>
      <c r="Y780">
        <v>0.88682276000000004</v>
      </c>
      <c r="Z780">
        <f t="shared" si="113"/>
        <v>1056.0913133333333</v>
      </c>
      <c r="AA780">
        <f t="shared" si="114"/>
        <v>503.87037666666674</v>
      </c>
      <c r="AB780">
        <f t="shared" si="115"/>
        <v>5.4046892446408243</v>
      </c>
      <c r="AC780">
        <f t="shared" si="116"/>
        <v>2.8389489849836287</v>
      </c>
    </row>
    <row r="781" spans="1:29" x14ac:dyDescent="0.4">
      <c r="A781">
        <v>778</v>
      </c>
      <c r="B781">
        <f t="shared" si="108"/>
        <v>25.933333333333334</v>
      </c>
      <c r="C781">
        <v>750.8329</v>
      </c>
      <c r="D781">
        <v>495.75700000000001</v>
      </c>
      <c r="E781">
        <v>0.85542119999999999</v>
      </c>
      <c r="F781">
        <v>880.03650000000005</v>
      </c>
      <c r="G781">
        <v>430.55290000000002</v>
      </c>
      <c r="H781">
        <v>0.92034640000000001</v>
      </c>
      <c r="I781">
        <v>870.77750000000003</v>
      </c>
      <c r="J781">
        <v>574.11315999999999</v>
      </c>
      <c r="K781">
        <v>0.86658250000000003</v>
      </c>
      <c r="L781">
        <f t="shared" si="109"/>
        <v>833.8823000000001</v>
      </c>
      <c r="M781">
        <f t="shared" si="110"/>
        <v>500.14102000000003</v>
      </c>
      <c r="N781">
        <f t="shared" si="111"/>
        <v>-3.6559631977009017</v>
      </c>
      <c r="O781">
        <f t="shared" si="112"/>
        <v>3.0671457022534767</v>
      </c>
      <c r="Q781">
        <v>973.04269999999997</v>
      </c>
      <c r="R781">
        <v>506.54849999999999</v>
      </c>
      <c r="S781">
        <v>0.97245999999999999</v>
      </c>
      <c r="T781">
        <v>1095.1522</v>
      </c>
      <c r="U781">
        <v>430.02390000000003</v>
      </c>
      <c r="V781">
        <v>0.96291167</v>
      </c>
      <c r="W781">
        <v>1100.0015000000001</v>
      </c>
      <c r="X781">
        <v>575.08109999999999</v>
      </c>
      <c r="Y781">
        <v>0.88239615999999998</v>
      </c>
      <c r="Z781">
        <f t="shared" si="113"/>
        <v>1056.0654666666667</v>
      </c>
      <c r="AA781">
        <f t="shared" si="114"/>
        <v>503.88449999999995</v>
      </c>
      <c r="AB781">
        <f t="shared" si="115"/>
        <v>5.4036271185545228</v>
      </c>
      <c r="AC781">
        <f t="shared" si="116"/>
        <v>2.8383814334544724</v>
      </c>
    </row>
    <row r="782" spans="1:29" x14ac:dyDescent="0.4">
      <c r="A782">
        <v>779</v>
      </c>
      <c r="B782">
        <f t="shared" si="108"/>
        <v>25.966666666666665</v>
      </c>
      <c r="C782">
        <v>750.79376000000002</v>
      </c>
      <c r="D782">
        <v>495.92545000000001</v>
      </c>
      <c r="E782">
        <v>0.8469141</v>
      </c>
      <c r="F782">
        <v>879.98815999999999</v>
      </c>
      <c r="G782">
        <v>430.5213</v>
      </c>
      <c r="H782">
        <v>0.92535215999999998</v>
      </c>
      <c r="I782">
        <v>870.70320000000004</v>
      </c>
      <c r="J782">
        <v>573.98009999999999</v>
      </c>
      <c r="K782">
        <v>0.8607534</v>
      </c>
      <c r="L782">
        <f t="shared" si="109"/>
        <v>833.82837333333327</v>
      </c>
      <c r="M782">
        <f t="shared" si="110"/>
        <v>500.14228333333335</v>
      </c>
      <c r="N782">
        <f t="shared" si="111"/>
        <v>-3.658155482319577</v>
      </c>
      <c r="O782">
        <f t="shared" si="112"/>
        <v>3.0671124185481693</v>
      </c>
      <c r="Q782">
        <v>973.06129999999996</v>
      </c>
      <c r="R782">
        <v>506.53559999999999</v>
      </c>
      <c r="S782">
        <v>0.98091510000000004</v>
      </c>
      <c r="T782">
        <v>1095.1842999999999</v>
      </c>
      <c r="U782">
        <v>429.94675000000001</v>
      </c>
      <c r="V782">
        <v>0.95656330000000001</v>
      </c>
      <c r="W782">
        <v>1099.9503999999999</v>
      </c>
      <c r="X782">
        <v>575.07263</v>
      </c>
      <c r="Y782">
        <v>0.88318750000000001</v>
      </c>
      <c r="Z782">
        <f t="shared" si="113"/>
        <v>1056.0653333333332</v>
      </c>
      <c r="AA782">
        <f t="shared" si="114"/>
        <v>503.85165999999998</v>
      </c>
      <c r="AB782">
        <f t="shared" si="115"/>
        <v>5.4036323161015511</v>
      </c>
      <c r="AC782">
        <f t="shared" si="116"/>
        <v>2.8397218953532568</v>
      </c>
    </row>
    <row r="783" spans="1:29" x14ac:dyDescent="0.4">
      <c r="A783">
        <v>780</v>
      </c>
      <c r="B783">
        <f t="shared" si="108"/>
        <v>26</v>
      </c>
      <c r="C783">
        <v>750.74159999999995</v>
      </c>
      <c r="D783">
        <v>495.79343</v>
      </c>
      <c r="E783">
        <v>0.84822470000000005</v>
      </c>
      <c r="F783">
        <v>880.03510000000006</v>
      </c>
      <c r="G783">
        <v>430.44824</v>
      </c>
      <c r="H783">
        <v>0.93199030000000005</v>
      </c>
      <c r="I783">
        <v>870.72479999999996</v>
      </c>
      <c r="J783">
        <v>573.90520000000004</v>
      </c>
      <c r="K783">
        <v>0.86097590000000002</v>
      </c>
      <c r="L783">
        <f t="shared" si="109"/>
        <v>833.83383333333325</v>
      </c>
      <c r="M783">
        <f t="shared" si="110"/>
        <v>500.0489566666667</v>
      </c>
      <c r="N783">
        <f t="shared" si="111"/>
        <v>-3.6579032730561027</v>
      </c>
      <c r="O783">
        <f t="shared" si="112"/>
        <v>3.0709196902114235</v>
      </c>
      <c r="Q783">
        <v>973.00134000000003</v>
      </c>
      <c r="R783">
        <v>506.41082999999998</v>
      </c>
      <c r="S783">
        <v>0.97308470000000002</v>
      </c>
      <c r="T783">
        <v>1095.0815</v>
      </c>
      <c r="U783">
        <v>429.96802000000002</v>
      </c>
      <c r="V783">
        <v>0.95084639999999998</v>
      </c>
      <c r="W783">
        <v>1099.8276000000001</v>
      </c>
      <c r="X783">
        <v>575.07590000000005</v>
      </c>
      <c r="Y783">
        <v>0.88356769999999996</v>
      </c>
      <c r="Z783">
        <f t="shared" si="113"/>
        <v>1055.9701466666668</v>
      </c>
      <c r="AA783">
        <f t="shared" si="114"/>
        <v>503.81825000000003</v>
      </c>
      <c r="AB783">
        <f t="shared" si="115"/>
        <v>5.3997484946574463</v>
      </c>
      <c r="AC783">
        <f t="shared" si="116"/>
        <v>2.8411184057002652</v>
      </c>
    </row>
    <row r="784" spans="1:29" x14ac:dyDescent="0.4">
      <c r="A784">
        <v>781</v>
      </c>
      <c r="B784">
        <f t="shared" si="108"/>
        <v>26.033333333333335</v>
      </c>
      <c r="C784">
        <v>750.78985999999998</v>
      </c>
      <c r="D784">
        <v>495.59690000000001</v>
      </c>
      <c r="E784">
        <v>0.8505836</v>
      </c>
      <c r="F784">
        <v>879.96870000000001</v>
      </c>
      <c r="G784">
        <v>430.47678000000002</v>
      </c>
      <c r="H784">
        <v>0.93551569999999995</v>
      </c>
      <c r="I784">
        <v>870.71400000000006</v>
      </c>
      <c r="J784">
        <v>573.82259999999997</v>
      </c>
      <c r="K784">
        <v>0.87086569999999996</v>
      </c>
      <c r="L784">
        <f t="shared" si="109"/>
        <v>833.82418666666672</v>
      </c>
      <c r="M784">
        <f t="shared" si="110"/>
        <v>499.96542666666664</v>
      </c>
      <c r="N784">
        <f t="shared" si="111"/>
        <v>-3.6582682597361211</v>
      </c>
      <c r="O784">
        <f t="shared" si="112"/>
        <v>3.0743322289319521</v>
      </c>
      <c r="Q784">
        <v>972.84829999999999</v>
      </c>
      <c r="R784">
        <v>506.28210000000001</v>
      </c>
      <c r="S784">
        <v>0.96694400000000003</v>
      </c>
      <c r="T784">
        <v>1095.0927999999999</v>
      </c>
      <c r="U784">
        <v>429.89109999999999</v>
      </c>
      <c r="V784">
        <v>0.96081483000000001</v>
      </c>
      <c r="W784">
        <v>1099.8792000000001</v>
      </c>
      <c r="X784">
        <v>575.03840000000002</v>
      </c>
      <c r="Y784">
        <v>0.88233596000000003</v>
      </c>
      <c r="Z784">
        <f t="shared" si="113"/>
        <v>1055.9401</v>
      </c>
      <c r="AA784">
        <f t="shared" si="114"/>
        <v>503.73720000000003</v>
      </c>
      <c r="AB784">
        <f t="shared" si="115"/>
        <v>5.3985453991547088</v>
      </c>
      <c r="AC784">
        <f t="shared" si="116"/>
        <v>2.8444369478585196</v>
      </c>
    </row>
    <row r="785" spans="1:29" x14ac:dyDescent="0.4">
      <c r="A785">
        <v>782</v>
      </c>
      <c r="B785">
        <f t="shared" si="108"/>
        <v>26.066666666666666</v>
      </c>
      <c r="C785">
        <v>750.80290000000002</v>
      </c>
      <c r="D785">
        <v>495.50153</v>
      </c>
      <c r="E785">
        <v>0.85078290000000001</v>
      </c>
      <c r="F785">
        <v>880.02250000000004</v>
      </c>
      <c r="G785">
        <v>430.33800000000002</v>
      </c>
      <c r="H785">
        <v>0.94317130000000005</v>
      </c>
      <c r="I785">
        <v>870.73230000000001</v>
      </c>
      <c r="J785">
        <v>573.79125999999997</v>
      </c>
      <c r="K785">
        <v>0.86607677000000005</v>
      </c>
      <c r="L785">
        <f t="shared" si="109"/>
        <v>833.8525666666668</v>
      </c>
      <c r="M785">
        <f t="shared" si="110"/>
        <v>499.87692999999996</v>
      </c>
      <c r="N785">
        <f t="shared" si="111"/>
        <v>-3.6570860236446245</v>
      </c>
      <c r="O785">
        <f t="shared" si="112"/>
        <v>3.0779345887505434</v>
      </c>
      <c r="Q785">
        <v>972.91750000000002</v>
      </c>
      <c r="R785">
        <v>506.24883999999997</v>
      </c>
      <c r="S785">
        <v>0.96904509999999999</v>
      </c>
      <c r="T785">
        <v>1095.1172999999999</v>
      </c>
      <c r="U785">
        <v>430.02057000000002</v>
      </c>
      <c r="V785">
        <v>0.96268845000000003</v>
      </c>
      <c r="W785">
        <v>1099.7782999999999</v>
      </c>
      <c r="X785">
        <v>574.94635000000005</v>
      </c>
      <c r="Y785">
        <v>0.87736740000000002</v>
      </c>
      <c r="Z785">
        <f t="shared" si="113"/>
        <v>1055.9376999999999</v>
      </c>
      <c r="AA785">
        <f t="shared" si="114"/>
        <v>503.73858666666666</v>
      </c>
      <c r="AB785">
        <f t="shared" si="115"/>
        <v>5.3984467511122656</v>
      </c>
      <c r="AC785">
        <f t="shared" si="116"/>
        <v>2.8443811767140081</v>
      </c>
    </row>
    <row r="786" spans="1:29" x14ac:dyDescent="0.4">
      <c r="A786">
        <v>783</v>
      </c>
      <c r="B786">
        <f t="shared" si="108"/>
        <v>26.1</v>
      </c>
      <c r="C786">
        <v>750.72580000000005</v>
      </c>
      <c r="D786">
        <v>495.44693000000001</v>
      </c>
      <c r="E786">
        <v>0.84883500000000001</v>
      </c>
      <c r="F786">
        <v>880.11289999999997</v>
      </c>
      <c r="G786">
        <v>430.27001999999999</v>
      </c>
      <c r="H786">
        <v>0.94926600000000005</v>
      </c>
      <c r="I786">
        <v>870.73375999999996</v>
      </c>
      <c r="J786">
        <v>573.77530000000002</v>
      </c>
      <c r="K786">
        <v>0.87115659999999995</v>
      </c>
      <c r="L786">
        <f t="shared" si="109"/>
        <v>833.85748666666666</v>
      </c>
      <c r="M786">
        <f t="shared" si="110"/>
        <v>499.83075000000002</v>
      </c>
      <c r="N786">
        <f t="shared" si="111"/>
        <v>-3.6568710618606581</v>
      </c>
      <c r="O786">
        <f t="shared" si="112"/>
        <v>3.079817750228997</v>
      </c>
      <c r="Q786">
        <v>972.88969999999995</v>
      </c>
      <c r="R786">
        <v>506.18853999999999</v>
      </c>
      <c r="S786">
        <v>0.96841239999999995</v>
      </c>
      <c r="T786">
        <v>1094.9763</v>
      </c>
      <c r="U786">
        <v>430.05756000000002</v>
      </c>
      <c r="V786">
        <v>0.95559156000000001</v>
      </c>
      <c r="W786">
        <v>1099.6783</v>
      </c>
      <c r="X786">
        <v>574.89655000000005</v>
      </c>
      <c r="Y786">
        <v>0.88740516000000003</v>
      </c>
      <c r="Z786">
        <f t="shared" si="113"/>
        <v>1055.8480999999999</v>
      </c>
      <c r="AA786">
        <f t="shared" si="114"/>
        <v>503.71421666666674</v>
      </c>
      <c r="AB786">
        <f t="shared" si="115"/>
        <v>5.3947885950168422</v>
      </c>
      <c r="AC786">
        <f t="shared" si="116"/>
        <v>2.8454067772118838</v>
      </c>
    </row>
    <row r="787" spans="1:29" x14ac:dyDescent="0.4">
      <c r="A787">
        <v>784</v>
      </c>
      <c r="B787">
        <f t="shared" si="108"/>
        <v>26.133333333333333</v>
      </c>
      <c r="C787">
        <v>750.7337</v>
      </c>
      <c r="D787">
        <v>495.36144999999999</v>
      </c>
      <c r="E787">
        <v>0.86228110000000002</v>
      </c>
      <c r="F787">
        <v>880.10429999999997</v>
      </c>
      <c r="G787">
        <v>430.20465000000002</v>
      </c>
      <c r="H787">
        <v>0.94730669999999995</v>
      </c>
      <c r="I787">
        <v>870.69979999999998</v>
      </c>
      <c r="J787">
        <v>573.77800000000002</v>
      </c>
      <c r="K787">
        <v>0.87561339999999999</v>
      </c>
      <c r="L787">
        <f t="shared" si="109"/>
        <v>833.84593333333339</v>
      </c>
      <c r="M787">
        <f t="shared" si="110"/>
        <v>499.78136666666666</v>
      </c>
      <c r="N787">
        <f t="shared" si="111"/>
        <v>-3.6573246267834292</v>
      </c>
      <c r="O787">
        <f t="shared" si="112"/>
        <v>3.0818372380865036</v>
      </c>
      <c r="Q787">
        <v>972.86992999999995</v>
      </c>
      <c r="R787">
        <v>506.1293</v>
      </c>
      <c r="S787">
        <v>0.94866775999999997</v>
      </c>
      <c r="T787">
        <v>1095.0443</v>
      </c>
      <c r="U787">
        <v>430.00546000000003</v>
      </c>
      <c r="V787">
        <v>0.95092100000000002</v>
      </c>
      <c r="W787">
        <v>1099.6559999999999</v>
      </c>
      <c r="X787">
        <v>574.89435000000003</v>
      </c>
      <c r="Y787">
        <v>0.87879163000000005</v>
      </c>
      <c r="Z787">
        <f t="shared" si="113"/>
        <v>1055.8567433333333</v>
      </c>
      <c r="AA787">
        <f t="shared" si="114"/>
        <v>503.67636999999996</v>
      </c>
      <c r="AB787">
        <f t="shared" si="115"/>
        <v>5.3951545214075107</v>
      </c>
      <c r="AC787">
        <f t="shared" si="116"/>
        <v>2.8469485642265773</v>
      </c>
    </row>
    <row r="788" spans="1:29" x14ac:dyDescent="0.4">
      <c r="A788">
        <v>785</v>
      </c>
      <c r="B788">
        <f t="shared" si="108"/>
        <v>26.166666666666668</v>
      </c>
      <c r="C788">
        <v>750.54100000000005</v>
      </c>
      <c r="D788">
        <v>495.44653</v>
      </c>
      <c r="E788">
        <v>0.84317679999999995</v>
      </c>
      <c r="F788">
        <v>880.09283000000005</v>
      </c>
      <c r="G788">
        <v>430.14157</v>
      </c>
      <c r="H788">
        <v>0.94707996000000005</v>
      </c>
      <c r="I788">
        <v>870.64940000000001</v>
      </c>
      <c r="J788">
        <v>573.78779999999995</v>
      </c>
      <c r="K788">
        <v>0.88395166000000003</v>
      </c>
      <c r="L788">
        <f t="shared" si="109"/>
        <v>833.76107666666667</v>
      </c>
      <c r="M788">
        <f t="shared" si="110"/>
        <v>499.79196666666667</v>
      </c>
      <c r="N788">
        <f t="shared" si="111"/>
        <v>-3.6607771003192848</v>
      </c>
      <c r="O788">
        <f t="shared" si="112"/>
        <v>3.0814333643508469</v>
      </c>
      <c r="Q788">
        <v>972.83659999999998</v>
      </c>
      <c r="R788">
        <v>506.07916</v>
      </c>
      <c r="S788">
        <v>0.96611785999999999</v>
      </c>
      <c r="T788">
        <v>1094.9347</v>
      </c>
      <c r="U788">
        <v>429.93076000000002</v>
      </c>
      <c r="V788">
        <v>0.94516259999999996</v>
      </c>
      <c r="W788">
        <v>1099.557</v>
      </c>
      <c r="X788">
        <v>574.85469999999998</v>
      </c>
      <c r="Y788">
        <v>0.88366659999999997</v>
      </c>
      <c r="Z788">
        <f t="shared" si="113"/>
        <v>1055.7761</v>
      </c>
      <c r="AA788">
        <f t="shared" si="114"/>
        <v>503.62153999999992</v>
      </c>
      <c r="AB788">
        <f t="shared" si="115"/>
        <v>5.3918727238327593</v>
      </c>
      <c r="AC788">
        <f t="shared" si="116"/>
        <v>2.8492143442879141</v>
      </c>
    </row>
    <row r="789" spans="1:29" x14ac:dyDescent="0.4">
      <c r="A789">
        <v>786</v>
      </c>
      <c r="B789">
        <f t="shared" si="108"/>
        <v>26.2</v>
      </c>
      <c r="C789">
        <v>750.59780000000001</v>
      </c>
      <c r="D789">
        <v>495.27377000000001</v>
      </c>
      <c r="E789">
        <v>0.8567401</v>
      </c>
      <c r="F789">
        <v>880.07745</v>
      </c>
      <c r="G789">
        <v>430.06704999999999</v>
      </c>
      <c r="H789">
        <v>0.95231867000000003</v>
      </c>
      <c r="I789">
        <v>870.60540000000003</v>
      </c>
      <c r="J789">
        <v>573.86474999999996</v>
      </c>
      <c r="K789">
        <v>0.88829720000000001</v>
      </c>
      <c r="L789">
        <f t="shared" si="109"/>
        <v>833.76021666666668</v>
      </c>
      <c r="M789">
        <f t="shared" si="110"/>
        <v>499.73519000000005</v>
      </c>
      <c r="N789">
        <f t="shared" si="111"/>
        <v>-3.6607936303169004</v>
      </c>
      <c r="O789">
        <f t="shared" si="112"/>
        <v>3.0837509840606838</v>
      </c>
      <c r="Q789">
        <v>972.77350000000001</v>
      </c>
      <c r="R789">
        <v>506.06607000000002</v>
      </c>
      <c r="S789">
        <v>0.9709605</v>
      </c>
      <c r="T789">
        <v>1094.9745</v>
      </c>
      <c r="U789">
        <v>430.04028</v>
      </c>
      <c r="V789">
        <v>0.95617719999999995</v>
      </c>
      <c r="W789">
        <v>1099.5165999999999</v>
      </c>
      <c r="X789">
        <v>574.93579999999997</v>
      </c>
      <c r="Y789">
        <v>0.87710935000000001</v>
      </c>
      <c r="Z789">
        <f t="shared" si="113"/>
        <v>1055.7548666666667</v>
      </c>
      <c r="AA789">
        <f t="shared" si="114"/>
        <v>503.68071666666668</v>
      </c>
      <c r="AB789">
        <f t="shared" si="115"/>
        <v>5.3909847500852228</v>
      </c>
      <c r="AC789">
        <f t="shared" si="116"/>
        <v>2.8468062848340905</v>
      </c>
    </row>
    <row r="790" spans="1:29" x14ac:dyDescent="0.4">
      <c r="A790">
        <v>787</v>
      </c>
      <c r="B790">
        <f t="shared" si="108"/>
        <v>26.233333333333334</v>
      </c>
      <c r="C790">
        <v>750.52919999999995</v>
      </c>
      <c r="D790">
        <v>494.97626000000002</v>
      </c>
      <c r="E790">
        <v>0.86695564000000003</v>
      </c>
      <c r="F790">
        <v>880.03234999999995</v>
      </c>
      <c r="G790">
        <v>430.03937000000002</v>
      </c>
      <c r="H790">
        <v>0.95393497000000005</v>
      </c>
      <c r="I790">
        <v>870.52319999999997</v>
      </c>
      <c r="J790">
        <v>573.77239999999995</v>
      </c>
      <c r="K790">
        <v>0.88859843999999999</v>
      </c>
      <c r="L790">
        <f t="shared" si="109"/>
        <v>833.6949166666667</v>
      </c>
      <c r="M790">
        <f t="shared" si="110"/>
        <v>499.59601000000004</v>
      </c>
      <c r="N790">
        <f t="shared" si="111"/>
        <v>-3.6634026025588691</v>
      </c>
      <c r="O790">
        <f t="shared" si="112"/>
        <v>3.0894537159613735</v>
      </c>
      <c r="Q790">
        <v>972.72140000000002</v>
      </c>
      <c r="R790">
        <v>506.07616999999999</v>
      </c>
      <c r="S790">
        <v>0.98046489999999997</v>
      </c>
      <c r="T790">
        <v>1095.0474999999999</v>
      </c>
      <c r="U790">
        <v>429.83046999999999</v>
      </c>
      <c r="V790">
        <v>0.94765246000000003</v>
      </c>
      <c r="W790">
        <v>1099.6132</v>
      </c>
      <c r="X790">
        <v>574.94320000000005</v>
      </c>
      <c r="Y790">
        <v>0.88376330000000003</v>
      </c>
      <c r="Z790">
        <f t="shared" si="113"/>
        <v>1055.7940333333333</v>
      </c>
      <c r="AA790">
        <f t="shared" si="114"/>
        <v>503.61661333333331</v>
      </c>
      <c r="AB790">
        <f t="shared" si="115"/>
        <v>5.3926080775554226</v>
      </c>
      <c r="AC790">
        <f t="shared" si="116"/>
        <v>2.8494092483409008</v>
      </c>
    </row>
    <row r="791" spans="1:29" x14ac:dyDescent="0.4">
      <c r="A791">
        <v>788</v>
      </c>
      <c r="B791">
        <f t="shared" si="108"/>
        <v>26.266666666666666</v>
      </c>
      <c r="C791">
        <v>750.52124000000003</v>
      </c>
      <c r="D791">
        <v>494.82177999999999</v>
      </c>
      <c r="E791">
        <v>0.87015799999999999</v>
      </c>
      <c r="F791">
        <v>880.00599999999997</v>
      </c>
      <c r="G791">
        <v>429.94909999999999</v>
      </c>
      <c r="H791">
        <v>0.94717459999999998</v>
      </c>
      <c r="I791">
        <v>870.44916000000001</v>
      </c>
      <c r="J791">
        <v>573.66425000000004</v>
      </c>
      <c r="K791">
        <v>0.89227290000000004</v>
      </c>
      <c r="L791">
        <f t="shared" si="109"/>
        <v>833.65880000000004</v>
      </c>
      <c r="M791">
        <f t="shared" si="110"/>
        <v>499.47837666666669</v>
      </c>
      <c r="N791">
        <f t="shared" si="111"/>
        <v>-3.6648323987074947</v>
      </c>
      <c r="O791">
        <f t="shared" si="112"/>
        <v>3.094267127374521</v>
      </c>
      <c r="Q791">
        <v>972.84357</v>
      </c>
      <c r="R791">
        <v>505.99176</v>
      </c>
      <c r="S791">
        <v>0.97056010000000004</v>
      </c>
      <c r="T791">
        <v>1095.0436999999999</v>
      </c>
      <c r="U791">
        <v>429.94272000000001</v>
      </c>
      <c r="V791">
        <v>0.95191349999999997</v>
      </c>
      <c r="W791">
        <v>1099.5790999999999</v>
      </c>
      <c r="X791">
        <v>574.98789999999997</v>
      </c>
      <c r="Y791">
        <v>0.88205730000000004</v>
      </c>
      <c r="Z791">
        <f t="shared" si="113"/>
        <v>1055.8221233333334</v>
      </c>
      <c r="AA791">
        <f t="shared" si="114"/>
        <v>503.64079333333331</v>
      </c>
      <c r="AB791">
        <f t="shared" si="115"/>
        <v>5.3937495573716348</v>
      </c>
      <c r="AC791">
        <f t="shared" si="116"/>
        <v>2.848412618385141</v>
      </c>
    </row>
    <row r="792" spans="1:29" x14ac:dyDescent="0.4">
      <c r="A792">
        <v>789</v>
      </c>
      <c r="B792">
        <f t="shared" si="108"/>
        <v>26.3</v>
      </c>
      <c r="C792">
        <v>750.5856</v>
      </c>
      <c r="D792">
        <v>494.69024999999999</v>
      </c>
      <c r="E792">
        <v>0.87708680000000006</v>
      </c>
      <c r="F792">
        <v>879.96820000000002</v>
      </c>
      <c r="G792">
        <v>429.97253000000001</v>
      </c>
      <c r="H792">
        <v>0.93890560000000001</v>
      </c>
      <c r="I792">
        <v>870.29034000000001</v>
      </c>
      <c r="J792">
        <v>573.58154000000002</v>
      </c>
      <c r="K792">
        <v>0.90739464999999997</v>
      </c>
      <c r="L792">
        <f t="shared" si="109"/>
        <v>833.61471333333338</v>
      </c>
      <c r="M792">
        <f t="shared" si="110"/>
        <v>499.41477333333336</v>
      </c>
      <c r="N792">
        <f t="shared" si="111"/>
        <v>-3.6666036692226913</v>
      </c>
      <c r="O792">
        <f t="shared" si="112"/>
        <v>3.096878019468198</v>
      </c>
      <c r="Q792">
        <v>972.80529999999999</v>
      </c>
      <c r="R792">
        <v>505.98626999999999</v>
      </c>
      <c r="S792">
        <v>0.97504723000000004</v>
      </c>
      <c r="T792">
        <v>1094.9688000000001</v>
      </c>
      <c r="U792">
        <v>429.85064999999997</v>
      </c>
      <c r="V792">
        <v>0.94259780000000004</v>
      </c>
      <c r="W792">
        <v>1099.607</v>
      </c>
      <c r="X792">
        <v>574.95569999999998</v>
      </c>
      <c r="Y792">
        <v>0.88313823999999996</v>
      </c>
      <c r="Z792">
        <f t="shared" si="113"/>
        <v>1055.7936999999999</v>
      </c>
      <c r="AA792">
        <f t="shared" si="114"/>
        <v>503.59753999999998</v>
      </c>
      <c r="AB792">
        <f t="shared" si="115"/>
        <v>5.3926006263570274</v>
      </c>
      <c r="AC792">
        <f t="shared" si="116"/>
        <v>2.8501878690665983</v>
      </c>
    </row>
    <row r="793" spans="1:29" x14ac:dyDescent="0.4">
      <c r="A793">
        <v>790</v>
      </c>
      <c r="B793">
        <f t="shared" si="108"/>
        <v>26.333333333333332</v>
      </c>
      <c r="C793">
        <v>750.42804000000001</v>
      </c>
      <c r="D793">
        <v>494.59539999999998</v>
      </c>
      <c r="E793">
        <v>0.86259189999999997</v>
      </c>
      <c r="F793">
        <v>879.9828</v>
      </c>
      <c r="G793">
        <v>429.94684000000001</v>
      </c>
      <c r="H793">
        <v>0.93884115999999995</v>
      </c>
      <c r="I793">
        <v>870.28549999999996</v>
      </c>
      <c r="J793">
        <v>573.52980000000002</v>
      </c>
      <c r="K793">
        <v>0.91325520000000004</v>
      </c>
      <c r="L793">
        <f t="shared" si="109"/>
        <v>833.56544666666662</v>
      </c>
      <c r="M793">
        <f t="shared" si="110"/>
        <v>499.35734666666667</v>
      </c>
      <c r="N793">
        <f t="shared" si="111"/>
        <v>-3.6685874834765224</v>
      </c>
      <c r="O793">
        <f t="shared" si="112"/>
        <v>3.0992385672466702</v>
      </c>
      <c r="Q793">
        <v>972.74440000000004</v>
      </c>
      <c r="R793">
        <v>505.91446000000002</v>
      </c>
      <c r="S793">
        <v>0.97283509999999995</v>
      </c>
      <c r="T793">
        <v>1094.9601</v>
      </c>
      <c r="U793">
        <v>429.84370000000001</v>
      </c>
      <c r="V793">
        <v>0.94381714000000005</v>
      </c>
      <c r="W793">
        <v>1099.5985000000001</v>
      </c>
      <c r="X793">
        <v>574.88300000000004</v>
      </c>
      <c r="Y793">
        <v>0.88314086000000003</v>
      </c>
      <c r="Z793">
        <f t="shared" si="113"/>
        <v>1055.7676666666666</v>
      </c>
      <c r="AA793">
        <f t="shared" si="114"/>
        <v>503.54705333333339</v>
      </c>
      <c r="AB793">
        <f t="shared" si="115"/>
        <v>5.3915518314397417</v>
      </c>
      <c r="AC793">
        <f t="shared" si="116"/>
        <v>2.8522575334530598</v>
      </c>
    </row>
    <row r="794" spans="1:29" x14ac:dyDescent="0.4">
      <c r="A794">
        <v>791</v>
      </c>
      <c r="B794">
        <f t="shared" si="108"/>
        <v>26.366666666666667</v>
      </c>
      <c r="C794">
        <v>750.29859999999996</v>
      </c>
      <c r="D794">
        <v>494.53070000000002</v>
      </c>
      <c r="E794">
        <v>0.84940179999999998</v>
      </c>
      <c r="F794">
        <v>880.0009</v>
      </c>
      <c r="G794">
        <v>429.79318000000001</v>
      </c>
      <c r="H794">
        <v>0.93291866999999995</v>
      </c>
      <c r="I794">
        <v>870.21375</v>
      </c>
      <c r="J794">
        <v>573.52782999999999</v>
      </c>
      <c r="K794">
        <v>0.92186690000000004</v>
      </c>
      <c r="L794">
        <f t="shared" si="109"/>
        <v>833.50441666666666</v>
      </c>
      <c r="M794">
        <f t="shared" si="110"/>
        <v>499.28390333333328</v>
      </c>
      <c r="N794">
        <f t="shared" si="111"/>
        <v>-3.6710442180162093</v>
      </c>
      <c r="O794">
        <f t="shared" si="112"/>
        <v>3.1022568145542313</v>
      </c>
      <c r="Q794">
        <v>972.68853999999999</v>
      </c>
      <c r="R794">
        <v>505.83987000000002</v>
      </c>
      <c r="S794">
        <v>0.97259899999999999</v>
      </c>
      <c r="T794">
        <v>1094.9559999999999</v>
      </c>
      <c r="U794">
        <v>429.86651999999998</v>
      </c>
      <c r="V794">
        <v>0.95155009999999995</v>
      </c>
      <c r="W794">
        <v>1099.5601999999999</v>
      </c>
      <c r="X794">
        <v>574.83759999999995</v>
      </c>
      <c r="Y794">
        <v>0.88561725999999996</v>
      </c>
      <c r="Z794">
        <f t="shared" si="113"/>
        <v>1055.7349133333332</v>
      </c>
      <c r="AA794">
        <f t="shared" si="114"/>
        <v>503.51466333333337</v>
      </c>
      <c r="AB794">
        <f t="shared" si="115"/>
        <v>5.3902222134598148</v>
      </c>
      <c r="AC794">
        <f t="shared" si="116"/>
        <v>2.853590873467875</v>
      </c>
    </row>
    <row r="795" spans="1:29" x14ac:dyDescent="0.4">
      <c r="A795">
        <v>792</v>
      </c>
      <c r="B795">
        <f t="shared" si="108"/>
        <v>26.4</v>
      </c>
      <c r="C795">
        <v>750.22564999999997</v>
      </c>
      <c r="D795">
        <v>494.46967000000001</v>
      </c>
      <c r="E795">
        <v>0.84755844000000002</v>
      </c>
      <c r="F795">
        <v>880.15620000000001</v>
      </c>
      <c r="G795">
        <v>429.62347</v>
      </c>
      <c r="H795">
        <v>0.94942309999999996</v>
      </c>
      <c r="I795">
        <v>870.19579999999996</v>
      </c>
      <c r="J795">
        <v>573.53219999999999</v>
      </c>
      <c r="K795">
        <v>0.92412260000000002</v>
      </c>
      <c r="L795">
        <f t="shared" si="109"/>
        <v>833.52588333333335</v>
      </c>
      <c r="M795">
        <f t="shared" si="110"/>
        <v>499.2084466666667</v>
      </c>
      <c r="N795">
        <f t="shared" si="111"/>
        <v>-3.6701472159919226</v>
      </c>
      <c r="O795">
        <f t="shared" si="112"/>
        <v>3.1053292701801758</v>
      </c>
      <c r="Q795">
        <v>972.67570000000001</v>
      </c>
      <c r="R795">
        <v>505.84113000000002</v>
      </c>
      <c r="S795">
        <v>0.96987533999999997</v>
      </c>
      <c r="T795">
        <v>1094.9376999999999</v>
      </c>
      <c r="U795">
        <v>429.84075999999999</v>
      </c>
      <c r="V795">
        <v>0.95511013</v>
      </c>
      <c r="W795">
        <v>1099.4272000000001</v>
      </c>
      <c r="X795">
        <v>574.86126999999999</v>
      </c>
      <c r="Y795">
        <v>0.89026665999999999</v>
      </c>
      <c r="Z795">
        <f t="shared" si="113"/>
        <v>1055.6802</v>
      </c>
      <c r="AA795">
        <f t="shared" si="114"/>
        <v>503.51438666666672</v>
      </c>
      <c r="AB795">
        <f t="shared" si="115"/>
        <v>5.3879836721250758</v>
      </c>
      <c r="AC795">
        <f t="shared" si="116"/>
        <v>2.8536210359469507</v>
      </c>
    </row>
    <row r="796" spans="1:29" x14ac:dyDescent="0.4">
      <c r="A796">
        <v>793</v>
      </c>
      <c r="B796">
        <f t="shared" si="108"/>
        <v>26.433333333333334</v>
      </c>
      <c r="C796">
        <v>750.21906000000001</v>
      </c>
      <c r="D796">
        <v>494.26654000000002</v>
      </c>
      <c r="E796">
        <v>0.84103863999999995</v>
      </c>
      <c r="F796">
        <v>879.9434</v>
      </c>
      <c r="G796">
        <v>429.56677000000002</v>
      </c>
      <c r="H796">
        <v>0.93157727000000001</v>
      </c>
      <c r="I796">
        <v>870.11710000000005</v>
      </c>
      <c r="J796">
        <v>573.45529999999997</v>
      </c>
      <c r="K796">
        <v>0.92488020000000004</v>
      </c>
      <c r="L796">
        <f t="shared" si="109"/>
        <v>833.42651999999998</v>
      </c>
      <c r="M796">
        <f t="shared" si="110"/>
        <v>499.09620333333334</v>
      </c>
      <c r="N796">
        <f t="shared" si="111"/>
        <v>-3.6741494124087768</v>
      </c>
      <c r="O796">
        <f t="shared" si="112"/>
        <v>3.1099441092930129</v>
      </c>
      <c r="Q796">
        <v>972.56830000000002</v>
      </c>
      <c r="R796">
        <v>505.93369999999999</v>
      </c>
      <c r="S796">
        <v>0.97010934000000004</v>
      </c>
      <c r="T796">
        <v>1094.8981000000001</v>
      </c>
      <c r="U796">
        <v>429.76929999999999</v>
      </c>
      <c r="V796">
        <v>0.94965345000000001</v>
      </c>
      <c r="W796">
        <v>1099.4208000000001</v>
      </c>
      <c r="X796">
        <v>574.86383000000001</v>
      </c>
      <c r="Y796">
        <v>0.89330304000000005</v>
      </c>
      <c r="Z796">
        <f t="shared" si="113"/>
        <v>1055.6290666666666</v>
      </c>
      <c r="AA796">
        <f t="shared" si="114"/>
        <v>503.52227666666664</v>
      </c>
      <c r="AB796">
        <f t="shared" si="115"/>
        <v>5.3858889627930608</v>
      </c>
      <c r="AC796">
        <f t="shared" si="116"/>
        <v>2.8533166296245751</v>
      </c>
    </row>
    <row r="797" spans="1:29" x14ac:dyDescent="0.4">
      <c r="A797">
        <v>794</v>
      </c>
      <c r="B797">
        <f t="shared" si="108"/>
        <v>26.466666666666665</v>
      </c>
      <c r="C797">
        <v>750.30164000000002</v>
      </c>
      <c r="D797">
        <v>494.24097</v>
      </c>
      <c r="E797">
        <v>0.84704360000000001</v>
      </c>
      <c r="F797">
        <v>879.90954999999997</v>
      </c>
      <c r="G797">
        <v>429.50081999999998</v>
      </c>
      <c r="H797">
        <v>0.93991535999999998</v>
      </c>
      <c r="I797">
        <v>870.02800000000002</v>
      </c>
      <c r="J797">
        <v>573.39940000000001</v>
      </c>
      <c r="K797">
        <v>0.92195579999999999</v>
      </c>
      <c r="L797">
        <f t="shared" si="109"/>
        <v>833.41306333333341</v>
      </c>
      <c r="M797">
        <f t="shared" si="110"/>
        <v>499.04706333333337</v>
      </c>
      <c r="N797">
        <f t="shared" si="111"/>
        <v>-3.6746804099830408</v>
      </c>
      <c r="O797">
        <f t="shared" si="112"/>
        <v>3.1119542950397938</v>
      </c>
      <c r="Q797">
        <v>972.60144000000003</v>
      </c>
      <c r="R797">
        <v>505.93142999999998</v>
      </c>
      <c r="S797">
        <v>0.96312469999999994</v>
      </c>
      <c r="T797">
        <v>1094.9148</v>
      </c>
      <c r="U797">
        <v>429.65697999999998</v>
      </c>
      <c r="V797">
        <v>0.96333002999999995</v>
      </c>
      <c r="W797">
        <v>1099.402</v>
      </c>
      <c r="X797">
        <v>574.86620000000005</v>
      </c>
      <c r="Y797">
        <v>0.89420164000000002</v>
      </c>
      <c r="Z797">
        <f t="shared" si="113"/>
        <v>1055.6394133333333</v>
      </c>
      <c r="AA797">
        <f t="shared" si="114"/>
        <v>503.48487</v>
      </c>
      <c r="AB797">
        <f t="shared" si="115"/>
        <v>5.3863244371943289</v>
      </c>
      <c r="AC797">
        <f t="shared" si="116"/>
        <v>2.8548398668975774</v>
      </c>
    </row>
    <row r="798" spans="1:29" x14ac:dyDescent="0.4">
      <c r="A798">
        <v>795</v>
      </c>
      <c r="B798">
        <f t="shared" si="108"/>
        <v>26.5</v>
      </c>
      <c r="C798">
        <v>750.05380000000002</v>
      </c>
      <c r="D798">
        <v>494.22205000000002</v>
      </c>
      <c r="E798">
        <v>0.84365460000000003</v>
      </c>
      <c r="F798">
        <v>879.90026999999998</v>
      </c>
      <c r="G798">
        <v>429.48899999999998</v>
      </c>
      <c r="H798">
        <v>0.93730380000000002</v>
      </c>
      <c r="I798">
        <v>869.98505</v>
      </c>
      <c r="J798">
        <v>573.37170000000003</v>
      </c>
      <c r="K798">
        <v>0.92783789999999999</v>
      </c>
      <c r="L798">
        <f t="shared" si="109"/>
        <v>833.31304</v>
      </c>
      <c r="M798">
        <f t="shared" si="110"/>
        <v>499.02758333333333</v>
      </c>
      <c r="N798">
        <f t="shared" si="111"/>
        <v>-3.6787395232874993</v>
      </c>
      <c r="O798">
        <f t="shared" si="112"/>
        <v>3.1127832642199849</v>
      </c>
      <c r="Q798">
        <v>972.66045999999994</v>
      </c>
      <c r="R798">
        <v>505.82186999999999</v>
      </c>
      <c r="S798">
        <v>0.96294849999999999</v>
      </c>
      <c r="T798">
        <v>1094.848</v>
      </c>
      <c r="U798">
        <v>429.63693000000001</v>
      </c>
      <c r="V798">
        <v>0.96396035000000002</v>
      </c>
      <c r="W798">
        <v>1099.2705000000001</v>
      </c>
      <c r="X798">
        <v>574.77610000000004</v>
      </c>
      <c r="Y798">
        <v>0.89523229999999998</v>
      </c>
      <c r="Z798">
        <f t="shared" si="113"/>
        <v>1055.5929866666668</v>
      </c>
      <c r="AA798">
        <f t="shared" si="114"/>
        <v>503.41163333333333</v>
      </c>
      <c r="AB798">
        <f t="shared" si="115"/>
        <v>5.3844486238570717</v>
      </c>
      <c r="AC798">
        <f t="shared" si="116"/>
        <v>2.8578451345236733</v>
      </c>
    </row>
    <row r="799" spans="1:29" x14ac:dyDescent="0.4">
      <c r="A799">
        <v>796</v>
      </c>
      <c r="B799">
        <f t="shared" si="108"/>
        <v>26.533333333333335</v>
      </c>
      <c r="C799">
        <v>750.02909999999997</v>
      </c>
      <c r="D799">
        <v>494.18450000000001</v>
      </c>
      <c r="E799">
        <v>0.83831226999999997</v>
      </c>
      <c r="F799">
        <v>879.86785999999995</v>
      </c>
      <c r="G799">
        <v>429.42203000000001</v>
      </c>
      <c r="H799">
        <v>0.93641180000000002</v>
      </c>
      <c r="I799">
        <v>869.79150000000004</v>
      </c>
      <c r="J799">
        <v>573.28156000000001</v>
      </c>
      <c r="K799">
        <v>0.93310309999999996</v>
      </c>
      <c r="L799">
        <f t="shared" si="109"/>
        <v>833.22948666666673</v>
      </c>
      <c r="M799">
        <f t="shared" si="110"/>
        <v>498.96269666666666</v>
      </c>
      <c r="N799">
        <f t="shared" si="111"/>
        <v>-3.682114469913496</v>
      </c>
      <c r="O799">
        <f t="shared" si="112"/>
        <v>3.1154598992713494</v>
      </c>
      <c r="Q799">
        <v>972.68610000000001</v>
      </c>
      <c r="R799">
        <v>505.74990000000003</v>
      </c>
      <c r="S799">
        <v>0.97049993000000001</v>
      </c>
      <c r="T799">
        <v>1094.7954999999999</v>
      </c>
      <c r="U799">
        <v>429.59255999999999</v>
      </c>
      <c r="V799">
        <v>0.96946483999999999</v>
      </c>
      <c r="W799">
        <v>1099.2908</v>
      </c>
      <c r="X799">
        <v>574.72235000000001</v>
      </c>
      <c r="Y799">
        <v>0.90333724000000004</v>
      </c>
      <c r="Z799">
        <f t="shared" si="113"/>
        <v>1055.5907999999999</v>
      </c>
      <c r="AA799">
        <f t="shared" si="114"/>
        <v>503.35493666666667</v>
      </c>
      <c r="AB799">
        <f t="shared" si="115"/>
        <v>5.3843775480668992</v>
      </c>
      <c r="AC799">
        <f t="shared" si="116"/>
        <v>2.8601600398956717</v>
      </c>
    </row>
    <row r="800" spans="1:29" x14ac:dyDescent="0.4">
      <c r="A800">
        <v>797</v>
      </c>
      <c r="B800">
        <f t="shared" si="108"/>
        <v>26.566666666666666</v>
      </c>
      <c r="C800">
        <v>750.00885000000005</v>
      </c>
      <c r="D800">
        <v>494.19977</v>
      </c>
      <c r="E800">
        <v>0.84103923999999997</v>
      </c>
      <c r="F800">
        <v>879.99634000000003</v>
      </c>
      <c r="G800">
        <v>429.39501999999999</v>
      </c>
      <c r="H800">
        <v>0.95087960000000005</v>
      </c>
      <c r="I800">
        <v>869.68589999999995</v>
      </c>
      <c r="J800">
        <v>573.24220000000003</v>
      </c>
      <c r="K800">
        <v>0.93876809999999999</v>
      </c>
      <c r="L800">
        <f t="shared" si="109"/>
        <v>833.23036333333346</v>
      </c>
      <c r="M800">
        <f t="shared" si="110"/>
        <v>498.94566333333336</v>
      </c>
      <c r="N800">
        <f t="shared" si="111"/>
        <v>-3.682073310021591</v>
      </c>
      <c r="O800">
        <f t="shared" si="112"/>
        <v>3.1161548082678991</v>
      </c>
      <c r="Q800">
        <v>972.65710000000001</v>
      </c>
      <c r="R800">
        <v>505.70080000000002</v>
      </c>
      <c r="S800">
        <v>0.96558814999999998</v>
      </c>
      <c r="T800">
        <v>1094.7610999999999</v>
      </c>
      <c r="U800">
        <v>429.51461999999998</v>
      </c>
      <c r="V800">
        <v>0.96278584</v>
      </c>
      <c r="W800">
        <v>1099.2161000000001</v>
      </c>
      <c r="X800">
        <v>574.68146000000002</v>
      </c>
      <c r="Y800">
        <v>0.90209340000000005</v>
      </c>
      <c r="Z800">
        <f t="shared" si="113"/>
        <v>1055.5447666666666</v>
      </c>
      <c r="AA800">
        <f t="shared" si="114"/>
        <v>503.29896000000002</v>
      </c>
      <c r="AB800">
        <f t="shared" si="115"/>
        <v>5.3825122318704848</v>
      </c>
      <c r="AC800">
        <f t="shared" si="116"/>
        <v>2.8624606781347657</v>
      </c>
    </row>
    <row r="801" spans="1:29" x14ac:dyDescent="0.4">
      <c r="A801">
        <v>798</v>
      </c>
      <c r="B801">
        <f t="shared" si="108"/>
        <v>26.6</v>
      </c>
      <c r="C801">
        <v>750.024</v>
      </c>
      <c r="D801">
        <v>494.01089999999999</v>
      </c>
      <c r="E801">
        <v>0.8423832</v>
      </c>
      <c r="F801">
        <v>879.93975999999998</v>
      </c>
      <c r="G801">
        <v>429.43423000000001</v>
      </c>
      <c r="H801">
        <v>0.95129350000000001</v>
      </c>
      <c r="I801">
        <v>869.62360000000001</v>
      </c>
      <c r="J801">
        <v>573.13670000000002</v>
      </c>
      <c r="K801">
        <v>0.93789049999999996</v>
      </c>
      <c r="L801">
        <f t="shared" si="109"/>
        <v>833.19578666666666</v>
      </c>
      <c r="M801">
        <f t="shared" si="110"/>
        <v>498.86061000000001</v>
      </c>
      <c r="N801">
        <f t="shared" si="111"/>
        <v>-3.6834510643016452</v>
      </c>
      <c r="O801">
        <f t="shared" si="112"/>
        <v>3.1196379311158586</v>
      </c>
      <c r="Q801">
        <v>972.54449999999997</v>
      </c>
      <c r="R801">
        <v>505.59924000000001</v>
      </c>
      <c r="S801">
        <v>0.96262049999999999</v>
      </c>
      <c r="T801">
        <v>1094.74</v>
      </c>
      <c r="U801">
        <v>429.58584999999999</v>
      </c>
      <c r="V801">
        <v>0.96887319999999999</v>
      </c>
      <c r="W801">
        <v>1099.2295999999999</v>
      </c>
      <c r="X801">
        <v>574.67139999999995</v>
      </c>
      <c r="Y801">
        <v>0.90337270000000003</v>
      </c>
      <c r="Z801">
        <f t="shared" si="113"/>
        <v>1055.5046999999997</v>
      </c>
      <c r="AA801">
        <f t="shared" si="114"/>
        <v>503.28549666666663</v>
      </c>
      <c r="AB801">
        <f t="shared" si="115"/>
        <v>5.3808772550859949</v>
      </c>
      <c r="AC801">
        <f t="shared" si="116"/>
        <v>2.8630240200816326</v>
      </c>
    </row>
    <row r="802" spans="1:29" x14ac:dyDescent="0.4">
      <c r="A802">
        <v>799</v>
      </c>
      <c r="B802">
        <f t="shared" si="108"/>
        <v>26.633333333333333</v>
      </c>
      <c r="C802">
        <v>749.98829999999998</v>
      </c>
      <c r="D802">
        <v>494.05471999999997</v>
      </c>
      <c r="E802">
        <v>0.83884685999999997</v>
      </c>
      <c r="F802">
        <v>879.96860000000004</v>
      </c>
      <c r="G802">
        <v>429.32747999999998</v>
      </c>
      <c r="H802">
        <v>0.95087960000000005</v>
      </c>
      <c r="I802">
        <v>869.56600000000003</v>
      </c>
      <c r="J802">
        <v>573.10329999999999</v>
      </c>
      <c r="K802">
        <v>0.92850005999999996</v>
      </c>
      <c r="L802">
        <f t="shared" si="109"/>
        <v>833.17430000000002</v>
      </c>
      <c r="M802">
        <f t="shared" si="110"/>
        <v>498.82850000000002</v>
      </c>
      <c r="N802">
        <f t="shared" si="111"/>
        <v>-3.6843139612563185</v>
      </c>
      <c r="O802">
        <f t="shared" si="112"/>
        <v>3.1209557644292985</v>
      </c>
      <c r="Q802">
        <v>972.35344999999995</v>
      </c>
      <c r="R802">
        <v>505.71692000000002</v>
      </c>
      <c r="S802">
        <v>0.96212569999999997</v>
      </c>
      <c r="T802">
        <v>1094.6952000000001</v>
      </c>
      <c r="U802">
        <v>429.47647000000001</v>
      </c>
      <c r="V802">
        <v>0.96615857000000005</v>
      </c>
      <c r="W802">
        <v>1099.2837</v>
      </c>
      <c r="X802">
        <v>574.69403</v>
      </c>
      <c r="Y802">
        <v>0.91266659999999999</v>
      </c>
      <c r="Z802">
        <f t="shared" si="113"/>
        <v>1055.4441166666668</v>
      </c>
      <c r="AA802">
        <f t="shared" si="114"/>
        <v>503.29580666666669</v>
      </c>
      <c r="AB802">
        <f t="shared" si="115"/>
        <v>5.3783951217298904</v>
      </c>
      <c r="AC802">
        <f t="shared" si="116"/>
        <v>2.8626240979316533</v>
      </c>
    </row>
    <row r="803" spans="1:29" x14ac:dyDescent="0.4">
      <c r="A803">
        <v>800</v>
      </c>
      <c r="B803">
        <f t="shared" si="108"/>
        <v>26.666666666666668</v>
      </c>
      <c r="C803">
        <v>749.91790000000003</v>
      </c>
      <c r="D803">
        <v>494.08978000000002</v>
      </c>
      <c r="E803">
        <v>0.84229445000000003</v>
      </c>
      <c r="F803">
        <v>879.90155000000004</v>
      </c>
      <c r="G803">
        <v>429.26830000000001</v>
      </c>
      <c r="H803">
        <v>0.94865259999999996</v>
      </c>
      <c r="I803">
        <v>869.46172999999999</v>
      </c>
      <c r="J803">
        <v>572.99474999999995</v>
      </c>
      <c r="K803">
        <v>0.92417720000000003</v>
      </c>
      <c r="L803">
        <f t="shared" si="109"/>
        <v>833.09372666666661</v>
      </c>
      <c r="M803">
        <f t="shared" si="110"/>
        <v>498.78427666666659</v>
      </c>
      <c r="N803">
        <f t="shared" si="111"/>
        <v>-3.6875744788749638</v>
      </c>
      <c r="O803">
        <f t="shared" si="112"/>
        <v>3.1227880225723017</v>
      </c>
      <c r="Q803">
        <v>972.33130000000006</v>
      </c>
      <c r="R803">
        <v>505.76882999999998</v>
      </c>
      <c r="S803">
        <v>0.96930313000000001</v>
      </c>
      <c r="T803">
        <v>1094.6926000000001</v>
      </c>
      <c r="U803">
        <v>429.46600000000001</v>
      </c>
      <c r="V803">
        <v>0.97668290000000002</v>
      </c>
      <c r="W803">
        <v>1099.2535</v>
      </c>
      <c r="X803">
        <v>574.69439999999997</v>
      </c>
      <c r="Y803">
        <v>0.90324579999999999</v>
      </c>
      <c r="Z803">
        <f t="shared" si="113"/>
        <v>1055.4258</v>
      </c>
      <c r="AA803">
        <f t="shared" si="114"/>
        <v>503.3097433333333</v>
      </c>
      <c r="AB803">
        <f t="shared" si="115"/>
        <v>5.3776411684788954</v>
      </c>
      <c r="AC803">
        <f t="shared" si="116"/>
        <v>2.8620615715458451</v>
      </c>
    </row>
    <row r="804" spans="1:29" x14ac:dyDescent="0.4">
      <c r="A804">
        <v>801</v>
      </c>
      <c r="B804">
        <f t="shared" si="108"/>
        <v>26.7</v>
      </c>
      <c r="C804">
        <v>750.00945999999999</v>
      </c>
      <c r="D804">
        <v>493.97489999999999</v>
      </c>
      <c r="E804">
        <v>0.84047439999999995</v>
      </c>
      <c r="F804">
        <v>879.96429999999998</v>
      </c>
      <c r="G804">
        <v>429.23604999999998</v>
      </c>
      <c r="H804">
        <v>0.94494259999999997</v>
      </c>
      <c r="I804">
        <v>869.41943000000003</v>
      </c>
      <c r="J804">
        <v>572.99450000000002</v>
      </c>
      <c r="K804">
        <v>0.93366099999999996</v>
      </c>
      <c r="L804">
        <f t="shared" si="109"/>
        <v>833.13106333333326</v>
      </c>
      <c r="M804">
        <f t="shared" si="110"/>
        <v>498.73514999999998</v>
      </c>
      <c r="N804">
        <f t="shared" si="111"/>
        <v>-3.6860410023689605</v>
      </c>
      <c r="O804">
        <f t="shared" si="112"/>
        <v>3.1247804413285074</v>
      </c>
      <c r="Q804">
        <v>972.30695000000003</v>
      </c>
      <c r="R804">
        <v>505.71100000000001</v>
      </c>
      <c r="S804">
        <v>0.95870303999999995</v>
      </c>
      <c r="T804">
        <v>1094.7177999999999</v>
      </c>
      <c r="U804">
        <v>429.4674</v>
      </c>
      <c r="V804">
        <v>0.97478220000000004</v>
      </c>
      <c r="W804">
        <v>1099.3185000000001</v>
      </c>
      <c r="X804">
        <v>574.65880000000004</v>
      </c>
      <c r="Y804">
        <v>0.91295029999999999</v>
      </c>
      <c r="Z804">
        <f t="shared" si="113"/>
        <v>1055.44775</v>
      </c>
      <c r="AA804">
        <f t="shared" si="114"/>
        <v>503.27906666666667</v>
      </c>
      <c r="AB804">
        <f t="shared" si="115"/>
        <v>5.3785492113478925</v>
      </c>
      <c r="AC804">
        <f t="shared" si="116"/>
        <v>2.8633061099447947</v>
      </c>
    </row>
    <row r="805" spans="1:29" x14ac:dyDescent="0.4">
      <c r="A805">
        <v>802</v>
      </c>
      <c r="B805">
        <f t="shared" si="108"/>
        <v>26.733333333333334</v>
      </c>
      <c r="C805">
        <v>750.02166999999997</v>
      </c>
      <c r="D805">
        <v>494.15503000000001</v>
      </c>
      <c r="E805">
        <v>0.84511599999999998</v>
      </c>
      <c r="F805">
        <v>879.89</v>
      </c>
      <c r="G805">
        <v>429.16843</v>
      </c>
      <c r="H805">
        <v>0.96155849999999998</v>
      </c>
      <c r="I805">
        <v>869.38059999999996</v>
      </c>
      <c r="J805">
        <v>572.97295999999994</v>
      </c>
      <c r="K805">
        <v>0.93545884000000001</v>
      </c>
      <c r="L805">
        <f t="shared" si="109"/>
        <v>833.09742333333327</v>
      </c>
      <c r="M805">
        <f t="shared" si="110"/>
        <v>498.76547333333338</v>
      </c>
      <c r="N805">
        <f t="shared" si="111"/>
        <v>-3.6874181269705999</v>
      </c>
      <c r="O805">
        <f t="shared" si="112"/>
        <v>3.1235542158792042</v>
      </c>
      <c r="Q805">
        <v>972.29989999999998</v>
      </c>
      <c r="R805">
        <v>505.66120000000001</v>
      </c>
      <c r="S805">
        <v>0.95931816000000003</v>
      </c>
      <c r="T805">
        <v>1094.6439</v>
      </c>
      <c r="U805">
        <v>429.5274</v>
      </c>
      <c r="V805">
        <v>0.97228110000000001</v>
      </c>
      <c r="W805">
        <v>1099.2312999999999</v>
      </c>
      <c r="X805">
        <v>574.58092999999997</v>
      </c>
      <c r="Y805">
        <v>0.90688913999999998</v>
      </c>
      <c r="Z805">
        <f t="shared" si="113"/>
        <v>1055.3916999999999</v>
      </c>
      <c r="AA805">
        <f t="shared" si="114"/>
        <v>503.25650999999999</v>
      </c>
      <c r="AB805">
        <f t="shared" si="115"/>
        <v>5.3762632269453139</v>
      </c>
      <c r="AC805">
        <f t="shared" si="116"/>
        <v>2.8642461202274254</v>
      </c>
    </row>
    <row r="806" spans="1:29" x14ac:dyDescent="0.4">
      <c r="A806">
        <v>803</v>
      </c>
      <c r="B806">
        <f t="shared" si="108"/>
        <v>26.766666666666666</v>
      </c>
      <c r="C806">
        <v>749.91560000000004</v>
      </c>
      <c r="D806">
        <v>493.68448000000001</v>
      </c>
      <c r="E806">
        <v>0.83792820000000001</v>
      </c>
      <c r="F806">
        <v>879.87540000000001</v>
      </c>
      <c r="G806">
        <v>429.17523</v>
      </c>
      <c r="H806">
        <v>0.95221259999999996</v>
      </c>
      <c r="I806">
        <v>869.38196000000005</v>
      </c>
      <c r="J806">
        <v>572.93539999999996</v>
      </c>
      <c r="K806">
        <v>0.935033</v>
      </c>
      <c r="L806">
        <f t="shared" si="109"/>
        <v>833.05765333333341</v>
      </c>
      <c r="M806">
        <f t="shared" si="110"/>
        <v>498.59836999999999</v>
      </c>
      <c r="N806">
        <f t="shared" si="111"/>
        <v>-3.6889803261655119</v>
      </c>
      <c r="O806">
        <f t="shared" si="112"/>
        <v>3.130387906823032</v>
      </c>
      <c r="Q806">
        <v>972.26969999999994</v>
      </c>
      <c r="R806">
        <v>505.46460000000002</v>
      </c>
      <c r="S806">
        <v>0.95336889999999996</v>
      </c>
      <c r="T806">
        <v>1094.5222000000001</v>
      </c>
      <c r="U806">
        <v>429.56168000000002</v>
      </c>
      <c r="V806">
        <v>0.97550904999999999</v>
      </c>
      <c r="W806">
        <v>1099.1268</v>
      </c>
      <c r="X806">
        <v>574.56780000000003</v>
      </c>
      <c r="Y806">
        <v>0.90317199999999997</v>
      </c>
      <c r="Z806">
        <f t="shared" si="113"/>
        <v>1055.3062333333335</v>
      </c>
      <c r="AA806">
        <f t="shared" si="114"/>
        <v>503.19802666666669</v>
      </c>
      <c r="AB806">
        <f t="shared" si="115"/>
        <v>5.3727853135006693</v>
      </c>
      <c r="AC806">
        <f t="shared" si="116"/>
        <v>2.8666626683076086</v>
      </c>
    </row>
    <row r="807" spans="1:29" x14ac:dyDescent="0.4">
      <c r="A807">
        <v>804</v>
      </c>
      <c r="B807">
        <f t="shared" si="108"/>
        <v>26.8</v>
      </c>
      <c r="C807">
        <v>749.90466000000004</v>
      </c>
      <c r="D807">
        <v>493.78762999999998</v>
      </c>
      <c r="E807">
        <v>0.82939225000000005</v>
      </c>
      <c r="F807">
        <v>879.87059999999997</v>
      </c>
      <c r="G807">
        <v>429.16719999999998</v>
      </c>
      <c r="H807">
        <v>0.95925190000000005</v>
      </c>
      <c r="I807">
        <v>869.36220000000003</v>
      </c>
      <c r="J807">
        <v>572.93664999999999</v>
      </c>
      <c r="K807">
        <v>0.9473007</v>
      </c>
      <c r="L807">
        <f t="shared" si="109"/>
        <v>833.04581999999994</v>
      </c>
      <c r="M807">
        <f t="shared" si="110"/>
        <v>498.63049333333328</v>
      </c>
      <c r="N807">
        <f t="shared" si="111"/>
        <v>-3.6894717116726339</v>
      </c>
      <c r="O807">
        <f t="shared" si="112"/>
        <v>3.1290808261347314</v>
      </c>
      <c r="Q807">
        <v>972.13</v>
      </c>
      <c r="R807">
        <v>505.39483999999999</v>
      </c>
      <c r="S807">
        <v>0.95914250000000001</v>
      </c>
      <c r="T807">
        <v>1094.4314999999999</v>
      </c>
      <c r="U807">
        <v>429.56198000000001</v>
      </c>
      <c r="V807">
        <v>0.97260535000000004</v>
      </c>
      <c r="W807">
        <v>1099.0459000000001</v>
      </c>
      <c r="X807">
        <v>574.55430000000001</v>
      </c>
      <c r="Y807">
        <v>0.90658430000000001</v>
      </c>
      <c r="Z807">
        <f t="shared" si="113"/>
        <v>1055.2024666666666</v>
      </c>
      <c r="AA807">
        <f t="shared" si="114"/>
        <v>503.17037333333337</v>
      </c>
      <c r="AB807">
        <f t="shared" si="115"/>
        <v>5.3685486622154892</v>
      </c>
      <c r="AC807">
        <f t="shared" si="116"/>
        <v>2.8678271607471526</v>
      </c>
    </row>
    <row r="808" spans="1:29" x14ac:dyDescent="0.4">
      <c r="A808">
        <v>805</v>
      </c>
      <c r="B808">
        <f t="shared" si="108"/>
        <v>26.833333333333332</v>
      </c>
      <c r="C808">
        <v>749.51120000000003</v>
      </c>
      <c r="D808">
        <v>493.44202000000001</v>
      </c>
      <c r="E808">
        <v>0.83333060000000003</v>
      </c>
      <c r="F808">
        <v>879.82069999999999</v>
      </c>
      <c r="G808">
        <v>429.17250000000001</v>
      </c>
      <c r="H808">
        <v>0.95919719999999997</v>
      </c>
      <c r="I808">
        <v>869.38463999999999</v>
      </c>
      <c r="J808">
        <v>572.93133999999998</v>
      </c>
      <c r="K808">
        <v>0.95669556</v>
      </c>
      <c r="L808">
        <f t="shared" si="109"/>
        <v>832.90551333333349</v>
      </c>
      <c r="M808">
        <f t="shared" si="110"/>
        <v>498.51528666666673</v>
      </c>
      <c r="N808">
        <f t="shared" si="111"/>
        <v>-3.6951370008988293</v>
      </c>
      <c r="O808">
        <f t="shared" si="112"/>
        <v>3.1338304596543116</v>
      </c>
      <c r="Q808">
        <v>972.08150000000001</v>
      </c>
      <c r="R808">
        <v>505.40517999999997</v>
      </c>
      <c r="S808">
        <v>0.95480489999999996</v>
      </c>
      <c r="T808">
        <v>1094.3725999999999</v>
      </c>
      <c r="U808">
        <v>429.53537</v>
      </c>
      <c r="V808">
        <v>0.96099000000000001</v>
      </c>
      <c r="W808">
        <v>1098.9413</v>
      </c>
      <c r="X808">
        <v>574.54503999999997</v>
      </c>
      <c r="Y808">
        <v>0.90006560000000002</v>
      </c>
      <c r="Z808">
        <f t="shared" si="113"/>
        <v>1055.1317999999999</v>
      </c>
      <c r="AA808">
        <f t="shared" si="114"/>
        <v>503.16186333333332</v>
      </c>
      <c r="AB808">
        <f t="shared" si="115"/>
        <v>5.3656600975391804</v>
      </c>
      <c r="AC808">
        <f t="shared" si="116"/>
        <v>2.8681988781492205</v>
      </c>
    </row>
    <row r="809" spans="1:29" x14ac:dyDescent="0.4">
      <c r="A809">
        <v>806</v>
      </c>
      <c r="B809">
        <f t="shared" si="108"/>
        <v>26.866666666666667</v>
      </c>
      <c r="C809">
        <v>749.50396999999998</v>
      </c>
      <c r="D809">
        <v>493.32445999999999</v>
      </c>
      <c r="E809">
        <v>0.82560855</v>
      </c>
      <c r="F809">
        <v>879.74779999999998</v>
      </c>
      <c r="G809">
        <v>429.03949999999998</v>
      </c>
      <c r="H809">
        <v>0.95839870000000005</v>
      </c>
      <c r="I809">
        <v>869.27549999999997</v>
      </c>
      <c r="J809">
        <v>572.77260000000001</v>
      </c>
      <c r="K809">
        <v>0.95219960000000003</v>
      </c>
      <c r="L809">
        <f t="shared" si="109"/>
        <v>832.84242333333316</v>
      </c>
      <c r="M809">
        <f t="shared" si="110"/>
        <v>498.37885333333332</v>
      </c>
      <c r="N809">
        <f t="shared" si="111"/>
        <v>-3.6976569676803384</v>
      </c>
      <c r="O809">
        <f t="shared" si="112"/>
        <v>3.1394202650303455</v>
      </c>
      <c r="Q809">
        <v>972.01139999999998</v>
      </c>
      <c r="R809">
        <v>505.33940000000001</v>
      </c>
      <c r="S809">
        <v>0.95221789999999995</v>
      </c>
      <c r="T809">
        <v>1094.3545999999999</v>
      </c>
      <c r="U809">
        <v>429.58456000000001</v>
      </c>
      <c r="V809">
        <v>0.96604824</v>
      </c>
      <c r="W809">
        <v>1098.9260999999999</v>
      </c>
      <c r="X809">
        <v>574.51666</v>
      </c>
      <c r="Y809">
        <v>0.89865476</v>
      </c>
      <c r="Z809">
        <f t="shared" si="113"/>
        <v>1055.0973666666666</v>
      </c>
      <c r="AA809">
        <f t="shared" si="114"/>
        <v>503.14687333333336</v>
      </c>
      <c r="AB809">
        <f t="shared" si="115"/>
        <v>5.3642561234697581</v>
      </c>
      <c r="AC809">
        <f t="shared" si="116"/>
        <v>2.8688225889002368</v>
      </c>
    </row>
    <row r="810" spans="1:29" x14ac:dyDescent="0.4">
      <c r="A810">
        <v>807</v>
      </c>
      <c r="B810">
        <f t="shared" si="108"/>
        <v>26.9</v>
      </c>
      <c r="C810">
        <v>749.50570000000005</v>
      </c>
      <c r="D810">
        <v>493.24167</v>
      </c>
      <c r="E810">
        <v>0.82746976999999999</v>
      </c>
      <c r="F810">
        <v>879.67864999999995</v>
      </c>
      <c r="G810">
        <v>429.04163</v>
      </c>
      <c r="H810">
        <v>0.95847519999999997</v>
      </c>
      <c r="I810">
        <v>869.23126000000002</v>
      </c>
      <c r="J810">
        <v>572.65639999999996</v>
      </c>
      <c r="K810">
        <v>0.95685520000000002</v>
      </c>
      <c r="L810">
        <f t="shared" si="109"/>
        <v>832.80520333333334</v>
      </c>
      <c r="M810">
        <f t="shared" si="110"/>
        <v>498.3132333333333</v>
      </c>
      <c r="N810">
        <f t="shared" si="111"/>
        <v>-3.6991484476171084</v>
      </c>
      <c r="O810">
        <f t="shared" si="112"/>
        <v>3.1421111073336694</v>
      </c>
      <c r="Q810">
        <v>971.98140000000001</v>
      </c>
      <c r="R810">
        <v>505.34496999999999</v>
      </c>
      <c r="S810">
        <v>0.95297900000000002</v>
      </c>
      <c r="T810">
        <v>1094.3539000000001</v>
      </c>
      <c r="U810">
        <v>429.56903</v>
      </c>
      <c r="V810">
        <v>0.97475069999999997</v>
      </c>
      <c r="W810">
        <v>1098.8975</v>
      </c>
      <c r="X810">
        <v>574.48739999999998</v>
      </c>
      <c r="Y810">
        <v>0.89630589999999999</v>
      </c>
      <c r="Z810">
        <f t="shared" si="113"/>
        <v>1055.0776000000001</v>
      </c>
      <c r="AA810">
        <f t="shared" si="114"/>
        <v>503.13380000000001</v>
      </c>
      <c r="AB810">
        <f t="shared" si="115"/>
        <v>5.3634516137375927</v>
      </c>
      <c r="AC810">
        <f t="shared" si="116"/>
        <v>2.8693630102850558</v>
      </c>
    </row>
    <row r="811" spans="1:29" x14ac:dyDescent="0.4">
      <c r="A811">
        <v>808</v>
      </c>
      <c r="B811">
        <f t="shared" si="108"/>
        <v>26.933333333333334</v>
      </c>
      <c r="C811">
        <v>749.39520000000005</v>
      </c>
      <c r="D811">
        <v>493.20979999999997</v>
      </c>
      <c r="E811">
        <v>0.82405835000000005</v>
      </c>
      <c r="F811">
        <v>879.66279999999995</v>
      </c>
      <c r="G811">
        <v>429.05471999999997</v>
      </c>
      <c r="H811">
        <v>0.96113789999999999</v>
      </c>
      <c r="I811">
        <v>869.12530000000004</v>
      </c>
      <c r="J811">
        <v>572.60019999999997</v>
      </c>
      <c r="K811">
        <v>0.95077354000000003</v>
      </c>
      <c r="L811">
        <f t="shared" si="109"/>
        <v>832.72776666666675</v>
      </c>
      <c r="M811">
        <f t="shared" si="110"/>
        <v>498.28824000000003</v>
      </c>
      <c r="N811">
        <f t="shared" si="111"/>
        <v>-3.7022876826871745</v>
      </c>
      <c r="O811">
        <f t="shared" si="112"/>
        <v>3.1431574354667928</v>
      </c>
      <c r="Q811">
        <v>971.98339999999996</v>
      </c>
      <c r="R811">
        <v>505.31979999999999</v>
      </c>
      <c r="S811">
        <v>0.95253456000000003</v>
      </c>
      <c r="T811">
        <v>1094.3063</v>
      </c>
      <c r="U811">
        <v>429.63067999999998</v>
      </c>
      <c r="V811">
        <v>0.97911119999999996</v>
      </c>
      <c r="W811">
        <v>1098.8407999999999</v>
      </c>
      <c r="X811">
        <v>574.46699999999998</v>
      </c>
      <c r="Y811">
        <v>0.90615754999999998</v>
      </c>
      <c r="Z811">
        <f t="shared" si="113"/>
        <v>1055.0435</v>
      </c>
      <c r="AA811">
        <f t="shared" si="114"/>
        <v>503.13916</v>
      </c>
      <c r="AB811">
        <f t="shared" si="115"/>
        <v>5.3620546783997236</v>
      </c>
      <c r="AC811">
        <f t="shared" si="116"/>
        <v>2.8691559952664387</v>
      </c>
    </row>
    <row r="812" spans="1:29" x14ac:dyDescent="0.4">
      <c r="A812">
        <v>809</v>
      </c>
      <c r="B812">
        <f t="shared" si="108"/>
        <v>26.966666666666665</v>
      </c>
      <c r="C812">
        <v>749.5018</v>
      </c>
      <c r="D812">
        <v>493.01100000000002</v>
      </c>
      <c r="E812">
        <v>0.83828086000000002</v>
      </c>
      <c r="F812">
        <v>879.57629999999995</v>
      </c>
      <c r="G812">
        <v>429.08031999999997</v>
      </c>
      <c r="H812">
        <v>0.96105810000000003</v>
      </c>
      <c r="I812">
        <v>869.02750000000003</v>
      </c>
      <c r="J812">
        <v>572.49414000000002</v>
      </c>
      <c r="K812">
        <v>0.95051145999999997</v>
      </c>
      <c r="L812">
        <f t="shared" si="109"/>
        <v>832.70186666666666</v>
      </c>
      <c r="M812">
        <f t="shared" si="110"/>
        <v>498.19515333333334</v>
      </c>
      <c r="N812">
        <f t="shared" si="111"/>
        <v>-3.7033101518024973</v>
      </c>
      <c r="O812">
        <f t="shared" si="112"/>
        <v>3.1469654664880662</v>
      </c>
      <c r="Q812">
        <v>971.93219999999997</v>
      </c>
      <c r="R812">
        <v>505.35586999999998</v>
      </c>
      <c r="S812">
        <v>0.94064590000000003</v>
      </c>
      <c r="T812">
        <v>1094.3300999999999</v>
      </c>
      <c r="U812">
        <v>429.62157999999999</v>
      </c>
      <c r="V812">
        <v>0.97236860000000003</v>
      </c>
      <c r="W812">
        <v>1098.8230000000001</v>
      </c>
      <c r="X812">
        <v>574.52020000000005</v>
      </c>
      <c r="Y812">
        <v>0.89731335999999995</v>
      </c>
      <c r="Z812">
        <f t="shared" si="113"/>
        <v>1055.0284333333332</v>
      </c>
      <c r="AA812">
        <f t="shared" si="114"/>
        <v>503.16588333333334</v>
      </c>
      <c r="AB812">
        <f t="shared" si="115"/>
        <v>5.3614295589901992</v>
      </c>
      <c r="AC812">
        <f t="shared" si="116"/>
        <v>2.8680704449130916</v>
      </c>
    </row>
    <row r="813" spans="1:29" x14ac:dyDescent="0.4">
      <c r="A813">
        <v>810</v>
      </c>
      <c r="B813">
        <f t="shared" si="108"/>
        <v>27</v>
      </c>
      <c r="C813">
        <v>749.44006000000002</v>
      </c>
      <c r="D813">
        <v>492.97937000000002</v>
      </c>
      <c r="E813">
        <v>0.82634233999999995</v>
      </c>
      <c r="F813">
        <v>879.60913000000005</v>
      </c>
      <c r="G813">
        <v>429.01044000000002</v>
      </c>
      <c r="H813">
        <v>0.95877619999999997</v>
      </c>
      <c r="I813">
        <v>869.06370000000004</v>
      </c>
      <c r="J813">
        <v>572.45844</v>
      </c>
      <c r="K813">
        <v>0.94747793999999996</v>
      </c>
      <c r="L813">
        <f t="shared" si="109"/>
        <v>832.70429666666678</v>
      </c>
      <c r="M813">
        <f t="shared" si="110"/>
        <v>498.14941666666664</v>
      </c>
      <c r="N813">
        <f t="shared" si="111"/>
        <v>-3.7031965421605757</v>
      </c>
      <c r="O813">
        <f t="shared" si="112"/>
        <v>3.1488313444282623</v>
      </c>
      <c r="Q813">
        <v>971.93695000000002</v>
      </c>
      <c r="R813">
        <v>505.15532999999999</v>
      </c>
      <c r="S813">
        <v>0.92951536000000001</v>
      </c>
      <c r="T813">
        <v>1094.3241</v>
      </c>
      <c r="U813">
        <v>429.58300000000003</v>
      </c>
      <c r="V813">
        <v>0.97830002999999999</v>
      </c>
      <c r="W813">
        <v>1098.7753</v>
      </c>
      <c r="X813">
        <v>574.48987</v>
      </c>
      <c r="Y813">
        <v>0.89305425000000005</v>
      </c>
      <c r="Z813">
        <f t="shared" si="113"/>
        <v>1055.0121166666668</v>
      </c>
      <c r="AA813">
        <f t="shared" si="114"/>
        <v>503.07606666666669</v>
      </c>
      <c r="AB813">
        <f t="shared" si="115"/>
        <v>5.3607911036111036</v>
      </c>
      <c r="AC813">
        <f t="shared" si="116"/>
        <v>2.8717420507742473</v>
      </c>
    </row>
    <row r="814" spans="1:29" x14ac:dyDescent="0.4">
      <c r="A814">
        <v>811</v>
      </c>
      <c r="B814">
        <f t="shared" si="108"/>
        <v>27.033333333333335</v>
      </c>
      <c r="C814">
        <v>749.51984000000004</v>
      </c>
      <c r="D814">
        <v>492.98806999999999</v>
      </c>
      <c r="E814">
        <v>0.83020824000000004</v>
      </c>
      <c r="F814">
        <v>879.69946000000004</v>
      </c>
      <c r="G814">
        <v>428.93920000000003</v>
      </c>
      <c r="H814">
        <v>0.94658774000000001</v>
      </c>
      <c r="I814">
        <v>869.10913000000005</v>
      </c>
      <c r="J814">
        <v>572.38549999999998</v>
      </c>
      <c r="K814">
        <v>0.94790845999999995</v>
      </c>
      <c r="L814">
        <f t="shared" si="109"/>
        <v>832.77614333333349</v>
      </c>
      <c r="M814">
        <f t="shared" si="110"/>
        <v>498.10425666666669</v>
      </c>
      <c r="N814">
        <f t="shared" si="111"/>
        <v>-3.7002617408043013</v>
      </c>
      <c r="O814">
        <f t="shared" si="112"/>
        <v>3.1506501576647006</v>
      </c>
      <c r="Q814">
        <v>971.88184000000001</v>
      </c>
      <c r="R814">
        <v>505.12326000000002</v>
      </c>
      <c r="S814">
        <v>0.93288170000000004</v>
      </c>
      <c r="T814">
        <v>1094.2755</v>
      </c>
      <c r="U814">
        <v>429.46</v>
      </c>
      <c r="V814">
        <v>0.98002696</v>
      </c>
      <c r="W814">
        <v>1098.7366999999999</v>
      </c>
      <c r="X814">
        <v>574.46936000000005</v>
      </c>
      <c r="Y814">
        <v>0.89205705999999996</v>
      </c>
      <c r="Z814">
        <f t="shared" si="113"/>
        <v>1054.9646799999998</v>
      </c>
      <c r="AA814">
        <f t="shared" si="114"/>
        <v>503.01754</v>
      </c>
      <c r="AB814">
        <f t="shared" si="115"/>
        <v>5.3588692305837347</v>
      </c>
      <c r="AC814">
        <f t="shared" si="116"/>
        <v>2.8741472468605775</v>
      </c>
    </row>
    <row r="815" spans="1:29" x14ac:dyDescent="0.4">
      <c r="A815">
        <v>812</v>
      </c>
      <c r="B815">
        <f t="shared" si="108"/>
        <v>27.066666666666666</v>
      </c>
      <c r="C815">
        <v>749.44349999999997</v>
      </c>
      <c r="D815">
        <v>492.85430000000002</v>
      </c>
      <c r="E815">
        <v>0.82312689999999999</v>
      </c>
      <c r="F815">
        <v>879.7921</v>
      </c>
      <c r="G815">
        <v>428.79230000000001</v>
      </c>
      <c r="H815">
        <v>0.93807289999999999</v>
      </c>
      <c r="I815">
        <v>869.15459999999996</v>
      </c>
      <c r="J815">
        <v>572.33460000000002</v>
      </c>
      <c r="K815">
        <v>0.95376223000000004</v>
      </c>
      <c r="L815">
        <f t="shared" si="109"/>
        <v>832.79673333333324</v>
      </c>
      <c r="M815">
        <f t="shared" si="110"/>
        <v>497.99373333333341</v>
      </c>
      <c r="N815">
        <f t="shared" si="111"/>
        <v>-3.699389004878181</v>
      </c>
      <c r="O815">
        <f t="shared" si="112"/>
        <v>3.1551540851040745</v>
      </c>
      <c r="Q815">
        <v>971.82780000000002</v>
      </c>
      <c r="R815">
        <v>505.12049999999999</v>
      </c>
      <c r="S815">
        <v>0.93034505999999995</v>
      </c>
      <c r="T815">
        <v>1094.1377</v>
      </c>
      <c r="U815">
        <v>429.35287</v>
      </c>
      <c r="V815">
        <v>0.97210795000000005</v>
      </c>
      <c r="W815">
        <v>1098.6134</v>
      </c>
      <c r="X815">
        <v>574.47266000000002</v>
      </c>
      <c r="Y815">
        <v>0.89950030000000003</v>
      </c>
      <c r="Z815">
        <f t="shared" si="113"/>
        <v>1054.8596333333335</v>
      </c>
      <c r="AA815">
        <f t="shared" si="114"/>
        <v>502.98201</v>
      </c>
      <c r="AB815">
        <f t="shared" si="115"/>
        <v>5.3545828072508543</v>
      </c>
      <c r="AC815">
        <f t="shared" si="116"/>
        <v>2.8756336731065075</v>
      </c>
    </row>
    <row r="816" spans="1:29" x14ac:dyDescent="0.4">
      <c r="A816">
        <v>813</v>
      </c>
      <c r="B816">
        <f t="shared" si="108"/>
        <v>27.1</v>
      </c>
      <c r="C816">
        <v>749.38789999999995</v>
      </c>
      <c r="D816">
        <v>492.73428000000001</v>
      </c>
      <c r="E816">
        <v>0.81749855999999999</v>
      </c>
      <c r="F816">
        <v>879.88477</v>
      </c>
      <c r="G816">
        <v>428.72559999999999</v>
      </c>
      <c r="H816">
        <v>0.93807333999999998</v>
      </c>
      <c r="I816">
        <v>869.14995999999996</v>
      </c>
      <c r="J816">
        <v>572.33839999999998</v>
      </c>
      <c r="K816">
        <v>0.96213009999999999</v>
      </c>
      <c r="L816">
        <f t="shared" si="109"/>
        <v>832.80754333333334</v>
      </c>
      <c r="M816">
        <f t="shared" si="110"/>
        <v>497.93275999999997</v>
      </c>
      <c r="N816">
        <f t="shared" si="111"/>
        <v>-3.6989298509686597</v>
      </c>
      <c r="O816">
        <f t="shared" si="112"/>
        <v>3.1576389883347136</v>
      </c>
      <c r="Q816">
        <v>971.78129999999999</v>
      </c>
      <c r="R816">
        <v>505.15035999999998</v>
      </c>
      <c r="S816">
        <v>0.92442270000000004</v>
      </c>
      <c r="T816">
        <v>1094.1365000000001</v>
      </c>
      <c r="U816">
        <v>429.31598000000002</v>
      </c>
      <c r="V816">
        <v>0.97068290000000002</v>
      </c>
      <c r="W816">
        <v>1098.5510999999999</v>
      </c>
      <c r="X816">
        <v>574.46029999999996</v>
      </c>
      <c r="Y816">
        <v>0.90990335</v>
      </c>
      <c r="Z816">
        <f t="shared" si="113"/>
        <v>1054.8229666666666</v>
      </c>
      <c r="AA816">
        <f t="shared" si="114"/>
        <v>502.97554666666662</v>
      </c>
      <c r="AB816">
        <f t="shared" si="115"/>
        <v>5.3530847026014339</v>
      </c>
      <c r="AC816">
        <f t="shared" si="116"/>
        <v>2.8759101267080092</v>
      </c>
    </row>
    <row r="817" spans="1:29" x14ac:dyDescent="0.4">
      <c r="A817">
        <v>814</v>
      </c>
      <c r="B817">
        <f t="shared" si="108"/>
        <v>27.133333333333333</v>
      </c>
      <c r="C817">
        <v>749.37800000000004</v>
      </c>
      <c r="D817">
        <v>492.64769999999999</v>
      </c>
      <c r="E817">
        <v>0.81914735000000005</v>
      </c>
      <c r="F817">
        <v>879.87212999999997</v>
      </c>
      <c r="G817">
        <v>428.68036000000001</v>
      </c>
      <c r="H817">
        <v>0.96836626999999997</v>
      </c>
      <c r="I817">
        <v>869.13310000000001</v>
      </c>
      <c r="J817">
        <v>572.29974000000004</v>
      </c>
      <c r="K817">
        <v>0.96302854999999998</v>
      </c>
      <c r="L817">
        <f t="shared" si="109"/>
        <v>832.79440999999997</v>
      </c>
      <c r="M817">
        <f t="shared" si="110"/>
        <v>497.87593333333342</v>
      </c>
      <c r="N817">
        <f t="shared" si="111"/>
        <v>-3.6994452001353695</v>
      </c>
      <c r="O817">
        <f t="shared" si="112"/>
        <v>3.1599627632242497</v>
      </c>
      <c r="Q817">
        <v>971.7758</v>
      </c>
      <c r="R817">
        <v>505.11295000000001</v>
      </c>
      <c r="S817">
        <v>0.93852630000000004</v>
      </c>
      <c r="T817">
        <v>1094.1483000000001</v>
      </c>
      <c r="U817">
        <v>429.3143</v>
      </c>
      <c r="V817">
        <v>0.97448820000000003</v>
      </c>
      <c r="W817">
        <v>1098.566</v>
      </c>
      <c r="X817">
        <v>574.40515000000005</v>
      </c>
      <c r="Y817">
        <v>0.91261270000000005</v>
      </c>
      <c r="Z817">
        <f t="shared" si="113"/>
        <v>1054.8300333333334</v>
      </c>
      <c r="AA817">
        <f t="shared" si="114"/>
        <v>502.94413333333335</v>
      </c>
      <c r="AB817">
        <f t="shared" si="115"/>
        <v>5.3533840233107908</v>
      </c>
      <c r="AC817">
        <f t="shared" si="116"/>
        <v>2.8771898616908111</v>
      </c>
    </row>
    <row r="818" spans="1:29" x14ac:dyDescent="0.4">
      <c r="A818">
        <v>815</v>
      </c>
      <c r="B818">
        <f t="shared" si="108"/>
        <v>27.166666666666668</v>
      </c>
      <c r="C818">
        <v>749.43413999999996</v>
      </c>
      <c r="D818">
        <v>492.65093999999999</v>
      </c>
      <c r="E818">
        <v>0.83270085000000005</v>
      </c>
      <c r="F818">
        <v>879.79219999999998</v>
      </c>
      <c r="G818">
        <v>428.52814000000001</v>
      </c>
      <c r="H818">
        <v>0.96086614999999997</v>
      </c>
      <c r="I818">
        <v>869.11273000000006</v>
      </c>
      <c r="J818">
        <v>572.23004000000003</v>
      </c>
      <c r="K818">
        <v>0.96979236999999996</v>
      </c>
      <c r="L818">
        <f t="shared" si="109"/>
        <v>832.77968999999996</v>
      </c>
      <c r="M818">
        <f t="shared" si="110"/>
        <v>497.80304000000001</v>
      </c>
      <c r="N818">
        <f t="shared" si="111"/>
        <v>-3.7000198228578061</v>
      </c>
      <c r="O818">
        <f t="shared" si="112"/>
        <v>3.162942818776298</v>
      </c>
      <c r="Q818">
        <v>971.70556999999997</v>
      </c>
      <c r="R818">
        <v>505.12056999999999</v>
      </c>
      <c r="S818">
        <v>0.92990709999999999</v>
      </c>
      <c r="T818">
        <v>1094.1487999999999</v>
      </c>
      <c r="U818">
        <v>429.34152</v>
      </c>
      <c r="V818">
        <v>0.97234005000000001</v>
      </c>
      <c r="W818">
        <v>1098.5527</v>
      </c>
      <c r="X818">
        <v>574.35249999999996</v>
      </c>
      <c r="Y818">
        <v>0.90632630000000003</v>
      </c>
      <c r="Z818">
        <f t="shared" si="113"/>
        <v>1054.8023566666668</v>
      </c>
      <c r="AA818">
        <f t="shared" si="114"/>
        <v>502.93819666666667</v>
      </c>
      <c r="AB818">
        <f t="shared" si="115"/>
        <v>5.3522535707795011</v>
      </c>
      <c r="AC818">
        <f t="shared" si="116"/>
        <v>2.8774417183264553</v>
      </c>
    </row>
    <row r="819" spans="1:29" x14ac:dyDescent="0.4">
      <c r="A819">
        <v>816</v>
      </c>
      <c r="B819">
        <f t="shared" si="108"/>
        <v>27.2</v>
      </c>
      <c r="C819">
        <v>749.41420000000005</v>
      </c>
      <c r="D819">
        <v>492.52719999999999</v>
      </c>
      <c r="E819">
        <v>0.82487500000000002</v>
      </c>
      <c r="F819">
        <v>879.75323000000003</v>
      </c>
      <c r="G819">
        <v>428.49704000000003</v>
      </c>
      <c r="H819">
        <v>0.97494745000000005</v>
      </c>
      <c r="I819">
        <v>868.95483000000002</v>
      </c>
      <c r="J819">
        <v>572.13653999999997</v>
      </c>
      <c r="K819">
        <v>0.97555906000000003</v>
      </c>
      <c r="L819">
        <f t="shared" si="109"/>
        <v>832.70742000000007</v>
      </c>
      <c r="M819">
        <f t="shared" si="110"/>
        <v>497.72026</v>
      </c>
      <c r="N819">
        <f t="shared" si="111"/>
        <v>-3.7029303044521837</v>
      </c>
      <c r="O819">
        <f t="shared" si="112"/>
        <v>3.166345891338846</v>
      </c>
      <c r="Q819">
        <v>971.70399999999995</v>
      </c>
      <c r="R819">
        <v>505.05642999999998</v>
      </c>
      <c r="S819">
        <v>0.92437519999999995</v>
      </c>
      <c r="T819">
        <v>1094.1455000000001</v>
      </c>
      <c r="U819">
        <v>429.25803000000002</v>
      </c>
      <c r="V819">
        <v>0.96876395000000004</v>
      </c>
      <c r="W819">
        <v>1098.5734</v>
      </c>
      <c r="X819">
        <v>574.29330000000004</v>
      </c>
      <c r="Y819">
        <v>0.91325000000000001</v>
      </c>
      <c r="Z819">
        <f t="shared" si="113"/>
        <v>1054.8076333333336</v>
      </c>
      <c r="AA819">
        <f t="shared" si="114"/>
        <v>502.86925333333335</v>
      </c>
      <c r="AB819">
        <f t="shared" si="115"/>
        <v>5.3524918298561577</v>
      </c>
      <c r="AC819">
        <f t="shared" si="116"/>
        <v>2.8802538998962022</v>
      </c>
    </row>
    <row r="820" spans="1:29" x14ac:dyDescent="0.4">
      <c r="A820">
        <v>817</v>
      </c>
      <c r="B820">
        <f t="shared" si="108"/>
        <v>27.233333333333334</v>
      </c>
      <c r="C820">
        <v>749.45056</v>
      </c>
      <c r="D820">
        <v>492.44094999999999</v>
      </c>
      <c r="E820">
        <v>0.81656359999999995</v>
      </c>
      <c r="F820">
        <v>879.72217000000001</v>
      </c>
      <c r="G820">
        <v>428.46404999999999</v>
      </c>
      <c r="H820">
        <v>0.97985789999999995</v>
      </c>
      <c r="I820">
        <v>868.82299999999998</v>
      </c>
      <c r="J820">
        <v>572.05444</v>
      </c>
      <c r="K820">
        <v>0.98243789999999998</v>
      </c>
      <c r="L820">
        <f t="shared" si="109"/>
        <v>832.66524333333336</v>
      </c>
      <c r="M820">
        <f t="shared" si="110"/>
        <v>497.65314666666671</v>
      </c>
      <c r="N820">
        <f t="shared" si="111"/>
        <v>-3.7046227511121854</v>
      </c>
      <c r="O820">
        <f t="shared" si="112"/>
        <v>3.1690993436523183</v>
      </c>
      <c r="Q820">
        <v>971.69146999999998</v>
      </c>
      <c r="R820">
        <v>505.04993000000002</v>
      </c>
      <c r="S820">
        <v>0.91964219999999997</v>
      </c>
      <c r="T820">
        <v>1094.0350000000001</v>
      </c>
      <c r="U820">
        <v>429.27557000000002</v>
      </c>
      <c r="V820">
        <v>0.96089349999999996</v>
      </c>
      <c r="W820">
        <v>1098.7122999999999</v>
      </c>
      <c r="X820">
        <v>574.22640000000001</v>
      </c>
      <c r="Y820">
        <v>0.91774493000000001</v>
      </c>
      <c r="Z820">
        <f t="shared" si="113"/>
        <v>1054.8129233333332</v>
      </c>
      <c r="AA820">
        <f t="shared" si="114"/>
        <v>502.85063333333329</v>
      </c>
      <c r="AB820">
        <f t="shared" si="115"/>
        <v>5.3527143085625841</v>
      </c>
      <c r="AC820">
        <f t="shared" si="116"/>
        <v>2.8810120718944092</v>
      </c>
    </row>
    <row r="821" spans="1:29" x14ac:dyDescent="0.4">
      <c r="A821">
        <v>818</v>
      </c>
      <c r="B821">
        <f t="shared" si="108"/>
        <v>27.266666666666666</v>
      </c>
      <c r="C821">
        <v>749.37176999999997</v>
      </c>
      <c r="D821">
        <v>492.25815</v>
      </c>
      <c r="E821">
        <v>0.82497244999999997</v>
      </c>
      <c r="F821">
        <v>879.74300000000005</v>
      </c>
      <c r="G821">
        <v>428.46519999999998</v>
      </c>
      <c r="H821">
        <v>0.99195606000000003</v>
      </c>
      <c r="I821">
        <v>868.86959999999999</v>
      </c>
      <c r="J821">
        <v>572.03909999999996</v>
      </c>
      <c r="K821">
        <v>0.97522973999999996</v>
      </c>
      <c r="L821">
        <f t="shared" si="109"/>
        <v>832.66145666666671</v>
      </c>
      <c r="M821">
        <f t="shared" si="110"/>
        <v>497.5874833333333</v>
      </c>
      <c r="N821">
        <f t="shared" si="111"/>
        <v>-3.7047553432715032</v>
      </c>
      <c r="O821">
        <f t="shared" si="112"/>
        <v>3.1717806022992088</v>
      </c>
      <c r="Q821">
        <v>971.68566999999996</v>
      </c>
      <c r="R821">
        <v>504.91550000000001</v>
      </c>
      <c r="S821">
        <v>0.92874694000000002</v>
      </c>
      <c r="T821">
        <v>1094.0740000000001</v>
      </c>
      <c r="U821">
        <v>429.26693999999998</v>
      </c>
      <c r="V821">
        <v>0.96327879999999999</v>
      </c>
      <c r="W821">
        <v>1098.5945999999999</v>
      </c>
      <c r="X821">
        <v>574.2183</v>
      </c>
      <c r="Y821">
        <v>0.91365229999999997</v>
      </c>
      <c r="Z821">
        <f t="shared" si="113"/>
        <v>1054.7847566666667</v>
      </c>
      <c r="AA821">
        <f t="shared" si="114"/>
        <v>502.80024666666668</v>
      </c>
      <c r="AB821">
        <f t="shared" si="115"/>
        <v>5.3515782291445158</v>
      </c>
      <c r="AC821">
        <f t="shared" si="116"/>
        <v>2.8830783734888037</v>
      </c>
    </row>
    <row r="822" spans="1:29" x14ac:dyDescent="0.4">
      <c r="A822">
        <v>819</v>
      </c>
      <c r="B822">
        <f t="shared" si="108"/>
        <v>27.3</v>
      </c>
      <c r="C822">
        <v>749.22046</v>
      </c>
      <c r="D822">
        <v>492.02390000000003</v>
      </c>
      <c r="E822">
        <v>0.81920570000000004</v>
      </c>
      <c r="F822">
        <v>879.76689999999996</v>
      </c>
      <c r="G822">
        <v>428.46312999999998</v>
      </c>
      <c r="H822">
        <v>0.99279220000000001</v>
      </c>
      <c r="I822">
        <v>868.82479999999998</v>
      </c>
      <c r="J822">
        <v>572.03290000000004</v>
      </c>
      <c r="K822">
        <v>0.97191495000000006</v>
      </c>
      <c r="L822">
        <f t="shared" si="109"/>
        <v>832.60405333333335</v>
      </c>
      <c r="M822">
        <f t="shared" si="110"/>
        <v>497.50664333333333</v>
      </c>
      <c r="N822">
        <f t="shared" si="111"/>
        <v>-3.7070622037608709</v>
      </c>
      <c r="O822">
        <f t="shared" si="112"/>
        <v>3.1750994493739251</v>
      </c>
      <c r="Q822">
        <v>971.69230000000005</v>
      </c>
      <c r="R822">
        <v>504.91059999999999</v>
      </c>
      <c r="S822">
        <v>0.92729145000000002</v>
      </c>
      <c r="T822">
        <v>1094.0319999999999</v>
      </c>
      <c r="U822">
        <v>429.16476</v>
      </c>
      <c r="V822">
        <v>0.96136779999999999</v>
      </c>
      <c r="W822">
        <v>1098.5355</v>
      </c>
      <c r="X822">
        <v>574.21910000000003</v>
      </c>
      <c r="Y822">
        <v>0.90723209999999999</v>
      </c>
      <c r="Z822">
        <f t="shared" si="113"/>
        <v>1054.7532666666666</v>
      </c>
      <c r="AA822">
        <f t="shared" si="114"/>
        <v>502.76482000000004</v>
      </c>
      <c r="AB822">
        <f t="shared" si="115"/>
        <v>5.3503013249050113</v>
      </c>
      <c r="AC822">
        <f t="shared" si="116"/>
        <v>2.8845352114289029</v>
      </c>
    </row>
    <row r="823" spans="1:29" x14ac:dyDescent="0.4">
      <c r="A823">
        <v>820</v>
      </c>
      <c r="B823">
        <f t="shared" si="108"/>
        <v>27.333333333333332</v>
      </c>
      <c r="C823">
        <v>749.14149999999995</v>
      </c>
      <c r="D823">
        <v>492.01096000000001</v>
      </c>
      <c r="E823">
        <v>0.81723469999999998</v>
      </c>
      <c r="F823">
        <v>879.73919999999998</v>
      </c>
      <c r="G823">
        <v>428.33386000000002</v>
      </c>
      <c r="H823">
        <v>0.98485160000000005</v>
      </c>
      <c r="I823">
        <v>868.8442</v>
      </c>
      <c r="J823">
        <v>571.97046</v>
      </c>
      <c r="K823">
        <v>0.97500204999999995</v>
      </c>
      <c r="L823">
        <f t="shared" si="109"/>
        <v>832.57496666666668</v>
      </c>
      <c r="M823">
        <f t="shared" si="110"/>
        <v>497.43842666666666</v>
      </c>
      <c r="N823">
        <f t="shared" si="111"/>
        <v>-3.7082222578692856</v>
      </c>
      <c r="O823">
        <f t="shared" si="112"/>
        <v>3.1778934900461921</v>
      </c>
      <c r="Q823">
        <v>971.70039999999995</v>
      </c>
      <c r="R823">
        <v>504.82028000000003</v>
      </c>
      <c r="S823">
        <v>0.92512779999999994</v>
      </c>
      <c r="T823">
        <v>1094.0170000000001</v>
      </c>
      <c r="U823">
        <v>429.09255999999999</v>
      </c>
      <c r="V823">
        <v>0.95773960000000002</v>
      </c>
      <c r="W823">
        <v>1098.4401</v>
      </c>
      <c r="X823">
        <v>574.19446000000005</v>
      </c>
      <c r="Y823">
        <v>0.90704536000000002</v>
      </c>
      <c r="Z823">
        <f t="shared" si="113"/>
        <v>1054.7191666666668</v>
      </c>
      <c r="AA823">
        <f t="shared" si="114"/>
        <v>502.70243333333337</v>
      </c>
      <c r="AB823">
        <f t="shared" si="115"/>
        <v>5.3489263817772752</v>
      </c>
      <c r="AC823">
        <f t="shared" si="116"/>
        <v>2.8870933500648115</v>
      </c>
    </row>
    <row r="824" spans="1:29" x14ac:dyDescent="0.4">
      <c r="A824">
        <v>821</v>
      </c>
      <c r="B824">
        <f t="shared" si="108"/>
        <v>27.366666666666667</v>
      </c>
      <c r="C824">
        <v>748.96154999999999</v>
      </c>
      <c r="D824">
        <v>491.97797000000003</v>
      </c>
      <c r="E824">
        <v>0.82002366000000004</v>
      </c>
      <c r="F824">
        <v>879.64200000000005</v>
      </c>
      <c r="G824">
        <v>428.21749999999997</v>
      </c>
      <c r="H824">
        <v>0.97401077000000003</v>
      </c>
      <c r="I824">
        <v>868.85766999999998</v>
      </c>
      <c r="J824">
        <v>571.91089999999997</v>
      </c>
      <c r="K824">
        <v>0.9761455</v>
      </c>
      <c r="L824">
        <f t="shared" si="109"/>
        <v>832.48707333333334</v>
      </c>
      <c r="M824">
        <f t="shared" si="110"/>
        <v>497.36878999999999</v>
      </c>
      <c r="N824">
        <f t="shared" si="111"/>
        <v>-3.7117719785532288</v>
      </c>
      <c r="O824">
        <f t="shared" si="112"/>
        <v>3.1807654154854426</v>
      </c>
      <c r="Q824">
        <v>971.75540000000001</v>
      </c>
      <c r="R824">
        <v>504.71417000000002</v>
      </c>
      <c r="S824">
        <v>0.91571190000000002</v>
      </c>
      <c r="T824">
        <v>1093.9755</v>
      </c>
      <c r="U824">
        <v>429.02465999999998</v>
      </c>
      <c r="V824">
        <v>0.96201073999999998</v>
      </c>
      <c r="W824">
        <v>1098.5192999999999</v>
      </c>
      <c r="X824">
        <v>574.17719999999997</v>
      </c>
      <c r="Y824">
        <v>0.91419110000000003</v>
      </c>
      <c r="Z824">
        <f t="shared" si="113"/>
        <v>1054.7500666666667</v>
      </c>
      <c r="AA824">
        <f t="shared" si="114"/>
        <v>502.63867666666664</v>
      </c>
      <c r="AB824">
        <f t="shared" si="115"/>
        <v>5.3502113229311643</v>
      </c>
      <c r="AC824">
        <f t="shared" si="116"/>
        <v>2.8896849890016401</v>
      </c>
    </row>
    <row r="825" spans="1:29" x14ac:dyDescent="0.4">
      <c r="A825">
        <v>822</v>
      </c>
      <c r="B825">
        <f t="shared" si="108"/>
        <v>27.4</v>
      </c>
      <c r="C825">
        <v>749.04859999999996</v>
      </c>
      <c r="D825">
        <v>491.87216000000001</v>
      </c>
      <c r="E825">
        <v>0.83301780000000003</v>
      </c>
      <c r="F825">
        <v>879.56730000000005</v>
      </c>
      <c r="G825">
        <v>428.20600000000002</v>
      </c>
      <c r="H825">
        <v>0.97572064000000003</v>
      </c>
      <c r="I825">
        <v>868.87054000000001</v>
      </c>
      <c r="J825">
        <v>571.86395000000005</v>
      </c>
      <c r="K825">
        <v>0.97950994999999996</v>
      </c>
      <c r="L825">
        <f t="shared" si="109"/>
        <v>832.49548000000004</v>
      </c>
      <c r="M825">
        <f t="shared" si="110"/>
        <v>497.31403666666665</v>
      </c>
      <c r="N825">
        <f t="shared" si="111"/>
        <v>-3.7114125271527225</v>
      </c>
      <c r="O825">
        <f t="shared" si="112"/>
        <v>3.1829972554949726</v>
      </c>
      <c r="Q825">
        <v>971.81590000000006</v>
      </c>
      <c r="R825">
        <v>504.70062000000001</v>
      </c>
      <c r="S825">
        <v>0.92790896</v>
      </c>
      <c r="T825">
        <v>1094.0388</v>
      </c>
      <c r="U825">
        <v>429.09570000000002</v>
      </c>
      <c r="V825">
        <v>0.97100544</v>
      </c>
      <c r="W825">
        <v>1098.3176000000001</v>
      </c>
      <c r="X825">
        <v>574.12189999999998</v>
      </c>
      <c r="Y825">
        <v>0.91569822999999995</v>
      </c>
      <c r="Z825">
        <f t="shared" si="113"/>
        <v>1054.7241000000001</v>
      </c>
      <c r="AA825">
        <f t="shared" si="114"/>
        <v>502.63940666666667</v>
      </c>
      <c r="AB825">
        <f t="shared" si="115"/>
        <v>5.349148673983751</v>
      </c>
      <c r="AC825">
        <f t="shared" si="116"/>
        <v>2.8896641481997269</v>
      </c>
    </row>
    <row r="826" spans="1:29" x14ac:dyDescent="0.4">
      <c r="A826">
        <v>823</v>
      </c>
      <c r="B826">
        <f t="shared" si="108"/>
        <v>27.433333333333334</v>
      </c>
      <c r="C826">
        <v>749.00120000000004</v>
      </c>
      <c r="D826">
        <v>491.75036999999998</v>
      </c>
      <c r="E826">
        <v>0.82721330000000004</v>
      </c>
      <c r="F826">
        <v>879.54740000000004</v>
      </c>
      <c r="G826">
        <v>428.13666000000001</v>
      </c>
      <c r="H826">
        <v>0.98484707000000005</v>
      </c>
      <c r="I826">
        <v>868.85709999999995</v>
      </c>
      <c r="J826">
        <v>571.76995999999997</v>
      </c>
      <c r="K826">
        <v>0.98406654999999998</v>
      </c>
      <c r="L826">
        <f t="shared" si="109"/>
        <v>832.46856666666679</v>
      </c>
      <c r="M826">
        <f t="shared" si="110"/>
        <v>497.21899666666667</v>
      </c>
      <c r="N826">
        <f t="shared" si="111"/>
        <v>-3.712475537823976</v>
      </c>
      <c r="O826">
        <f t="shared" si="112"/>
        <v>3.1868853135957145</v>
      </c>
      <c r="Q826">
        <v>971.85209999999995</v>
      </c>
      <c r="R826">
        <v>504.57224000000002</v>
      </c>
      <c r="S826">
        <v>0.90949314999999997</v>
      </c>
      <c r="T826">
        <v>1094.0677000000001</v>
      </c>
      <c r="U826">
        <v>429.06369999999998</v>
      </c>
      <c r="V826">
        <v>0.96585860000000001</v>
      </c>
      <c r="W826">
        <v>1098.3022000000001</v>
      </c>
      <c r="X826">
        <v>574.03250000000003</v>
      </c>
      <c r="Y826">
        <v>0.91249734000000005</v>
      </c>
      <c r="Z826">
        <f t="shared" si="113"/>
        <v>1054.7406666666668</v>
      </c>
      <c r="AA826">
        <f t="shared" si="114"/>
        <v>502.55614666666662</v>
      </c>
      <c r="AB826">
        <f t="shared" si="115"/>
        <v>5.3498535021784788</v>
      </c>
      <c r="AC826">
        <f t="shared" si="116"/>
        <v>2.8930567765324446</v>
      </c>
    </row>
    <row r="827" spans="1:29" x14ac:dyDescent="0.4">
      <c r="A827">
        <v>824</v>
      </c>
      <c r="B827">
        <f t="shared" si="108"/>
        <v>27.466666666666665</v>
      </c>
      <c r="C827">
        <v>749.10220000000004</v>
      </c>
      <c r="D827">
        <v>491.71008</v>
      </c>
      <c r="E827">
        <v>0.84041540000000003</v>
      </c>
      <c r="F827">
        <v>879.49590000000001</v>
      </c>
      <c r="G827">
        <v>428.05642999999998</v>
      </c>
      <c r="H827">
        <v>0.99204475000000003</v>
      </c>
      <c r="I827">
        <v>868.81529999999998</v>
      </c>
      <c r="J827">
        <v>571.71642999999995</v>
      </c>
      <c r="K827">
        <v>0.9815545</v>
      </c>
      <c r="L827">
        <f t="shared" si="109"/>
        <v>832.47113333333346</v>
      </c>
      <c r="M827">
        <f t="shared" si="110"/>
        <v>497.16097999999994</v>
      </c>
      <c r="N827">
        <f t="shared" si="111"/>
        <v>-3.7123523868101844</v>
      </c>
      <c r="O827">
        <f t="shared" si="112"/>
        <v>3.1892523180623331</v>
      </c>
      <c r="Q827">
        <v>971.74429999999995</v>
      </c>
      <c r="R827">
        <v>504.60912999999999</v>
      </c>
      <c r="S827">
        <v>0.90753919999999999</v>
      </c>
      <c r="T827">
        <v>1094.0912000000001</v>
      </c>
      <c r="U827">
        <v>429.07929999999999</v>
      </c>
      <c r="V827">
        <v>0.97899820000000004</v>
      </c>
      <c r="W827">
        <v>1098.3356000000001</v>
      </c>
      <c r="X827">
        <v>574.07910000000004</v>
      </c>
      <c r="Y827">
        <v>0.91180985999999997</v>
      </c>
      <c r="Z827">
        <f t="shared" si="113"/>
        <v>1054.7237000000002</v>
      </c>
      <c r="AA827">
        <f t="shared" si="114"/>
        <v>502.58917666666667</v>
      </c>
      <c r="AB827">
        <f t="shared" si="115"/>
        <v>5.3491486043283087</v>
      </c>
      <c r="AC827">
        <f t="shared" si="116"/>
        <v>2.8917144750107426</v>
      </c>
    </row>
    <row r="828" spans="1:29" x14ac:dyDescent="0.4">
      <c r="A828">
        <v>825</v>
      </c>
      <c r="B828">
        <f t="shared" si="108"/>
        <v>27.5</v>
      </c>
      <c r="C828">
        <v>749.14746000000002</v>
      </c>
      <c r="D828">
        <v>491.63772999999998</v>
      </c>
      <c r="E828">
        <v>0.83210519999999999</v>
      </c>
      <c r="F828">
        <v>879.49120000000005</v>
      </c>
      <c r="G828">
        <v>427.97194999999999</v>
      </c>
      <c r="H828">
        <v>1</v>
      </c>
      <c r="I828">
        <v>868.77210000000002</v>
      </c>
      <c r="J828">
        <v>571.66639999999995</v>
      </c>
      <c r="K828">
        <v>0.99656849999999997</v>
      </c>
      <c r="L828">
        <f t="shared" si="109"/>
        <v>832.4702533333334</v>
      </c>
      <c r="M828">
        <f t="shared" si="110"/>
        <v>497.0920266666667</v>
      </c>
      <c r="N828">
        <f t="shared" si="111"/>
        <v>-3.7123657712338236</v>
      </c>
      <c r="O828">
        <f t="shared" si="112"/>
        <v>3.1920668545633721</v>
      </c>
      <c r="Q828">
        <v>971.75714000000005</v>
      </c>
      <c r="R828">
        <v>504.62308000000002</v>
      </c>
      <c r="S828">
        <v>0.91991323000000003</v>
      </c>
      <c r="T828">
        <v>1094.1754000000001</v>
      </c>
      <c r="U828">
        <v>429.01821999999999</v>
      </c>
      <c r="V828">
        <v>0.97448224000000006</v>
      </c>
      <c r="W828">
        <v>1098.2475999999999</v>
      </c>
      <c r="X828">
        <v>574.02269999999999</v>
      </c>
      <c r="Y828">
        <v>0.90716182999999995</v>
      </c>
      <c r="Z828">
        <f t="shared" si="113"/>
        <v>1054.7267133333335</v>
      </c>
      <c r="AA828">
        <f t="shared" si="114"/>
        <v>502.55466666666666</v>
      </c>
      <c r="AB828">
        <f t="shared" si="115"/>
        <v>5.3492830893132117</v>
      </c>
      <c r="AC828">
        <f t="shared" si="116"/>
        <v>2.8931219961758674</v>
      </c>
    </row>
    <row r="829" spans="1:29" x14ac:dyDescent="0.4">
      <c r="A829">
        <v>826</v>
      </c>
      <c r="B829">
        <f t="shared" si="108"/>
        <v>27.533333333333335</v>
      </c>
      <c r="C829">
        <v>749.13336000000004</v>
      </c>
      <c r="D829">
        <v>491.64908000000003</v>
      </c>
      <c r="E829">
        <v>0.81816774999999997</v>
      </c>
      <c r="F829">
        <v>879.43449999999996</v>
      </c>
      <c r="G829">
        <v>427.92603000000003</v>
      </c>
      <c r="H829">
        <v>0.99689709999999998</v>
      </c>
      <c r="I829">
        <v>868.72533999999996</v>
      </c>
      <c r="J829">
        <v>571.58950000000004</v>
      </c>
      <c r="K829">
        <v>0.99389534999999996</v>
      </c>
      <c r="L829">
        <f t="shared" si="109"/>
        <v>832.43106666666665</v>
      </c>
      <c r="M829">
        <f t="shared" si="110"/>
        <v>497.05486999999999</v>
      </c>
      <c r="N829">
        <f t="shared" si="111"/>
        <v>-3.7139464036116725</v>
      </c>
      <c r="O829">
        <f t="shared" si="112"/>
        <v>3.1935966348580065</v>
      </c>
      <c r="Q829">
        <v>971.80346999999995</v>
      </c>
      <c r="R829">
        <v>504.46597000000003</v>
      </c>
      <c r="S829">
        <v>0.9211549</v>
      </c>
      <c r="T829">
        <v>1094.0594000000001</v>
      </c>
      <c r="U829">
        <v>428.94504000000001</v>
      </c>
      <c r="V829">
        <v>0.97899029999999998</v>
      </c>
      <c r="W829">
        <v>1098.1946</v>
      </c>
      <c r="X829">
        <v>574.10709999999995</v>
      </c>
      <c r="Y829">
        <v>0.90584593999999996</v>
      </c>
      <c r="Z829">
        <f t="shared" si="113"/>
        <v>1054.6858233333332</v>
      </c>
      <c r="AA829">
        <f t="shared" si="114"/>
        <v>502.50603666666666</v>
      </c>
      <c r="AB829">
        <f t="shared" si="115"/>
        <v>5.3476258757849129</v>
      </c>
      <c r="AC829">
        <f t="shared" si="116"/>
        <v>2.8951209790024661</v>
      </c>
    </row>
    <row r="830" spans="1:29" x14ac:dyDescent="0.4">
      <c r="A830">
        <v>827</v>
      </c>
      <c r="B830">
        <f t="shared" si="108"/>
        <v>27.566666666666666</v>
      </c>
      <c r="C830">
        <v>749.14386000000002</v>
      </c>
      <c r="D830">
        <v>491.66559999999998</v>
      </c>
      <c r="E830">
        <v>0.81070966</v>
      </c>
      <c r="F830">
        <v>879.38793999999996</v>
      </c>
      <c r="G830">
        <v>427.87927000000002</v>
      </c>
      <c r="H830">
        <v>0.99019694000000003</v>
      </c>
      <c r="I830">
        <v>868.64089999999999</v>
      </c>
      <c r="J830">
        <v>571.62714000000005</v>
      </c>
      <c r="K830">
        <v>0.99548990000000004</v>
      </c>
      <c r="L830">
        <f t="shared" si="109"/>
        <v>832.39089999999999</v>
      </c>
      <c r="M830">
        <f t="shared" si="110"/>
        <v>497.05733666666669</v>
      </c>
      <c r="N830">
        <f t="shared" si="111"/>
        <v>-3.7155797266472321</v>
      </c>
      <c r="O830">
        <f t="shared" si="112"/>
        <v>3.1935095747282065</v>
      </c>
      <c r="Q830">
        <v>971.67523000000006</v>
      </c>
      <c r="R830">
        <v>504.57422000000003</v>
      </c>
      <c r="S830">
        <v>0.92436814</v>
      </c>
      <c r="T830">
        <v>1093.9761000000001</v>
      </c>
      <c r="U830">
        <v>429.00420000000003</v>
      </c>
      <c r="V830">
        <v>0.97590697000000004</v>
      </c>
      <c r="W830">
        <v>1098.0456999999999</v>
      </c>
      <c r="X830">
        <v>574.11770000000001</v>
      </c>
      <c r="Y830">
        <v>0.90783566000000004</v>
      </c>
      <c r="Z830">
        <f t="shared" si="113"/>
        <v>1054.5656766666668</v>
      </c>
      <c r="AA830">
        <f t="shared" si="114"/>
        <v>502.56537333333335</v>
      </c>
      <c r="AB830">
        <f t="shared" si="115"/>
        <v>5.3426909054882845</v>
      </c>
      <c r="AC830">
        <f t="shared" si="116"/>
        <v>2.8927405278184528</v>
      </c>
    </row>
    <row r="831" spans="1:29" x14ac:dyDescent="0.4">
      <c r="A831">
        <v>828</v>
      </c>
      <c r="B831">
        <f t="shared" si="108"/>
        <v>27.6</v>
      </c>
      <c r="C831">
        <v>749.14966000000004</v>
      </c>
      <c r="D831">
        <v>491.61574999999999</v>
      </c>
      <c r="E831">
        <v>0.81259345999999999</v>
      </c>
      <c r="F831">
        <v>879.30989999999997</v>
      </c>
      <c r="G831">
        <v>427.827</v>
      </c>
      <c r="H831">
        <v>0.99370259999999999</v>
      </c>
      <c r="I831">
        <v>868.58349999999996</v>
      </c>
      <c r="J831">
        <v>571.60846000000004</v>
      </c>
      <c r="K831">
        <v>0.99339069999999996</v>
      </c>
      <c r="L831">
        <f t="shared" si="109"/>
        <v>832.34768666666662</v>
      </c>
      <c r="M831">
        <f t="shared" si="110"/>
        <v>497.01707000000005</v>
      </c>
      <c r="N831">
        <f t="shared" si="111"/>
        <v>-3.7173230040612948</v>
      </c>
      <c r="O831">
        <f t="shared" si="112"/>
        <v>3.1951676494725869</v>
      </c>
      <c r="Q831">
        <v>971.58263999999997</v>
      </c>
      <c r="R831">
        <v>504.56259999999997</v>
      </c>
      <c r="S831">
        <v>0.91924185000000003</v>
      </c>
      <c r="T831">
        <v>1093.952</v>
      </c>
      <c r="U831">
        <v>428.96204</v>
      </c>
      <c r="V831">
        <v>0.97558694999999995</v>
      </c>
      <c r="W831">
        <v>1097.9503</v>
      </c>
      <c r="X831">
        <v>574.14746000000002</v>
      </c>
      <c r="Y831">
        <v>0.90618840000000001</v>
      </c>
      <c r="Z831">
        <f t="shared" si="113"/>
        <v>1054.4949799999999</v>
      </c>
      <c r="AA831">
        <f t="shared" si="114"/>
        <v>502.55736666666667</v>
      </c>
      <c r="AB831">
        <f t="shared" si="115"/>
        <v>5.3398010050479368</v>
      </c>
      <c r="AC831">
        <f t="shared" si="116"/>
        <v>2.8930917080989795</v>
      </c>
    </row>
    <row r="832" spans="1:29" x14ac:dyDescent="0.4">
      <c r="A832">
        <v>829</v>
      </c>
      <c r="B832">
        <f t="shared" si="108"/>
        <v>27.633333333333333</v>
      </c>
      <c r="C832">
        <v>749.02814000000001</v>
      </c>
      <c r="D832">
        <v>491.49988000000002</v>
      </c>
      <c r="E832">
        <v>0.81894769999999995</v>
      </c>
      <c r="F832">
        <v>879.24725000000001</v>
      </c>
      <c r="G832">
        <v>427.77519999999998</v>
      </c>
      <c r="H832">
        <v>0.99013865000000001</v>
      </c>
      <c r="I832">
        <v>868.45249999999999</v>
      </c>
      <c r="J832">
        <v>571.58590000000004</v>
      </c>
      <c r="K832">
        <v>0.99326484999999998</v>
      </c>
      <c r="L832">
        <f t="shared" si="109"/>
        <v>832.24263000000008</v>
      </c>
      <c r="M832">
        <f t="shared" si="110"/>
        <v>496.95365999999996</v>
      </c>
      <c r="N832">
        <f t="shared" si="111"/>
        <v>-3.7215722989217603</v>
      </c>
      <c r="O832">
        <f t="shared" si="112"/>
        <v>3.1977912461669531</v>
      </c>
      <c r="Q832">
        <v>971.54309999999998</v>
      </c>
      <c r="R832">
        <v>504.59674000000001</v>
      </c>
      <c r="S832">
        <v>0.92406980000000005</v>
      </c>
      <c r="T832">
        <v>1094.0938000000001</v>
      </c>
      <c r="U832">
        <v>428.91129999999998</v>
      </c>
      <c r="V832">
        <v>0.97635704000000001</v>
      </c>
      <c r="W832">
        <v>1097.8871999999999</v>
      </c>
      <c r="X832">
        <v>574.09289999999999</v>
      </c>
      <c r="Y832">
        <v>0.90414709999999998</v>
      </c>
      <c r="Z832">
        <f t="shared" si="113"/>
        <v>1054.5080333333333</v>
      </c>
      <c r="AA832">
        <f t="shared" si="114"/>
        <v>502.53364666666658</v>
      </c>
      <c r="AB832">
        <f t="shared" si="115"/>
        <v>5.3403427669030563</v>
      </c>
      <c r="AC832">
        <f t="shared" si="116"/>
        <v>2.8940553619683036</v>
      </c>
    </row>
    <row r="833" spans="1:29" x14ac:dyDescent="0.4">
      <c r="A833">
        <v>830</v>
      </c>
      <c r="B833">
        <f t="shared" si="108"/>
        <v>27.666666666666668</v>
      </c>
      <c r="C833">
        <v>748.96954000000005</v>
      </c>
      <c r="D833">
        <v>491.49221999999997</v>
      </c>
      <c r="E833">
        <v>0.80730283000000003</v>
      </c>
      <c r="F833">
        <v>879.25070000000005</v>
      </c>
      <c r="G833">
        <v>427.71872000000002</v>
      </c>
      <c r="H833">
        <v>0.99478800000000001</v>
      </c>
      <c r="I833">
        <v>868.39306999999997</v>
      </c>
      <c r="J833">
        <v>571.47940000000006</v>
      </c>
      <c r="K833">
        <v>0.99839009999999995</v>
      </c>
      <c r="L833">
        <f t="shared" si="109"/>
        <v>832.20443666666677</v>
      </c>
      <c r="M833">
        <f t="shared" si="110"/>
        <v>496.89678000000004</v>
      </c>
      <c r="N833">
        <f t="shared" si="111"/>
        <v>-3.7231061454936532</v>
      </c>
      <c r="O833">
        <f t="shared" si="112"/>
        <v>3.2001256670083325</v>
      </c>
      <c r="Q833">
        <v>971.48364000000004</v>
      </c>
      <c r="R833">
        <v>504.62799999999999</v>
      </c>
      <c r="S833">
        <v>0.92630349999999995</v>
      </c>
      <c r="T833">
        <v>1093.9785999999999</v>
      </c>
      <c r="U833">
        <v>428.90417000000002</v>
      </c>
      <c r="V833">
        <v>0.98203030000000002</v>
      </c>
      <c r="W833">
        <v>1097.6993</v>
      </c>
      <c r="X833">
        <v>574.14620000000002</v>
      </c>
      <c r="Y833">
        <v>0.89731039999999995</v>
      </c>
      <c r="Z833">
        <f t="shared" si="113"/>
        <v>1054.3871799999999</v>
      </c>
      <c r="AA833">
        <f t="shared" si="114"/>
        <v>502.55945666666668</v>
      </c>
      <c r="AB833">
        <f t="shared" si="115"/>
        <v>5.3353897871837184</v>
      </c>
      <c r="AC833">
        <f t="shared" si="116"/>
        <v>2.8930435778753849</v>
      </c>
    </row>
    <row r="834" spans="1:29" x14ac:dyDescent="0.4">
      <c r="A834">
        <v>831</v>
      </c>
      <c r="B834">
        <f t="shared" si="108"/>
        <v>27.7</v>
      </c>
      <c r="C834">
        <v>749.06646999999998</v>
      </c>
      <c r="D834">
        <v>491.31378000000001</v>
      </c>
      <c r="E834">
        <v>0.80772275000000004</v>
      </c>
      <c r="F834">
        <v>879.28599999999994</v>
      </c>
      <c r="G834">
        <v>427.63742000000002</v>
      </c>
      <c r="H834">
        <v>0.99811225999999997</v>
      </c>
      <c r="I834">
        <v>868.30139999999994</v>
      </c>
      <c r="J834">
        <v>571.53120000000001</v>
      </c>
      <c r="K834">
        <v>1</v>
      </c>
      <c r="L834">
        <f t="shared" si="109"/>
        <v>832.21795666666651</v>
      </c>
      <c r="M834">
        <f t="shared" si="110"/>
        <v>496.82746666666662</v>
      </c>
      <c r="N834">
        <f t="shared" si="111"/>
        <v>-3.7225341463017374</v>
      </c>
      <c r="O834">
        <f t="shared" si="112"/>
        <v>3.2029500080979969</v>
      </c>
      <c r="Q834">
        <v>971.38744999999994</v>
      </c>
      <c r="R834">
        <v>504.26085999999998</v>
      </c>
      <c r="S834">
        <v>0.91823893999999995</v>
      </c>
      <c r="T834">
        <v>1093.874</v>
      </c>
      <c r="U834">
        <v>428.85876000000002</v>
      </c>
      <c r="V834">
        <v>0.97537980000000002</v>
      </c>
      <c r="W834">
        <v>1097.6306999999999</v>
      </c>
      <c r="X834">
        <v>574.12929999999994</v>
      </c>
      <c r="Y834">
        <v>0.90037350000000005</v>
      </c>
      <c r="Z834">
        <f t="shared" si="113"/>
        <v>1054.2973833333333</v>
      </c>
      <c r="AA834">
        <f t="shared" si="114"/>
        <v>502.41630666666669</v>
      </c>
      <c r="AB834">
        <f t="shared" si="115"/>
        <v>5.3317622910522333</v>
      </c>
      <c r="AC834">
        <f t="shared" si="116"/>
        <v>2.8989173503442833</v>
      </c>
    </row>
    <row r="835" spans="1:29" x14ac:dyDescent="0.4">
      <c r="A835">
        <v>832</v>
      </c>
      <c r="B835">
        <f t="shared" si="108"/>
        <v>27.733333333333334</v>
      </c>
      <c r="C835">
        <v>748.97546</v>
      </c>
      <c r="D835">
        <v>491.18396000000001</v>
      </c>
      <c r="E835">
        <v>0.80359559999999997</v>
      </c>
      <c r="F835">
        <v>879.26917000000003</v>
      </c>
      <c r="G835">
        <v>427.59350000000001</v>
      </c>
      <c r="H835">
        <v>1</v>
      </c>
      <c r="I835">
        <v>868.28769999999997</v>
      </c>
      <c r="J835">
        <v>571.41070000000002</v>
      </c>
      <c r="K835">
        <v>1</v>
      </c>
      <c r="L835">
        <f t="shared" si="109"/>
        <v>832.17744333333337</v>
      </c>
      <c r="M835">
        <f t="shared" si="110"/>
        <v>496.7293866666667</v>
      </c>
      <c r="N835">
        <f t="shared" si="111"/>
        <v>-3.7241489103507264</v>
      </c>
      <c r="O835">
        <f t="shared" si="112"/>
        <v>3.2069667284511767</v>
      </c>
      <c r="Q835">
        <v>971.37285999999995</v>
      </c>
      <c r="R835">
        <v>504.20236</v>
      </c>
      <c r="S835">
        <v>0.91837155999999998</v>
      </c>
      <c r="T835">
        <v>1093.8892000000001</v>
      </c>
      <c r="U835">
        <v>428.83105</v>
      </c>
      <c r="V835">
        <v>0.98066896000000003</v>
      </c>
      <c r="W835">
        <v>1097.6763000000001</v>
      </c>
      <c r="X835">
        <v>574.11839999999995</v>
      </c>
      <c r="Y835">
        <v>0.90556793999999996</v>
      </c>
      <c r="Z835">
        <f t="shared" si="113"/>
        <v>1054.3127866666666</v>
      </c>
      <c r="AA835">
        <f t="shared" si="114"/>
        <v>502.38393666666661</v>
      </c>
      <c r="AB835">
        <f t="shared" si="115"/>
        <v>5.3324030040089667</v>
      </c>
      <c r="AC835">
        <f t="shared" si="116"/>
        <v>2.9002332502106136</v>
      </c>
    </row>
    <row r="836" spans="1:29" x14ac:dyDescent="0.4">
      <c r="A836">
        <v>833</v>
      </c>
      <c r="B836">
        <f t="shared" ref="B836:B899" si="117">A836/30</f>
        <v>27.766666666666666</v>
      </c>
      <c r="C836">
        <v>748.90459999999996</v>
      </c>
      <c r="D836">
        <v>491.1123</v>
      </c>
      <c r="E836">
        <v>0.80550889999999997</v>
      </c>
      <c r="F836">
        <v>879.16534000000001</v>
      </c>
      <c r="G836">
        <v>427.56673999999998</v>
      </c>
      <c r="H836">
        <v>1</v>
      </c>
      <c r="I836">
        <v>868.27202999999997</v>
      </c>
      <c r="J836">
        <v>571.34295999999995</v>
      </c>
      <c r="K836">
        <v>1</v>
      </c>
      <c r="L836">
        <f t="shared" ref="L836:L899" si="118">(C836+F836+I836)/3</f>
        <v>832.11398999999994</v>
      </c>
      <c r="M836">
        <f t="shared" ref="M836:M899" si="119">(D836+G836+J836)/3</f>
        <v>496.67399999999998</v>
      </c>
      <c r="N836">
        <f t="shared" ref="N836:N899" si="120" xml:space="preserve"> -36.96+0.03963*L836-0.0003398*M836+6.089*10^(-7)*L836^2+1.529*10^(-8)*M836^2</f>
        <v>-3.7267098896236246</v>
      </c>
      <c r="O836">
        <f t="shared" ref="O836:O899" si="121" xml:space="preserve"> 23.7-0.0003167*L836-0.0406*M836-1.335*10^(-8)*L836^2-2.149*10^(-7)*M836^2</f>
        <v>3.2092487566909669</v>
      </c>
      <c r="Q836">
        <v>971.35064999999997</v>
      </c>
      <c r="R836">
        <v>504.13353999999998</v>
      </c>
      <c r="S836">
        <v>0.91926929999999996</v>
      </c>
      <c r="T836">
        <v>1093.8297</v>
      </c>
      <c r="U836">
        <v>428.74725000000001</v>
      </c>
      <c r="V836">
        <v>0.97857349999999999</v>
      </c>
      <c r="W836">
        <v>1097.7280000000001</v>
      </c>
      <c r="X836">
        <v>574.03594999999996</v>
      </c>
      <c r="Y836">
        <v>0.90055499999999999</v>
      </c>
      <c r="Z836">
        <f t="shared" ref="Z836:Z899" si="122">(Q836+T836+W836)/3</f>
        <v>1054.3027833333333</v>
      </c>
      <c r="AA836">
        <f t="shared" ref="AA836:AA899" si="123">(R836+U836+X836)/3</f>
        <v>502.30557999999996</v>
      </c>
      <c r="AB836">
        <f t="shared" ref="AB836:AB899" si="124" xml:space="preserve"> -36.96+0.03963*Z836-0.0003398*AA836+6.089*10^(-7)*Z836^2+1.529*10^(-8)*AA836^2</f>
        <v>5.3320191501724921</v>
      </c>
      <c r="AC836">
        <f t="shared" ref="AC836:AC899" si="125" xml:space="preserve"> 23.7-0.0003167*Z836-0.0406*AA836-1.335*10^(-8)*Z836^2-2.149*10^(-7)*AA836^2</f>
        <v>2.9034348983406826</v>
      </c>
    </row>
    <row r="837" spans="1:29" x14ac:dyDescent="0.4">
      <c r="A837">
        <v>834</v>
      </c>
      <c r="B837">
        <f t="shared" si="117"/>
        <v>27.8</v>
      </c>
      <c r="C837">
        <v>748.90533000000005</v>
      </c>
      <c r="D837">
        <v>491.02924000000002</v>
      </c>
      <c r="E837">
        <v>0.82300174000000004</v>
      </c>
      <c r="F837">
        <v>879.16674999999998</v>
      </c>
      <c r="G837">
        <v>427.57357999999999</v>
      </c>
      <c r="H837">
        <v>1</v>
      </c>
      <c r="I837">
        <v>868.27080000000001</v>
      </c>
      <c r="J837">
        <v>571.37869999999998</v>
      </c>
      <c r="K837">
        <v>1</v>
      </c>
      <c r="L837">
        <f t="shared" si="118"/>
        <v>832.11429333333342</v>
      </c>
      <c r="M837">
        <f t="shared" si="119"/>
        <v>496.66050666666666</v>
      </c>
      <c r="N837">
        <f t="shared" si="120"/>
        <v>-3.7266931810444315</v>
      </c>
      <c r="O837">
        <f t="shared" si="121"/>
        <v>3.2097993636086306</v>
      </c>
      <c r="Q837">
        <v>971.27089999999998</v>
      </c>
      <c r="R837">
        <v>504.21042</v>
      </c>
      <c r="S837">
        <v>0.91526839999999998</v>
      </c>
      <c r="T837">
        <v>1093.8302000000001</v>
      </c>
      <c r="U837">
        <v>428.83172999999999</v>
      </c>
      <c r="V837">
        <v>0.99564945999999999</v>
      </c>
      <c r="W837">
        <v>1097.6238000000001</v>
      </c>
      <c r="X837">
        <v>574.01184000000001</v>
      </c>
      <c r="Y837">
        <v>0.90956369999999997</v>
      </c>
      <c r="Z837">
        <f t="shared" si="122"/>
        <v>1054.2416333333333</v>
      </c>
      <c r="AA837">
        <f t="shared" si="123"/>
        <v>502.35132999999996</v>
      </c>
      <c r="AB837">
        <f t="shared" si="124"/>
        <v>5.3295024225592602</v>
      </c>
      <c r="AC837">
        <f t="shared" si="125"/>
        <v>2.9015886584009625</v>
      </c>
    </row>
    <row r="838" spans="1:29" x14ac:dyDescent="0.4">
      <c r="A838">
        <v>835</v>
      </c>
      <c r="B838">
        <f t="shared" si="117"/>
        <v>27.833333333333332</v>
      </c>
      <c r="C838">
        <v>748.89509999999996</v>
      </c>
      <c r="D838">
        <v>490.81716999999998</v>
      </c>
      <c r="E838">
        <v>0.81799239999999995</v>
      </c>
      <c r="F838">
        <v>879.10329999999999</v>
      </c>
      <c r="G838">
        <v>427.53559999999999</v>
      </c>
      <c r="H838">
        <v>1</v>
      </c>
      <c r="I838">
        <v>868.20010000000002</v>
      </c>
      <c r="J838">
        <v>571.33825999999999</v>
      </c>
      <c r="K838">
        <v>1</v>
      </c>
      <c r="L838">
        <f t="shared" si="118"/>
        <v>832.06616666666662</v>
      </c>
      <c r="M838">
        <f t="shared" si="119"/>
        <v>496.56367666666665</v>
      </c>
      <c r="N838">
        <f t="shared" si="120"/>
        <v>-3.7286177761982744</v>
      </c>
      <c r="O838">
        <f t="shared" si="121"/>
        <v>3.2137676403155377</v>
      </c>
      <c r="Q838">
        <v>971.21172999999999</v>
      </c>
      <c r="R838">
        <v>504.26100000000002</v>
      </c>
      <c r="S838">
        <v>0.90967052999999998</v>
      </c>
      <c r="T838">
        <v>1093.8151</v>
      </c>
      <c r="U838">
        <v>428.83370000000002</v>
      </c>
      <c r="V838">
        <v>0.98010909999999996</v>
      </c>
      <c r="W838">
        <v>1097.5308</v>
      </c>
      <c r="X838">
        <v>574.00779999999997</v>
      </c>
      <c r="Y838">
        <v>0.90776219999999996</v>
      </c>
      <c r="Z838">
        <f t="shared" si="122"/>
        <v>1054.1858766666667</v>
      </c>
      <c r="AA838">
        <f t="shared" si="123"/>
        <v>502.36750000000001</v>
      </c>
      <c r="AB838">
        <f t="shared" si="124"/>
        <v>5.3272159580912062</v>
      </c>
      <c r="AC838">
        <f t="shared" si="125"/>
        <v>2.9009478926178587</v>
      </c>
    </row>
    <row r="839" spans="1:29" x14ac:dyDescent="0.4">
      <c r="A839">
        <v>836</v>
      </c>
      <c r="B839">
        <f t="shared" si="117"/>
        <v>27.866666666666667</v>
      </c>
      <c r="C839">
        <v>748.91234999999995</v>
      </c>
      <c r="D839">
        <v>490.79642000000001</v>
      </c>
      <c r="E839">
        <v>0.82866819999999997</v>
      </c>
      <c r="F839">
        <v>879.03594999999996</v>
      </c>
      <c r="G839">
        <v>427.4649</v>
      </c>
      <c r="H839">
        <v>0.99682899999999997</v>
      </c>
      <c r="I839">
        <v>868.09900000000005</v>
      </c>
      <c r="J839">
        <v>571.31029999999998</v>
      </c>
      <c r="K839">
        <v>0.99900409999999995</v>
      </c>
      <c r="L839">
        <f t="shared" si="118"/>
        <v>832.01576666666676</v>
      </c>
      <c r="M839">
        <f t="shared" si="119"/>
        <v>496.52387333333337</v>
      </c>
      <c r="N839">
        <f t="shared" si="120"/>
        <v>-3.7306532756899515</v>
      </c>
      <c r="O839">
        <f t="shared" si="121"/>
        <v>3.2154092315988168</v>
      </c>
      <c r="Q839">
        <v>971.09154999999998</v>
      </c>
      <c r="R839">
        <v>504.25619999999998</v>
      </c>
      <c r="S839">
        <v>0.91375004999999998</v>
      </c>
      <c r="T839">
        <v>1093.777</v>
      </c>
      <c r="U839">
        <v>428.79867999999999</v>
      </c>
      <c r="V839">
        <v>0.97310759999999996</v>
      </c>
      <c r="W839">
        <v>1097.3975</v>
      </c>
      <c r="X839">
        <v>573.96906000000001</v>
      </c>
      <c r="Y839">
        <v>0.89635039999999999</v>
      </c>
      <c r="Z839">
        <f t="shared" si="122"/>
        <v>1054.0886833333334</v>
      </c>
      <c r="AA839">
        <f t="shared" si="123"/>
        <v>502.34131333333335</v>
      </c>
      <c r="AB839">
        <f t="shared" si="124"/>
        <v>5.3232479124007179</v>
      </c>
      <c r="AC839">
        <f t="shared" si="125"/>
        <v>2.9020502419783698</v>
      </c>
    </row>
    <row r="840" spans="1:29" x14ac:dyDescent="0.4">
      <c r="A840">
        <v>837</v>
      </c>
      <c r="B840">
        <f t="shared" si="117"/>
        <v>27.9</v>
      </c>
      <c r="C840">
        <v>748.95965999999999</v>
      </c>
      <c r="D840">
        <v>490.54662999999999</v>
      </c>
      <c r="E840">
        <v>0.83227384000000004</v>
      </c>
      <c r="F840">
        <v>879.03454999999997</v>
      </c>
      <c r="G840">
        <v>427.38797</v>
      </c>
      <c r="H840">
        <v>0.98783714</v>
      </c>
      <c r="I840">
        <v>868.03814999999997</v>
      </c>
      <c r="J840">
        <v>571.35140000000001</v>
      </c>
      <c r="K840">
        <v>0.98471730000000002</v>
      </c>
      <c r="L840">
        <f t="shared" si="118"/>
        <v>832.0107866666666</v>
      </c>
      <c r="M840">
        <f t="shared" si="119"/>
        <v>496.42866666666669</v>
      </c>
      <c r="N840">
        <f t="shared" si="120"/>
        <v>-3.7308247731798323</v>
      </c>
      <c r="O840">
        <f t="shared" si="121"/>
        <v>3.2192966257832119</v>
      </c>
      <c r="Q840">
        <v>971.01020000000005</v>
      </c>
      <c r="R840">
        <v>504.12002999999999</v>
      </c>
      <c r="S840">
        <v>0.91104989999999997</v>
      </c>
      <c r="T840">
        <v>1093.6986999999999</v>
      </c>
      <c r="U840">
        <v>428.7484</v>
      </c>
      <c r="V840">
        <v>0.9782402</v>
      </c>
      <c r="W840">
        <v>1097.3842</v>
      </c>
      <c r="X840">
        <v>573.97749999999996</v>
      </c>
      <c r="Y840">
        <v>0.90251329999999996</v>
      </c>
      <c r="Z840">
        <f t="shared" si="122"/>
        <v>1054.0310333333334</v>
      </c>
      <c r="AA840">
        <f t="shared" si="123"/>
        <v>502.28197666666665</v>
      </c>
      <c r="AB840">
        <f t="shared" si="124"/>
        <v>5.3209084925422987</v>
      </c>
      <c r="AC840">
        <f t="shared" si="125"/>
        <v>2.9044920012702642</v>
      </c>
    </row>
    <row r="841" spans="1:29" x14ac:dyDescent="0.4">
      <c r="A841">
        <v>838</v>
      </c>
      <c r="B841">
        <f t="shared" si="117"/>
        <v>27.933333333333334</v>
      </c>
      <c r="C841">
        <v>748.70960000000002</v>
      </c>
      <c r="D841">
        <v>490.65755999999999</v>
      </c>
      <c r="E841">
        <v>0.81198524999999999</v>
      </c>
      <c r="F841">
        <v>879.01855</v>
      </c>
      <c r="G841">
        <v>427.29201999999998</v>
      </c>
      <c r="H841">
        <v>0.99990815</v>
      </c>
      <c r="I841">
        <v>867.95439999999996</v>
      </c>
      <c r="J841">
        <v>571.20069999999998</v>
      </c>
      <c r="K841">
        <v>0.9850681</v>
      </c>
      <c r="L841">
        <f t="shared" si="118"/>
        <v>831.89418333333333</v>
      </c>
      <c r="M841">
        <f t="shared" si="119"/>
        <v>496.38342666666659</v>
      </c>
      <c r="N841">
        <f t="shared" si="120"/>
        <v>-3.7355492143450277</v>
      </c>
      <c r="O841">
        <f t="shared" si="121"/>
        <v>3.2211825403786678</v>
      </c>
      <c r="Q841">
        <v>970.94730000000004</v>
      </c>
      <c r="R841">
        <v>504.00466999999998</v>
      </c>
      <c r="S841">
        <v>0.91554150000000001</v>
      </c>
      <c r="T841">
        <v>1093.7134000000001</v>
      </c>
      <c r="U841">
        <v>428.74151999999998</v>
      </c>
      <c r="V841">
        <v>0.98328539999999998</v>
      </c>
      <c r="W841">
        <v>1097.4113</v>
      </c>
      <c r="X841">
        <v>574.04236000000003</v>
      </c>
      <c r="Y841">
        <v>0.90491365999999995</v>
      </c>
      <c r="Z841">
        <f t="shared" si="122"/>
        <v>1054.0240000000001</v>
      </c>
      <c r="AA841">
        <f t="shared" si="123"/>
        <v>502.26285000000001</v>
      </c>
      <c r="AB841">
        <f t="shared" si="124"/>
        <v>5.3206269390583252</v>
      </c>
      <c r="AC841">
        <f t="shared" si="125"/>
        <v>2.9052750983307822</v>
      </c>
    </row>
    <row r="842" spans="1:29" x14ac:dyDescent="0.4">
      <c r="A842">
        <v>839</v>
      </c>
      <c r="B842">
        <f t="shared" si="117"/>
        <v>27.966666666666665</v>
      </c>
      <c r="C842">
        <v>748.82069999999999</v>
      </c>
      <c r="D842">
        <v>490.62189999999998</v>
      </c>
      <c r="E842">
        <v>0.79749596</v>
      </c>
      <c r="F842">
        <v>878.96405000000004</v>
      </c>
      <c r="G842">
        <v>427.22705000000002</v>
      </c>
      <c r="H842">
        <v>1</v>
      </c>
      <c r="I842">
        <v>867.88670000000002</v>
      </c>
      <c r="J842">
        <v>570.99774000000002</v>
      </c>
      <c r="K842">
        <v>0.98995390000000005</v>
      </c>
      <c r="L842">
        <f t="shared" si="118"/>
        <v>831.89048333333324</v>
      </c>
      <c r="M842">
        <f t="shared" si="119"/>
        <v>496.28223000000003</v>
      </c>
      <c r="N842">
        <f t="shared" si="120"/>
        <v>-3.7356667430567163</v>
      </c>
      <c r="O842">
        <f t="shared" si="121"/>
        <v>3.2253139666804773</v>
      </c>
      <c r="Q842">
        <v>970.90610000000004</v>
      </c>
      <c r="R842">
        <v>503.9513</v>
      </c>
      <c r="S842">
        <v>0.90328293999999998</v>
      </c>
      <c r="T842">
        <v>1093.6953000000001</v>
      </c>
      <c r="U842">
        <v>428.68490000000003</v>
      </c>
      <c r="V842">
        <v>0.98653453999999996</v>
      </c>
      <c r="W842">
        <v>1097.386</v>
      </c>
      <c r="X842">
        <v>574.00305000000003</v>
      </c>
      <c r="Y842">
        <v>0.90502994999999997</v>
      </c>
      <c r="Z842">
        <f t="shared" si="122"/>
        <v>1053.9957999999999</v>
      </c>
      <c r="AA842">
        <f t="shared" si="123"/>
        <v>502.21308333333337</v>
      </c>
      <c r="AB842">
        <f t="shared" si="124"/>
        <v>5.3194893226676054</v>
      </c>
      <c r="AC842">
        <f t="shared" si="125"/>
        <v>2.9073160922697925</v>
      </c>
    </row>
    <row r="843" spans="1:29" x14ac:dyDescent="0.4">
      <c r="A843">
        <v>840</v>
      </c>
      <c r="B843">
        <f t="shared" si="117"/>
        <v>28</v>
      </c>
      <c r="C843">
        <v>748.7133</v>
      </c>
      <c r="D843">
        <v>490.58434999999997</v>
      </c>
      <c r="E843">
        <v>0.80616840000000001</v>
      </c>
      <c r="F843">
        <v>878.92255</v>
      </c>
      <c r="G843">
        <v>427.16176999999999</v>
      </c>
      <c r="H843">
        <v>1</v>
      </c>
      <c r="I843">
        <v>867.79510000000005</v>
      </c>
      <c r="J843">
        <v>570.92629999999997</v>
      </c>
      <c r="K843">
        <v>0.98979399999999995</v>
      </c>
      <c r="L843">
        <f t="shared" si="118"/>
        <v>831.81031666666661</v>
      </c>
      <c r="M843">
        <f t="shared" si="119"/>
        <v>496.22413999999998</v>
      </c>
      <c r="N843">
        <f t="shared" si="120"/>
        <v>-3.7389061016462732</v>
      </c>
      <c r="O843">
        <f t="shared" si="121"/>
        <v>3.2277119799919598</v>
      </c>
      <c r="Q843">
        <v>970.84862999999996</v>
      </c>
      <c r="R843">
        <v>503.87506000000002</v>
      </c>
      <c r="S843">
        <v>0.91230403999999998</v>
      </c>
      <c r="T843">
        <v>1093.704</v>
      </c>
      <c r="U843">
        <v>428.61603000000002</v>
      </c>
      <c r="V843">
        <v>0.99694070000000001</v>
      </c>
      <c r="W843">
        <v>1097.3562999999999</v>
      </c>
      <c r="X843">
        <v>573.95105000000001</v>
      </c>
      <c r="Y843">
        <v>0.89461046</v>
      </c>
      <c r="Z843">
        <f t="shared" si="122"/>
        <v>1053.9696433333334</v>
      </c>
      <c r="AA843">
        <f t="shared" si="123"/>
        <v>502.14738000000006</v>
      </c>
      <c r="AB843">
        <f t="shared" si="124"/>
        <v>5.3184404778436924</v>
      </c>
      <c r="AC843">
        <f t="shared" si="125"/>
        <v>2.9100068487176083</v>
      </c>
    </row>
    <row r="844" spans="1:29" x14ac:dyDescent="0.4">
      <c r="A844">
        <v>841</v>
      </c>
      <c r="B844">
        <f t="shared" si="117"/>
        <v>28.033333333333335</v>
      </c>
      <c r="C844">
        <v>748.63025000000005</v>
      </c>
      <c r="D844">
        <v>490.61574999999999</v>
      </c>
      <c r="E844">
        <v>0.80916803999999998</v>
      </c>
      <c r="F844">
        <v>878.86329999999998</v>
      </c>
      <c r="G844">
        <v>427.08267000000001</v>
      </c>
      <c r="H844">
        <v>1</v>
      </c>
      <c r="I844">
        <v>867.76760000000002</v>
      </c>
      <c r="J844">
        <v>570.83130000000006</v>
      </c>
      <c r="K844">
        <v>0.98452300000000004</v>
      </c>
      <c r="L844">
        <f t="shared" si="118"/>
        <v>831.75371666666672</v>
      </c>
      <c r="M844">
        <f t="shared" si="119"/>
        <v>496.17657333333335</v>
      </c>
      <c r="N844">
        <f t="shared" si="120"/>
        <v>-3.7411910508986712</v>
      </c>
      <c r="O844">
        <f t="shared" si="121"/>
        <v>3.2296725132804198</v>
      </c>
      <c r="Q844">
        <v>970.78300000000002</v>
      </c>
      <c r="R844">
        <v>503.86259999999999</v>
      </c>
      <c r="S844">
        <v>0.90734079999999995</v>
      </c>
      <c r="T844">
        <v>1093.5714</v>
      </c>
      <c r="U844">
        <v>428.54613999999998</v>
      </c>
      <c r="V844">
        <v>0.99070203000000001</v>
      </c>
      <c r="W844">
        <v>1097.2572</v>
      </c>
      <c r="X844">
        <v>573.81320000000005</v>
      </c>
      <c r="Y844">
        <v>0.90416779999999997</v>
      </c>
      <c r="Z844">
        <f t="shared" si="122"/>
        <v>1053.8705333333335</v>
      </c>
      <c r="AA844">
        <f t="shared" si="123"/>
        <v>502.07397999999995</v>
      </c>
      <c r="AB844">
        <f t="shared" si="124"/>
        <v>5.3144093587346228</v>
      </c>
      <c r="AC844">
        <f t="shared" si="125"/>
        <v>2.9130369060232457</v>
      </c>
    </row>
    <row r="845" spans="1:29" x14ac:dyDescent="0.4">
      <c r="A845">
        <v>842</v>
      </c>
      <c r="B845">
        <f t="shared" si="117"/>
        <v>28.066666666666666</v>
      </c>
      <c r="C845">
        <v>748.49120000000005</v>
      </c>
      <c r="D845">
        <v>490.57763999999997</v>
      </c>
      <c r="E845">
        <v>0.81165533999999995</v>
      </c>
      <c r="F845">
        <v>878.83230000000003</v>
      </c>
      <c r="G845">
        <v>426.9753</v>
      </c>
      <c r="H845">
        <v>1</v>
      </c>
      <c r="I845">
        <v>867.69335999999998</v>
      </c>
      <c r="J845">
        <v>570.69759999999997</v>
      </c>
      <c r="K845">
        <v>0.96940740000000003</v>
      </c>
      <c r="L845">
        <f t="shared" si="118"/>
        <v>831.67228666666654</v>
      </c>
      <c r="M845">
        <f t="shared" si="119"/>
        <v>496.08351333333331</v>
      </c>
      <c r="N845">
        <f t="shared" si="120"/>
        <v>-3.7444703890824571</v>
      </c>
      <c r="O845">
        <f t="shared" si="121"/>
        <v>3.2334981902626434</v>
      </c>
      <c r="Q845">
        <v>970.71069999999997</v>
      </c>
      <c r="R845">
        <v>503.73320000000001</v>
      </c>
      <c r="S845">
        <v>0.92474940000000005</v>
      </c>
      <c r="T845">
        <v>1093.6497999999999</v>
      </c>
      <c r="U845">
        <v>428.44182999999998</v>
      </c>
      <c r="V845">
        <v>0.99235669999999998</v>
      </c>
      <c r="W845">
        <v>1097.2483</v>
      </c>
      <c r="X845">
        <v>573.79265999999996</v>
      </c>
      <c r="Y845">
        <v>0.89341930000000003</v>
      </c>
      <c r="Z845">
        <f t="shared" si="122"/>
        <v>1053.8696</v>
      </c>
      <c r="AA845">
        <f t="shared" si="123"/>
        <v>501.98922999999996</v>
      </c>
      <c r="AB845">
        <f t="shared" si="124"/>
        <v>5.3143986698491297</v>
      </c>
      <c r="AC845">
        <f t="shared" si="125"/>
        <v>2.9164963646496807</v>
      </c>
    </row>
    <row r="846" spans="1:29" x14ac:dyDescent="0.4">
      <c r="A846">
        <v>843</v>
      </c>
      <c r="B846">
        <f t="shared" si="117"/>
        <v>28.1</v>
      </c>
      <c r="C846">
        <v>748.46605999999997</v>
      </c>
      <c r="D846">
        <v>490.45600000000002</v>
      </c>
      <c r="E846">
        <v>0.81288000000000005</v>
      </c>
      <c r="F846">
        <v>878.78210000000001</v>
      </c>
      <c r="G846">
        <v>426.79590000000002</v>
      </c>
      <c r="H846">
        <v>1</v>
      </c>
      <c r="I846">
        <v>867.60040000000004</v>
      </c>
      <c r="J846">
        <v>570.58349999999996</v>
      </c>
      <c r="K846">
        <v>0.95827543999999998</v>
      </c>
      <c r="L846">
        <f t="shared" si="118"/>
        <v>831.61618666666675</v>
      </c>
      <c r="M846">
        <f t="shared" si="119"/>
        <v>495.94513333333333</v>
      </c>
      <c r="N846">
        <f t="shared" si="120"/>
        <v>-3.7467055262759295</v>
      </c>
      <c r="O846">
        <f t="shared" si="121"/>
        <v>3.2391649316385891</v>
      </c>
      <c r="Q846">
        <v>970.68510000000003</v>
      </c>
      <c r="R846">
        <v>503.66836999999998</v>
      </c>
      <c r="S846">
        <v>0.91468369999999999</v>
      </c>
      <c r="T846">
        <v>1093.7372</v>
      </c>
      <c r="U846">
        <v>428.33926000000002</v>
      </c>
      <c r="V846">
        <v>0.99631930000000002</v>
      </c>
      <c r="W846">
        <v>1097.117</v>
      </c>
      <c r="X846">
        <v>573.76666</v>
      </c>
      <c r="Y846">
        <v>0.89297884999999999</v>
      </c>
      <c r="Z846">
        <f t="shared" si="122"/>
        <v>1053.8464333333334</v>
      </c>
      <c r="AA846">
        <f t="shared" si="123"/>
        <v>501.92476333333337</v>
      </c>
      <c r="AB846">
        <f t="shared" si="124"/>
        <v>5.3134717592403478</v>
      </c>
      <c r="AC846">
        <f t="shared" si="125"/>
        <v>2.9191356081742432</v>
      </c>
    </row>
    <row r="847" spans="1:29" x14ac:dyDescent="0.4">
      <c r="A847">
        <v>844</v>
      </c>
      <c r="B847">
        <f t="shared" si="117"/>
        <v>28.133333333333333</v>
      </c>
      <c r="C847">
        <v>748.5027</v>
      </c>
      <c r="D847">
        <v>490.43610000000001</v>
      </c>
      <c r="E847">
        <v>0.82402520000000001</v>
      </c>
      <c r="F847">
        <v>878.73789999999997</v>
      </c>
      <c r="G847">
        <v>426.66131999999999</v>
      </c>
      <c r="H847">
        <v>1</v>
      </c>
      <c r="I847">
        <v>867.58050000000003</v>
      </c>
      <c r="J847">
        <v>570.53210000000001</v>
      </c>
      <c r="K847">
        <v>0.95816785000000004</v>
      </c>
      <c r="L847">
        <f t="shared" si="118"/>
        <v>831.60703333333333</v>
      </c>
      <c r="M847">
        <f t="shared" si="119"/>
        <v>495.87650666666667</v>
      </c>
      <c r="N847">
        <f t="shared" si="120"/>
        <v>-3.7470552641706156</v>
      </c>
      <c r="O847">
        <f t="shared" si="121"/>
        <v>3.2419689036640817</v>
      </c>
      <c r="Q847">
        <v>970.71529999999996</v>
      </c>
      <c r="R847">
        <v>503.69686999999999</v>
      </c>
      <c r="S847">
        <v>0.92041963000000004</v>
      </c>
      <c r="T847">
        <v>1093.6790000000001</v>
      </c>
      <c r="U847">
        <v>428.39409999999998</v>
      </c>
      <c r="V847">
        <v>0.992699</v>
      </c>
      <c r="W847">
        <v>1097.1324</v>
      </c>
      <c r="X847">
        <v>573.77</v>
      </c>
      <c r="Y847">
        <v>0.87758946000000004</v>
      </c>
      <c r="Z847">
        <f t="shared" si="122"/>
        <v>1053.8422333333333</v>
      </c>
      <c r="AA847">
        <f t="shared" si="123"/>
        <v>501.95365666666663</v>
      </c>
      <c r="AB847">
        <f t="shared" si="124"/>
        <v>5.3132905486173083</v>
      </c>
      <c r="AC847">
        <f t="shared" si="125"/>
        <v>2.9179577538998842</v>
      </c>
    </row>
    <row r="848" spans="1:29" x14ac:dyDescent="0.4">
      <c r="A848">
        <v>845</v>
      </c>
      <c r="B848">
        <f t="shared" si="117"/>
        <v>28.166666666666668</v>
      </c>
      <c r="C848">
        <v>748.29480000000001</v>
      </c>
      <c r="D848">
        <v>490.33409999999998</v>
      </c>
      <c r="E848">
        <v>0.82078870000000004</v>
      </c>
      <c r="F848">
        <v>878.67267000000004</v>
      </c>
      <c r="G848">
        <v>426.65427</v>
      </c>
      <c r="H848">
        <v>1</v>
      </c>
      <c r="I848">
        <v>867.45354999999995</v>
      </c>
      <c r="J848">
        <v>570.45574999999997</v>
      </c>
      <c r="K848">
        <v>0.96442220000000001</v>
      </c>
      <c r="L848">
        <f t="shared" si="118"/>
        <v>831.47367333333329</v>
      </c>
      <c r="M848">
        <f t="shared" si="119"/>
        <v>495.81470666666672</v>
      </c>
      <c r="N848">
        <f t="shared" si="120"/>
        <v>-3.7524553053844345</v>
      </c>
      <c r="O848">
        <f t="shared" si="121"/>
        <v>3.2445363501242972</v>
      </c>
      <c r="Q848">
        <v>970.67880000000002</v>
      </c>
      <c r="R848">
        <v>503.55360000000002</v>
      </c>
      <c r="S848">
        <v>0.92925537000000002</v>
      </c>
      <c r="T848">
        <v>1093.6760999999999</v>
      </c>
      <c r="U848">
        <v>428.34906000000001</v>
      </c>
      <c r="V848">
        <v>0.98620459999999999</v>
      </c>
      <c r="W848">
        <v>1097.0853999999999</v>
      </c>
      <c r="X848">
        <v>573.6277</v>
      </c>
      <c r="Y848">
        <v>0.88229769999999996</v>
      </c>
      <c r="Z848">
        <f t="shared" si="122"/>
        <v>1053.8134333333333</v>
      </c>
      <c r="AA848">
        <f t="shared" si="123"/>
        <v>501.84345333333334</v>
      </c>
      <c r="AB848">
        <f t="shared" si="124"/>
        <v>5.3121479997786194</v>
      </c>
      <c r="AC848">
        <f t="shared" si="125"/>
        <v>2.9224657131668041</v>
      </c>
    </row>
    <row r="849" spans="1:29" x14ac:dyDescent="0.4">
      <c r="A849">
        <v>846</v>
      </c>
      <c r="B849">
        <f t="shared" si="117"/>
        <v>28.2</v>
      </c>
      <c r="C849">
        <v>748.45776000000001</v>
      </c>
      <c r="D849">
        <v>490.1866</v>
      </c>
      <c r="E849">
        <v>0.82227189999999994</v>
      </c>
      <c r="F849">
        <v>878.70263999999997</v>
      </c>
      <c r="G849">
        <v>426.59750000000003</v>
      </c>
      <c r="H849">
        <v>1</v>
      </c>
      <c r="I849">
        <v>867.49680000000001</v>
      </c>
      <c r="J849">
        <v>570.26509999999996</v>
      </c>
      <c r="K849">
        <v>0.97234189999999998</v>
      </c>
      <c r="L849">
        <f t="shared" si="118"/>
        <v>831.55240000000003</v>
      </c>
      <c r="M849">
        <f t="shared" si="119"/>
        <v>495.68306666666666</v>
      </c>
      <c r="N849">
        <f t="shared" si="120"/>
        <v>-3.7492129120473145</v>
      </c>
      <c r="O849">
        <f t="shared" si="121"/>
        <v>3.2498823024597008</v>
      </c>
      <c r="Q849">
        <v>970.56330000000003</v>
      </c>
      <c r="R849">
        <v>503.61471999999998</v>
      </c>
      <c r="S849">
        <v>0.94228445999999999</v>
      </c>
      <c r="T849">
        <v>1093.7361000000001</v>
      </c>
      <c r="U849">
        <v>428.30624</v>
      </c>
      <c r="V849">
        <v>0.98620640000000004</v>
      </c>
      <c r="W849">
        <v>1096.9281000000001</v>
      </c>
      <c r="X849">
        <v>573.70636000000002</v>
      </c>
      <c r="Y849">
        <v>0.87373069999999997</v>
      </c>
      <c r="Z849">
        <f t="shared" si="122"/>
        <v>1053.7425000000001</v>
      </c>
      <c r="AA849">
        <f t="shared" si="123"/>
        <v>501.87577333333337</v>
      </c>
      <c r="AB849">
        <f t="shared" si="124"/>
        <v>5.3092353973587327</v>
      </c>
      <c r="AC849">
        <f t="shared" si="125"/>
        <v>2.9211710101244925</v>
      </c>
    </row>
    <row r="850" spans="1:29" x14ac:dyDescent="0.4">
      <c r="A850">
        <v>847</v>
      </c>
      <c r="B850">
        <f t="shared" si="117"/>
        <v>28.233333333333334</v>
      </c>
      <c r="C850">
        <v>748.44259999999997</v>
      </c>
      <c r="D850">
        <v>490.12130000000002</v>
      </c>
      <c r="E850">
        <v>0.8207295</v>
      </c>
      <c r="F850">
        <v>878.72064</v>
      </c>
      <c r="G850">
        <v>426.52084000000002</v>
      </c>
      <c r="H850">
        <v>1</v>
      </c>
      <c r="I850">
        <v>867.45240000000001</v>
      </c>
      <c r="J850">
        <v>570.17759999999998</v>
      </c>
      <c r="K850">
        <v>0.96351624000000002</v>
      </c>
      <c r="L850">
        <f t="shared" si="118"/>
        <v>831.53854666666666</v>
      </c>
      <c r="M850">
        <f t="shared" si="119"/>
        <v>495.60657999999995</v>
      </c>
      <c r="N850">
        <f t="shared" si="120"/>
        <v>-3.7497511174347133</v>
      </c>
      <c r="O850">
        <f t="shared" si="121"/>
        <v>3.2530086498651225</v>
      </c>
      <c r="Q850">
        <v>970.51733000000002</v>
      </c>
      <c r="R850">
        <v>503.57436999999999</v>
      </c>
      <c r="S850">
        <v>0.93823040000000002</v>
      </c>
      <c r="T850">
        <v>1093.6844000000001</v>
      </c>
      <c r="U850">
        <v>428.28341999999998</v>
      </c>
      <c r="V850">
        <v>0.98341953999999998</v>
      </c>
      <c r="W850">
        <v>1096.9141999999999</v>
      </c>
      <c r="X850">
        <v>573.79650000000004</v>
      </c>
      <c r="Y850">
        <v>0.88322853999999995</v>
      </c>
      <c r="Z850">
        <f t="shared" si="122"/>
        <v>1053.7053100000001</v>
      </c>
      <c r="AA850">
        <f t="shared" si="123"/>
        <v>501.8847633333333</v>
      </c>
      <c r="AB850">
        <f t="shared" si="124"/>
        <v>5.3077109176940578</v>
      </c>
      <c r="AC850">
        <f t="shared" si="125"/>
        <v>2.9208169013007108</v>
      </c>
    </row>
    <row r="851" spans="1:29" x14ac:dyDescent="0.4">
      <c r="A851">
        <v>848</v>
      </c>
      <c r="B851">
        <f t="shared" si="117"/>
        <v>28.266666666666666</v>
      </c>
      <c r="C851">
        <v>748.3931</v>
      </c>
      <c r="D851">
        <v>490.04217999999997</v>
      </c>
      <c r="E851">
        <v>0.81474524999999998</v>
      </c>
      <c r="F851">
        <v>878.63054999999997</v>
      </c>
      <c r="G851">
        <v>426.46469999999999</v>
      </c>
      <c r="H851">
        <v>0.99982135999999999</v>
      </c>
      <c r="I851">
        <v>867.45169999999996</v>
      </c>
      <c r="J851">
        <v>570.11536000000001</v>
      </c>
      <c r="K851">
        <v>0.95795359999999996</v>
      </c>
      <c r="L851">
        <f t="shared" si="118"/>
        <v>831.49178333333339</v>
      </c>
      <c r="M851">
        <f t="shared" si="119"/>
        <v>495.54074666666662</v>
      </c>
      <c r="N851">
        <f t="shared" si="120"/>
        <v>-3.7516303292963729</v>
      </c>
      <c r="O851">
        <f t="shared" si="121"/>
        <v>3.2557113536995623</v>
      </c>
      <c r="Q851">
        <v>970.46747000000005</v>
      </c>
      <c r="R851">
        <v>503.50405999999998</v>
      </c>
      <c r="S851">
        <v>0.93168329999999999</v>
      </c>
      <c r="T851">
        <v>1093.6583000000001</v>
      </c>
      <c r="U851">
        <v>428.24110000000002</v>
      </c>
      <c r="V851">
        <v>0.97805600000000004</v>
      </c>
      <c r="W851">
        <v>1096.7786000000001</v>
      </c>
      <c r="X851">
        <v>573.77686000000006</v>
      </c>
      <c r="Y851">
        <v>0.87110805999999996</v>
      </c>
      <c r="Z851">
        <f t="shared" si="122"/>
        <v>1053.6347900000001</v>
      </c>
      <c r="AA851">
        <f t="shared" si="123"/>
        <v>501.84067333333331</v>
      </c>
      <c r="AB851">
        <f t="shared" si="124"/>
        <v>5.3048400268285398</v>
      </c>
      <c r="AC851">
        <f t="shared" si="125"/>
        <v>2.9226407831624841</v>
      </c>
    </row>
    <row r="852" spans="1:29" x14ac:dyDescent="0.4">
      <c r="A852">
        <v>849</v>
      </c>
      <c r="B852">
        <f t="shared" si="117"/>
        <v>28.3</v>
      </c>
      <c r="C852">
        <v>748.52264000000002</v>
      </c>
      <c r="D852">
        <v>489.99326000000002</v>
      </c>
      <c r="E852">
        <v>0.81969862999999998</v>
      </c>
      <c r="F852">
        <v>878.6354</v>
      </c>
      <c r="G852">
        <v>426.33996999999999</v>
      </c>
      <c r="H852">
        <v>0.99210363999999995</v>
      </c>
      <c r="I852">
        <v>867.42930000000001</v>
      </c>
      <c r="J852">
        <v>570.05695000000003</v>
      </c>
      <c r="K852">
        <v>0.95973419999999998</v>
      </c>
      <c r="L852">
        <f t="shared" si="118"/>
        <v>831.52911333333338</v>
      </c>
      <c r="M852">
        <f t="shared" si="119"/>
        <v>495.46339333333327</v>
      </c>
      <c r="N852">
        <f t="shared" si="120"/>
        <v>-3.7500880279673616</v>
      </c>
      <c r="O852">
        <f t="shared" si="121"/>
        <v>3.2588557215373566</v>
      </c>
      <c r="Q852">
        <v>970.32669999999996</v>
      </c>
      <c r="R852">
        <v>503.44454999999999</v>
      </c>
      <c r="S852">
        <v>0.92463434</v>
      </c>
      <c r="T852">
        <v>1093.7153000000001</v>
      </c>
      <c r="U852">
        <v>428.1909</v>
      </c>
      <c r="V852">
        <v>0.97127010000000003</v>
      </c>
      <c r="W852">
        <v>1096.8041000000001</v>
      </c>
      <c r="X852">
        <v>573.74459999999999</v>
      </c>
      <c r="Y852">
        <v>0.88796050000000004</v>
      </c>
      <c r="Z852">
        <f t="shared" si="122"/>
        <v>1053.6153666666667</v>
      </c>
      <c r="AA852">
        <f t="shared" si="123"/>
        <v>501.79334999999998</v>
      </c>
      <c r="AB852">
        <f t="shared" si="124"/>
        <v>5.3040607122252093</v>
      </c>
      <c r="AC852">
        <f t="shared" si="125"/>
        <v>2.9245790150201727</v>
      </c>
    </row>
    <row r="853" spans="1:29" x14ac:dyDescent="0.4">
      <c r="A853">
        <v>850</v>
      </c>
      <c r="B853">
        <f t="shared" si="117"/>
        <v>28.333333333333332</v>
      </c>
      <c r="C853">
        <v>748.36419999999998</v>
      </c>
      <c r="D853">
        <v>490.05435</v>
      </c>
      <c r="E853">
        <v>0.82554185000000002</v>
      </c>
      <c r="F853">
        <v>878.63007000000005</v>
      </c>
      <c r="G853">
        <v>426.36525999999998</v>
      </c>
      <c r="H853">
        <v>0.99687199999999998</v>
      </c>
      <c r="I853">
        <v>867.49743999999998</v>
      </c>
      <c r="J853">
        <v>569.93060000000003</v>
      </c>
      <c r="K853">
        <v>0.96642519999999998</v>
      </c>
      <c r="L853">
        <f t="shared" si="118"/>
        <v>831.49723666666671</v>
      </c>
      <c r="M853">
        <f t="shared" si="119"/>
        <v>495.45007000000004</v>
      </c>
      <c r="N853">
        <f t="shared" si="120"/>
        <v>-3.7513792537078361</v>
      </c>
      <c r="O853">
        <f t="shared" si="121"/>
        <v>3.2594102890856065</v>
      </c>
      <c r="Q853">
        <v>970.35640000000001</v>
      </c>
      <c r="R853">
        <v>503.43927000000002</v>
      </c>
      <c r="S853">
        <v>0.92918060000000002</v>
      </c>
      <c r="T853">
        <v>1093.7012999999999</v>
      </c>
      <c r="U853">
        <v>428.01015999999998</v>
      </c>
      <c r="V853">
        <v>0.97384393000000002</v>
      </c>
      <c r="W853">
        <v>1096.7693999999999</v>
      </c>
      <c r="X853">
        <v>573.71436000000006</v>
      </c>
      <c r="Y853">
        <v>0.89072996000000004</v>
      </c>
      <c r="Z853">
        <f t="shared" si="122"/>
        <v>1053.6090333333332</v>
      </c>
      <c r="AA853">
        <f t="shared" si="123"/>
        <v>501.72126333333335</v>
      </c>
      <c r="AB853">
        <f t="shared" si="124"/>
        <v>5.3038249849656447</v>
      </c>
      <c r="AC853">
        <f t="shared" si="125"/>
        <v>2.927523463490362</v>
      </c>
    </row>
    <row r="854" spans="1:29" x14ac:dyDescent="0.4">
      <c r="A854">
        <v>851</v>
      </c>
      <c r="B854">
        <f t="shared" si="117"/>
        <v>28.366666666666667</v>
      </c>
      <c r="C854">
        <v>748.31330000000003</v>
      </c>
      <c r="D854">
        <v>489.96132999999998</v>
      </c>
      <c r="E854">
        <v>0.83326935999999996</v>
      </c>
      <c r="F854">
        <v>878.64200000000005</v>
      </c>
      <c r="G854">
        <v>426.23907000000003</v>
      </c>
      <c r="H854">
        <v>0.99458986999999999</v>
      </c>
      <c r="I854">
        <v>867.55119999999999</v>
      </c>
      <c r="J854">
        <v>569.80690000000004</v>
      </c>
      <c r="K854">
        <v>0.96755579999999997</v>
      </c>
      <c r="L854">
        <f t="shared" si="118"/>
        <v>831.50216666666665</v>
      </c>
      <c r="M854">
        <f t="shared" si="119"/>
        <v>495.33576666666664</v>
      </c>
      <c r="N854">
        <f t="shared" si="120"/>
        <v>-3.7511417770099031</v>
      </c>
      <c r="O854">
        <f t="shared" si="121"/>
        <v>3.2640736710883971</v>
      </c>
      <c r="Q854">
        <v>970.33820000000003</v>
      </c>
      <c r="R854">
        <v>503.3494</v>
      </c>
      <c r="S854">
        <v>0.92388219999999999</v>
      </c>
      <c r="T854">
        <v>1093.7526</v>
      </c>
      <c r="U854">
        <v>428.11565999999999</v>
      </c>
      <c r="V854">
        <v>0.98007889999999998</v>
      </c>
      <c r="W854">
        <v>1096.8185000000001</v>
      </c>
      <c r="X854">
        <v>573.64464999999996</v>
      </c>
      <c r="Y854">
        <v>0.88548684</v>
      </c>
      <c r="Z854">
        <f t="shared" si="122"/>
        <v>1053.6364333333333</v>
      </c>
      <c r="AA854">
        <f t="shared" si="123"/>
        <v>501.70323666666667</v>
      </c>
      <c r="AB854">
        <f t="shared" si="124"/>
        <v>5.3049518528437138</v>
      </c>
      <c r="AC854">
        <f t="shared" si="125"/>
        <v>2.9282497849646569</v>
      </c>
    </row>
    <row r="855" spans="1:29" x14ac:dyDescent="0.4">
      <c r="A855">
        <v>852</v>
      </c>
      <c r="B855">
        <f t="shared" si="117"/>
        <v>28.4</v>
      </c>
      <c r="C855">
        <v>748.24929999999995</v>
      </c>
      <c r="D855">
        <v>489.88350000000003</v>
      </c>
      <c r="E855">
        <v>0.8304376</v>
      </c>
      <c r="F855">
        <v>878.66570000000002</v>
      </c>
      <c r="G855">
        <v>426.14370000000002</v>
      </c>
      <c r="H855">
        <v>0.98943263000000004</v>
      </c>
      <c r="I855">
        <v>867.61220000000003</v>
      </c>
      <c r="J855">
        <v>569.7165</v>
      </c>
      <c r="K855">
        <v>0.9641788</v>
      </c>
      <c r="L855">
        <f t="shared" si="118"/>
        <v>831.50906666666663</v>
      </c>
      <c r="M855">
        <f t="shared" si="119"/>
        <v>495.24790000000002</v>
      </c>
      <c r="N855">
        <f t="shared" si="120"/>
        <v>-3.750832816755211</v>
      </c>
      <c r="O855">
        <f t="shared" si="121"/>
        <v>3.2676574240790983</v>
      </c>
      <c r="Q855">
        <v>970.32587000000001</v>
      </c>
      <c r="R855">
        <v>503.22199999999998</v>
      </c>
      <c r="S855">
        <v>0.92440670000000003</v>
      </c>
      <c r="T855">
        <v>1093.7013999999999</v>
      </c>
      <c r="U855">
        <v>428.04052999999999</v>
      </c>
      <c r="V855">
        <v>0.98543464999999997</v>
      </c>
      <c r="W855">
        <v>1096.7917</v>
      </c>
      <c r="X855">
        <v>573.53449999999998</v>
      </c>
      <c r="Y855">
        <v>0.89142853</v>
      </c>
      <c r="Z855">
        <f t="shared" si="122"/>
        <v>1053.6063233333334</v>
      </c>
      <c r="AA855">
        <f t="shared" si="123"/>
        <v>501.59900999999996</v>
      </c>
      <c r="AB855">
        <f t="shared" si="124"/>
        <v>5.3037537767323233</v>
      </c>
      <c r="AC855">
        <f t="shared" si="125"/>
        <v>2.9325142427889461</v>
      </c>
    </row>
    <row r="856" spans="1:29" x14ac:dyDescent="0.4">
      <c r="A856">
        <v>853</v>
      </c>
      <c r="B856">
        <f t="shared" si="117"/>
        <v>28.433333333333334</v>
      </c>
      <c r="C856">
        <v>748.28765999999996</v>
      </c>
      <c r="D856">
        <v>489.80950000000001</v>
      </c>
      <c r="E856">
        <v>0.82835809999999999</v>
      </c>
      <c r="F856">
        <v>878.60940000000005</v>
      </c>
      <c r="G856">
        <v>426.09894000000003</v>
      </c>
      <c r="H856">
        <v>0.99120090000000005</v>
      </c>
      <c r="I856">
        <v>867.65229999999997</v>
      </c>
      <c r="J856">
        <v>569.63890000000004</v>
      </c>
      <c r="K856">
        <v>0.96508579999999999</v>
      </c>
      <c r="L856">
        <f t="shared" si="118"/>
        <v>831.51645333333329</v>
      </c>
      <c r="M856">
        <f t="shared" si="119"/>
        <v>495.18244666666669</v>
      </c>
      <c r="N856">
        <f t="shared" si="120"/>
        <v>-3.7505113534582537</v>
      </c>
      <c r="O856">
        <f t="shared" si="121"/>
        <v>3.2703262573761651</v>
      </c>
      <c r="Q856">
        <v>970.28989999999999</v>
      </c>
      <c r="R856">
        <v>503.14343000000002</v>
      </c>
      <c r="S856">
        <v>0.91028799999999999</v>
      </c>
      <c r="T856">
        <v>1093.6079999999999</v>
      </c>
      <c r="U856">
        <v>428.03050000000002</v>
      </c>
      <c r="V856">
        <v>0.9827302</v>
      </c>
      <c r="W856">
        <v>1096.8705</v>
      </c>
      <c r="X856">
        <v>573.45105000000001</v>
      </c>
      <c r="Y856">
        <v>0.89583380000000001</v>
      </c>
      <c r="Z856">
        <f t="shared" si="122"/>
        <v>1053.5894666666666</v>
      </c>
      <c r="AA856">
        <f t="shared" si="123"/>
        <v>501.54166000000004</v>
      </c>
      <c r="AB856">
        <f t="shared" si="124"/>
        <v>5.303082726617955</v>
      </c>
      <c r="AC856">
        <f t="shared" si="125"/>
        <v>2.9348608287134765</v>
      </c>
    </row>
    <row r="857" spans="1:29" x14ac:dyDescent="0.4">
      <c r="A857">
        <v>854</v>
      </c>
      <c r="B857">
        <f t="shared" si="117"/>
        <v>28.466666666666665</v>
      </c>
      <c r="C857">
        <v>748.30364999999995</v>
      </c>
      <c r="D857">
        <v>489.77210000000002</v>
      </c>
      <c r="E857">
        <v>0.83195240000000004</v>
      </c>
      <c r="F857">
        <v>878.58799999999997</v>
      </c>
      <c r="G857">
        <v>425.99817000000002</v>
      </c>
      <c r="H857">
        <v>0.98722047000000002</v>
      </c>
      <c r="I857">
        <v>867.65530000000001</v>
      </c>
      <c r="J857">
        <v>569.67290000000003</v>
      </c>
      <c r="K857">
        <v>0.96486209999999994</v>
      </c>
      <c r="L857">
        <f t="shared" si="118"/>
        <v>831.51564999999994</v>
      </c>
      <c r="M857">
        <f t="shared" si="119"/>
        <v>495.14772333333332</v>
      </c>
      <c r="N857">
        <f t="shared" si="120"/>
        <v>-3.7505327298270563</v>
      </c>
      <c r="O857">
        <f t="shared" si="121"/>
        <v>3.2717436868479886</v>
      </c>
      <c r="Q857">
        <v>970.24369999999999</v>
      </c>
      <c r="R857">
        <v>503.09253000000001</v>
      </c>
      <c r="S857">
        <v>0.91279619999999995</v>
      </c>
      <c r="T857">
        <v>1093.7217000000001</v>
      </c>
      <c r="U857">
        <v>428.00686999999999</v>
      </c>
      <c r="V857">
        <v>0.98244964999999995</v>
      </c>
      <c r="W857">
        <v>1096.77</v>
      </c>
      <c r="X857">
        <v>573.37710000000004</v>
      </c>
      <c r="Y857">
        <v>0.88119740000000002</v>
      </c>
      <c r="Z857">
        <f t="shared" si="122"/>
        <v>1053.5784666666666</v>
      </c>
      <c r="AA857">
        <f t="shared" si="123"/>
        <v>501.49216666666672</v>
      </c>
      <c r="AB857">
        <f t="shared" si="124"/>
        <v>5.3026487418036021</v>
      </c>
      <c r="AC857">
        <f t="shared" si="125"/>
        <v>2.9368847195698873</v>
      </c>
    </row>
    <row r="858" spans="1:29" x14ac:dyDescent="0.4">
      <c r="A858">
        <v>855</v>
      </c>
      <c r="B858">
        <f t="shared" si="117"/>
        <v>28.5</v>
      </c>
      <c r="C858">
        <v>748.27850000000001</v>
      </c>
      <c r="D858">
        <v>489.61847</v>
      </c>
      <c r="E858">
        <v>0.8287812</v>
      </c>
      <c r="F858">
        <v>878.54549999999995</v>
      </c>
      <c r="G858">
        <v>425.96307000000002</v>
      </c>
      <c r="H858">
        <v>0.98064094999999996</v>
      </c>
      <c r="I858">
        <v>867.66920000000005</v>
      </c>
      <c r="J858">
        <v>569.6463</v>
      </c>
      <c r="K858">
        <v>0.96740746</v>
      </c>
      <c r="L858">
        <f t="shared" si="118"/>
        <v>831.49773333333326</v>
      </c>
      <c r="M858">
        <f t="shared" si="119"/>
        <v>495.07594666666665</v>
      </c>
      <c r="N858">
        <f t="shared" si="120"/>
        <v>-3.7512376069269866</v>
      </c>
      <c r="O858">
        <f t="shared" si="121"/>
        <v>3.2746791655026777</v>
      </c>
      <c r="Q858">
        <v>970.23410000000001</v>
      </c>
      <c r="R858">
        <v>503.00983000000002</v>
      </c>
      <c r="S858">
        <v>0.9092768</v>
      </c>
      <c r="T858">
        <v>1093.7112999999999</v>
      </c>
      <c r="U858">
        <v>428.09800000000001</v>
      </c>
      <c r="V858">
        <v>1</v>
      </c>
      <c r="W858">
        <v>1096.7190000000001</v>
      </c>
      <c r="X858">
        <v>573.28283999999996</v>
      </c>
      <c r="Y858">
        <v>0.89094585000000004</v>
      </c>
      <c r="Z858">
        <f t="shared" si="122"/>
        <v>1053.5548000000001</v>
      </c>
      <c r="AA858">
        <f t="shared" si="123"/>
        <v>501.46355666666665</v>
      </c>
      <c r="AB858">
        <f t="shared" si="124"/>
        <v>5.3016897496168429</v>
      </c>
      <c r="AC858">
        <f t="shared" si="125"/>
        <v>2.9380606130136213</v>
      </c>
    </row>
    <row r="859" spans="1:29" x14ac:dyDescent="0.4">
      <c r="A859">
        <v>856</v>
      </c>
      <c r="B859">
        <f t="shared" si="117"/>
        <v>28.533333333333335</v>
      </c>
      <c r="C859">
        <v>748.2133</v>
      </c>
      <c r="D859">
        <v>489.63819999999998</v>
      </c>
      <c r="E859">
        <v>0.82842910000000003</v>
      </c>
      <c r="F859">
        <v>878.51909999999998</v>
      </c>
      <c r="G859">
        <v>425.99065999999999</v>
      </c>
      <c r="H859">
        <v>0.98805624000000003</v>
      </c>
      <c r="I859">
        <v>867.62189999999998</v>
      </c>
      <c r="J859">
        <v>569.65150000000006</v>
      </c>
      <c r="K859">
        <v>0.95609164000000002</v>
      </c>
      <c r="L859">
        <f t="shared" si="118"/>
        <v>831.45143333333328</v>
      </c>
      <c r="M859">
        <f t="shared" si="119"/>
        <v>495.0934533333334</v>
      </c>
      <c r="N859">
        <f t="shared" si="120"/>
        <v>-3.7531250416261233</v>
      </c>
      <c r="O859">
        <f t="shared" si="121"/>
        <v>3.2739803607250497</v>
      </c>
      <c r="Q859">
        <v>970.26935000000003</v>
      </c>
      <c r="R859">
        <v>503.07315</v>
      </c>
      <c r="S859">
        <v>0.91767215999999996</v>
      </c>
      <c r="T859">
        <v>1093.7646</v>
      </c>
      <c r="U859">
        <v>428.02710000000002</v>
      </c>
      <c r="V859">
        <v>0.99038506000000004</v>
      </c>
      <c r="W859">
        <v>1096.6204</v>
      </c>
      <c r="X859">
        <v>573.32399999999996</v>
      </c>
      <c r="Y859">
        <v>0.87349825999999997</v>
      </c>
      <c r="Z859">
        <f t="shared" si="122"/>
        <v>1053.5514499999999</v>
      </c>
      <c r="AA859">
        <f t="shared" si="123"/>
        <v>501.47475000000003</v>
      </c>
      <c r="AB859">
        <f t="shared" si="124"/>
        <v>5.3015490591641781</v>
      </c>
      <c r="AC859">
        <f t="shared" si="125"/>
        <v>2.9376049063450687</v>
      </c>
    </row>
    <row r="860" spans="1:29" x14ac:dyDescent="0.4">
      <c r="A860">
        <v>857</v>
      </c>
      <c r="B860">
        <f t="shared" si="117"/>
        <v>28.566666666666666</v>
      </c>
      <c r="C860">
        <v>748.28925000000004</v>
      </c>
      <c r="D860">
        <v>489.33395000000002</v>
      </c>
      <c r="E860">
        <v>0.8225034</v>
      </c>
      <c r="F860">
        <v>878.35222999999996</v>
      </c>
      <c r="G860">
        <v>425.87990000000002</v>
      </c>
      <c r="H860">
        <v>0.98439659999999995</v>
      </c>
      <c r="I860">
        <v>867.55460000000005</v>
      </c>
      <c r="J860">
        <v>569.6431</v>
      </c>
      <c r="K860">
        <v>0.96386810000000001</v>
      </c>
      <c r="L860">
        <f t="shared" si="118"/>
        <v>831.39869333333343</v>
      </c>
      <c r="M860">
        <f t="shared" si="119"/>
        <v>494.95231666666672</v>
      </c>
      <c r="N860">
        <f t="shared" si="120"/>
        <v>-3.755222705833368</v>
      </c>
      <c r="O860">
        <f t="shared" si="121"/>
        <v>3.2797584112827547</v>
      </c>
      <c r="Q860">
        <v>970.39739999999995</v>
      </c>
      <c r="R860">
        <v>503.01413000000002</v>
      </c>
      <c r="S860">
        <v>0.90643410000000002</v>
      </c>
      <c r="T860">
        <v>1093.7969000000001</v>
      </c>
      <c r="U860">
        <v>427.99103000000002</v>
      </c>
      <c r="V860">
        <v>0.99303894999999998</v>
      </c>
      <c r="W860">
        <v>1096.6394</v>
      </c>
      <c r="X860">
        <v>573.41265999999996</v>
      </c>
      <c r="Y860">
        <v>0.88546899999999995</v>
      </c>
      <c r="Z860">
        <f t="shared" si="122"/>
        <v>1053.6112333333333</v>
      </c>
      <c r="AA860">
        <f t="shared" si="123"/>
        <v>501.47260666666671</v>
      </c>
      <c r="AB860">
        <f t="shared" si="124"/>
        <v>5.3039956731877052</v>
      </c>
      <c r="AC860">
        <f t="shared" si="125"/>
        <v>2.9376717725142876</v>
      </c>
    </row>
    <row r="861" spans="1:29" x14ac:dyDescent="0.4">
      <c r="A861">
        <v>858</v>
      </c>
      <c r="B861">
        <f t="shared" si="117"/>
        <v>28.6</v>
      </c>
      <c r="C861">
        <v>748.19434000000001</v>
      </c>
      <c r="D861">
        <v>489.44162</v>
      </c>
      <c r="E861">
        <v>0.83148485000000005</v>
      </c>
      <c r="F861">
        <v>878.37665000000004</v>
      </c>
      <c r="G861">
        <v>425.90872000000002</v>
      </c>
      <c r="H861">
        <v>1</v>
      </c>
      <c r="I861">
        <v>867.60500000000002</v>
      </c>
      <c r="J861">
        <v>569.62199999999996</v>
      </c>
      <c r="K861">
        <v>0.96454465</v>
      </c>
      <c r="L861">
        <f t="shared" si="118"/>
        <v>831.39199666666673</v>
      </c>
      <c r="M861">
        <f t="shared" si="119"/>
        <v>494.99077999999992</v>
      </c>
      <c r="N861">
        <f t="shared" si="120"/>
        <v>-3.7555073625800532</v>
      </c>
      <c r="O861">
        <f t="shared" si="121"/>
        <v>3.2781908867958025</v>
      </c>
      <c r="Q861">
        <v>970.34906000000001</v>
      </c>
      <c r="R861">
        <v>502.98032000000001</v>
      </c>
      <c r="S861">
        <v>0.90497550000000004</v>
      </c>
      <c r="T861">
        <v>1093.6846</v>
      </c>
      <c r="U861">
        <v>427.94583</v>
      </c>
      <c r="V861">
        <v>0.98911499999999997</v>
      </c>
      <c r="W861">
        <v>1096.6686999999999</v>
      </c>
      <c r="X861">
        <v>573.35879999999997</v>
      </c>
      <c r="Y861">
        <v>0.88458919999999996</v>
      </c>
      <c r="Z861">
        <f t="shared" si="122"/>
        <v>1053.5674533333333</v>
      </c>
      <c r="AA861">
        <f t="shared" si="123"/>
        <v>501.42831666666666</v>
      </c>
      <c r="AB861">
        <f t="shared" si="124"/>
        <v>5.3022188699560564</v>
      </c>
      <c r="AC861">
        <f t="shared" si="125"/>
        <v>2.9394945887400286</v>
      </c>
    </row>
    <row r="862" spans="1:29" x14ac:dyDescent="0.4">
      <c r="A862">
        <v>859</v>
      </c>
      <c r="B862">
        <f t="shared" si="117"/>
        <v>28.633333333333333</v>
      </c>
      <c r="C862">
        <v>748.20820000000003</v>
      </c>
      <c r="D862">
        <v>489.14710000000002</v>
      </c>
      <c r="E862">
        <v>0.82451010000000002</v>
      </c>
      <c r="F862">
        <v>878.42240000000004</v>
      </c>
      <c r="G862">
        <v>425.80972000000003</v>
      </c>
      <c r="H862">
        <v>0.99838979999999999</v>
      </c>
      <c r="I862">
        <v>867.68744000000004</v>
      </c>
      <c r="J862">
        <v>569.46906000000001</v>
      </c>
      <c r="K862">
        <v>0.94680315000000004</v>
      </c>
      <c r="L862">
        <f t="shared" si="118"/>
        <v>831.43934666666667</v>
      </c>
      <c r="M862">
        <f t="shared" si="119"/>
        <v>494.80862666666673</v>
      </c>
      <c r="N862">
        <f t="shared" si="120"/>
        <v>-3.7535238013113941</v>
      </c>
      <c r="O862">
        <f t="shared" si="121"/>
        <v>3.2856090107226676</v>
      </c>
      <c r="Q862">
        <v>970.37914999999998</v>
      </c>
      <c r="R862">
        <v>502.93527</v>
      </c>
      <c r="S862">
        <v>0.91867536000000005</v>
      </c>
      <c r="T862">
        <v>1093.7394999999999</v>
      </c>
      <c r="U862">
        <v>427.97217000000001</v>
      </c>
      <c r="V862">
        <v>0.99091549999999995</v>
      </c>
      <c r="W862">
        <v>1096.7634</v>
      </c>
      <c r="X862">
        <v>573.32550000000003</v>
      </c>
      <c r="Y862">
        <v>0.8949743</v>
      </c>
      <c r="Z862">
        <f t="shared" si="122"/>
        <v>1053.62735</v>
      </c>
      <c r="AA862">
        <f t="shared" si="123"/>
        <v>501.41097999999994</v>
      </c>
      <c r="AB862">
        <f t="shared" si="124"/>
        <v>5.3046750516960746</v>
      </c>
      <c r="AC862">
        <f t="shared" si="125"/>
        <v>2.9401815394040938</v>
      </c>
    </row>
    <row r="863" spans="1:29" x14ac:dyDescent="0.4">
      <c r="A863">
        <v>860</v>
      </c>
      <c r="B863">
        <f t="shared" si="117"/>
        <v>28.666666666666668</v>
      </c>
      <c r="C863">
        <v>748.14013999999997</v>
      </c>
      <c r="D863">
        <v>489.36610000000002</v>
      </c>
      <c r="E863">
        <v>0.82503139999999997</v>
      </c>
      <c r="F863">
        <v>878.36440000000005</v>
      </c>
      <c r="G863">
        <v>425.75857999999999</v>
      </c>
      <c r="H863">
        <v>0.99682570000000004</v>
      </c>
      <c r="I863">
        <v>867.64966000000004</v>
      </c>
      <c r="J863">
        <v>569.37980000000005</v>
      </c>
      <c r="K863">
        <v>0.93259250000000005</v>
      </c>
      <c r="L863">
        <f t="shared" si="118"/>
        <v>831.38473333333332</v>
      </c>
      <c r="M863">
        <f t="shared" si="119"/>
        <v>494.83482666666669</v>
      </c>
      <c r="N863">
        <f t="shared" si="120"/>
        <v>-3.7557519296717143</v>
      </c>
      <c r="O863">
        <f t="shared" si="121"/>
        <v>3.28455822704171</v>
      </c>
      <c r="Q863">
        <v>970.32042999999999</v>
      </c>
      <c r="R863">
        <v>502.85430000000002</v>
      </c>
      <c r="S863">
        <v>0.92249994999999996</v>
      </c>
      <c r="T863">
        <v>1093.7245</v>
      </c>
      <c r="U863">
        <v>428.01166000000001</v>
      </c>
      <c r="V863">
        <v>0.99712769999999995</v>
      </c>
      <c r="W863">
        <v>1096.5378000000001</v>
      </c>
      <c r="X863">
        <v>573.34990000000005</v>
      </c>
      <c r="Y863">
        <v>0.88445589999999996</v>
      </c>
      <c r="Z863">
        <f t="shared" si="122"/>
        <v>1053.5275766666666</v>
      </c>
      <c r="AA863">
        <f t="shared" si="123"/>
        <v>501.40528666666677</v>
      </c>
      <c r="AB863">
        <f t="shared" si="124"/>
        <v>5.3005948679549331</v>
      </c>
      <c r="AC863">
        <f t="shared" si="125"/>
        <v>2.9404483205706908</v>
      </c>
    </row>
    <row r="864" spans="1:29" x14ac:dyDescent="0.4">
      <c r="A864">
        <v>861</v>
      </c>
      <c r="B864">
        <f t="shared" si="117"/>
        <v>28.7</v>
      </c>
      <c r="C864">
        <v>748.09090000000003</v>
      </c>
      <c r="D864">
        <v>489.12011999999999</v>
      </c>
      <c r="E864">
        <v>0.80653280000000005</v>
      </c>
      <c r="F864">
        <v>878.36839999999995</v>
      </c>
      <c r="G864">
        <v>425.68686000000002</v>
      </c>
      <c r="H864">
        <v>0.99852467</v>
      </c>
      <c r="I864">
        <v>867.7097</v>
      </c>
      <c r="J864">
        <v>569.26300000000003</v>
      </c>
      <c r="K864">
        <v>0.92518484999999995</v>
      </c>
      <c r="L864">
        <f t="shared" si="118"/>
        <v>831.38966666666659</v>
      </c>
      <c r="M864">
        <f t="shared" si="119"/>
        <v>494.6899933333334</v>
      </c>
      <c r="N864">
        <f t="shared" si="120"/>
        <v>-3.755504403790308</v>
      </c>
      <c r="O864">
        <f t="shared" si="121"/>
        <v>3.2904675871247289</v>
      </c>
      <c r="Q864">
        <v>970.27859999999998</v>
      </c>
      <c r="R864">
        <v>502.86180000000002</v>
      </c>
      <c r="S864">
        <v>0.92855359999999998</v>
      </c>
      <c r="T864">
        <v>1093.6808000000001</v>
      </c>
      <c r="U864">
        <v>427.94164999999998</v>
      </c>
      <c r="V864">
        <v>0.98210030000000004</v>
      </c>
      <c r="W864">
        <v>1096.3245999999999</v>
      </c>
      <c r="X864">
        <v>573.31110000000001</v>
      </c>
      <c r="Y864">
        <v>0.87089269999999996</v>
      </c>
      <c r="Z864">
        <f t="shared" si="122"/>
        <v>1053.4280000000001</v>
      </c>
      <c r="AA864">
        <f t="shared" si="123"/>
        <v>501.37151666666665</v>
      </c>
      <c r="AB864">
        <f t="shared" si="124"/>
        <v>5.2965318525038185</v>
      </c>
      <c r="AC864">
        <f t="shared" si="125"/>
        <v>2.9418609967040052</v>
      </c>
    </row>
    <row r="865" spans="1:29" x14ac:dyDescent="0.4">
      <c r="A865">
        <v>862</v>
      </c>
      <c r="B865">
        <f t="shared" si="117"/>
        <v>28.733333333333334</v>
      </c>
      <c r="C865">
        <v>748.02329999999995</v>
      </c>
      <c r="D865">
        <v>489.11102</v>
      </c>
      <c r="E865">
        <v>0.81467414000000005</v>
      </c>
      <c r="F865">
        <v>878.33709999999996</v>
      </c>
      <c r="G865">
        <v>425.60986000000003</v>
      </c>
      <c r="H865">
        <v>0.9912588</v>
      </c>
      <c r="I865">
        <v>867.72577000000001</v>
      </c>
      <c r="J865">
        <v>569.2518</v>
      </c>
      <c r="K865">
        <v>0.93322510000000003</v>
      </c>
      <c r="L865">
        <f t="shared" si="118"/>
        <v>831.36205666666672</v>
      </c>
      <c r="M865">
        <f t="shared" si="119"/>
        <v>494.65756000000005</v>
      </c>
      <c r="N865">
        <f t="shared" si="120"/>
        <v>-3.75661601159806</v>
      </c>
      <c r="O865">
        <f t="shared" si="121"/>
        <v>3.2918006331011349</v>
      </c>
      <c r="Q865">
        <v>970.24523999999997</v>
      </c>
      <c r="R865">
        <v>502.75963999999999</v>
      </c>
      <c r="S865">
        <v>0.92882209999999998</v>
      </c>
      <c r="T865">
        <v>1093.6875</v>
      </c>
      <c r="U865">
        <v>427.83877999999999</v>
      </c>
      <c r="V865">
        <v>0.98498770000000002</v>
      </c>
      <c r="W865">
        <v>1096.3268</v>
      </c>
      <c r="X865">
        <v>573.25919999999996</v>
      </c>
      <c r="Y865">
        <v>0.89272609999999997</v>
      </c>
      <c r="Z865">
        <f t="shared" si="122"/>
        <v>1053.4198466666667</v>
      </c>
      <c r="AA865">
        <f t="shared" si="123"/>
        <v>501.28587333333331</v>
      </c>
      <c r="AB865">
        <f t="shared" si="124"/>
        <v>5.2962260649597166</v>
      </c>
      <c r="AC865">
        <f t="shared" si="125"/>
        <v>2.9453593811830121</v>
      </c>
    </row>
    <row r="866" spans="1:29" x14ac:dyDescent="0.4">
      <c r="A866">
        <v>863</v>
      </c>
      <c r="B866">
        <f t="shared" si="117"/>
        <v>28.766666666666666</v>
      </c>
      <c r="C866">
        <v>747.90734999999995</v>
      </c>
      <c r="D866">
        <v>489.06418000000002</v>
      </c>
      <c r="E866">
        <v>0.8103205</v>
      </c>
      <c r="F866">
        <v>878.41549999999995</v>
      </c>
      <c r="G866">
        <v>425.54766999999998</v>
      </c>
      <c r="H866">
        <v>0.99390140000000005</v>
      </c>
      <c r="I866">
        <v>867.70219999999995</v>
      </c>
      <c r="J866">
        <v>569.17364999999995</v>
      </c>
      <c r="K866">
        <v>0.93875973999999995</v>
      </c>
      <c r="L866">
        <f t="shared" si="118"/>
        <v>831.34168333333344</v>
      </c>
      <c r="M866">
        <f t="shared" si="119"/>
        <v>494.59516666666667</v>
      </c>
      <c r="N866">
        <f t="shared" si="120"/>
        <v>-3.7574237756610174</v>
      </c>
      <c r="O866">
        <f t="shared" si="121"/>
        <v>3.294353971122328</v>
      </c>
      <c r="Q866">
        <v>970.14200000000005</v>
      </c>
      <c r="R866">
        <v>502.80167</v>
      </c>
      <c r="S866">
        <v>0.9367162</v>
      </c>
      <c r="T866">
        <v>1093.7304999999999</v>
      </c>
      <c r="U866">
        <v>427.7749</v>
      </c>
      <c r="V866">
        <v>0.98136449999999997</v>
      </c>
      <c r="W866">
        <v>1096.3169</v>
      </c>
      <c r="X866">
        <v>573.22310000000004</v>
      </c>
      <c r="Y866">
        <v>0.89582119999999998</v>
      </c>
      <c r="Z866">
        <f t="shared" si="122"/>
        <v>1053.3964666666668</v>
      </c>
      <c r="AA866">
        <f t="shared" si="123"/>
        <v>501.26655666666665</v>
      </c>
      <c r="AB866">
        <f t="shared" si="124"/>
        <v>5.2952757904475636</v>
      </c>
      <c r="AC866">
        <f t="shared" si="125"/>
        <v>2.9461558616286956</v>
      </c>
    </row>
    <row r="867" spans="1:29" x14ac:dyDescent="0.4">
      <c r="A867">
        <v>864</v>
      </c>
      <c r="B867">
        <f t="shared" si="117"/>
        <v>28.8</v>
      </c>
      <c r="C867">
        <v>747.89620000000002</v>
      </c>
      <c r="D867">
        <v>489.12905999999998</v>
      </c>
      <c r="E867">
        <v>0.80045639999999996</v>
      </c>
      <c r="F867">
        <v>878.39954</v>
      </c>
      <c r="G867">
        <v>425.48257000000001</v>
      </c>
      <c r="H867">
        <v>0.98433559999999998</v>
      </c>
      <c r="I867">
        <v>867.67615000000001</v>
      </c>
      <c r="J867">
        <v>569.10619999999994</v>
      </c>
      <c r="K867">
        <v>0.95308099999999996</v>
      </c>
      <c r="L867">
        <f t="shared" si="118"/>
        <v>831.32396333333327</v>
      </c>
      <c r="M867">
        <f t="shared" si="119"/>
        <v>494.57261</v>
      </c>
      <c r="N867">
        <f t="shared" si="120"/>
        <v>-3.7581366353380155</v>
      </c>
      <c r="O867">
        <f t="shared" si="121"/>
        <v>3.2952805719557503</v>
      </c>
      <c r="Q867">
        <v>970.08092999999997</v>
      </c>
      <c r="R867">
        <v>502.68975999999998</v>
      </c>
      <c r="S867">
        <v>0.93935069999999998</v>
      </c>
      <c r="T867">
        <v>1093.8140000000001</v>
      </c>
      <c r="U867">
        <v>427.78564</v>
      </c>
      <c r="V867">
        <v>0.96784610000000004</v>
      </c>
      <c r="W867">
        <v>1096.2276999999999</v>
      </c>
      <c r="X867">
        <v>573.14760000000001</v>
      </c>
      <c r="Y867">
        <v>0.88654922999999997</v>
      </c>
      <c r="Z867">
        <f t="shared" si="122"/>
        <v>1053.3742099999999</v>
      </c>
      <c r="AA867">
        <f t="shared" si="123"/>
        <v>501.20766666666668</v>
      </c>
      <c r="AB867">
        <f t="shared" si="124"/>
        <v>5.2943843157797144</v>
      </c>
      <c r="AC867">
        <f t="shared" si="125"/>
        <v>2.9485671570658591</v>
      </c>
    </row>
    <row r="868" spans="1:29" x14ac:dyDescent="0.4">
      <c r="A868">
        <v>865</v>
      </c>
      <c r="B868">
        <f t="shared" si="117"/>
        <v>28.833333333333332</v>
      </c>
      <c r="C868">
        <v>747.78779999999995</v>
      </c>
      <c r="D868">
        <v>488.88670000000002</v>
      </c>
      <c r="E868">
        <v>0.80897070000000004</v>
      </c>
      <c r="F868">
        <v>878.35442999999998</v>
      </c>
      <c r="G868">
        <v>425.45163000000002</v>
      </c>
      <c r="H868">
        <v>0.97207940000000004</v>
      </c>
      <c r="I868">
        <v>867.58330000000001</v>
      </c>
      <c r="J868">
        <v>569.0761</v>
      </c>
      <c r="K868">
        <v>0.95696289999999995</v>
      </c>
      <c r="L868">
        <f t="shared" si="118"/>
        <v>831.24184333333324</v>
      </c>
      <c r="M868">
        <f t="shared" si="119"/>
        <v>494.47147666666666</v>
      </c>
      <c r="N868">
        <f t="shared" si="120"/>
        <v>-3.7614413482771427</v>
      </c>
      <c r="O868">
        <f t="shared" si="121"/>
        <v>3.2994359108097098</v>
      </c>
      <c r="Q868">
        <v>970.00885000000005</v>
      </c>
      <c r="R868">
        <v>502.53644000000003</v>
      </c>
      <c r="S868">
        <v>0.92620179999999996</v>
      </c>
      <c r="T868">
        <v>1093.8153</v>
      </c>
      <c r="U868">
        <v>427.72160000000002</v>
      </c>
      <c r="V868">
        <v>0.97536750000000005</v>
      </c>
      <c r="W868">
        <v>1096.0063</v>
      </c>
      <c r="X868">
        <v>573.15985000000001</v>
      </c>
      <c r="Y868">
        <v>0.87775546000000004</v>
      </c>
      <c r="Z868">
        <f t="shared" si="122"/>
        <v>1053.2768166666667</v>
      </c>
      <c r="AA868">
        <f t="shared" si="123"/>
        <v>501.13929666666672</v>
      </c>
      <c r="AB868">
        <f t="shared" si="124"/>
        <v>5.2904218719690475</v>
      </c>
      <c r="AC868">
        <f t="shared" si="125"/>
        <v>2.9513912898005574</v>
      </c>
    </row>
    <row r="869" spans="1:29" x14ac:dyDescent="0.4">
      <c r="A869">
        <v>866</v>
      </c>
      <c r="B869">
        <f t="shared" si="117"/>
        <v>28.866666666666667</v>
      </c>
      <c r="C869">
        <v>747.77966000000004</v>
      </c>
      <c r="D869">
        <v>488.44125000000003</v>
      </c>
      <c r="E869">
        <v>0.80732300000000001</v>
      </c>
      <c r="F869">
        <v>878.26013</v>
      </c>
      <c r="G869">
        <v>425.44067000000001</v>
      </c>
      <c r="H869">
        <v>0.96665685999999995</v>
      </c>
      <c r="I869">
        <v>867.46640000000002</v>
      </c>
      <c r="J869">
        <v>568.89970000000005</v>
      </c>
      <c r="K869">
        <v>0.95870655999999999</v>
      </c>
      <c r="L869">
        <f t="shared" si="118"/>
        <v>831.16872999999998</v>
      </c>
      <c r="M869">
        <f t="shared" si="119"/>
        <v>494.26054000000005</v>
      </c>
      <c r="N869">
        <f t="shared" si="120"/>
        <v>-3.7643443506496959</v>
      </c>
      <c r="O869">
        <f t="shared" si="121"/>
        <v>3.3080695365952129</v>
      </c>
      <c r="Q869">
        <v>970.08069999999998</v>
      </c>
      <c r="R869">
        <v>502.43110000000001</v>
      </c>
      <c r="S869">
        <v>0.92934559999999999</v>
      </c>
      <c r="T869">
        <v>1093.7146</v>
      </c>
      <c r="U869">
        <v>427.71749999999997</v>
      </c>
      <c r="V869">
        <v>0.97560142999999999</v>
      </c>
      <c r="W869">
        <v>1095.9812999999999</v>
      </c>
      <c r="X869">
        <v>573.04125999999997</v>
      </c>
      <c r="Y869">
        <v>0.86626965</v>
      </c>
      <c r="Z869">
        <f t="shared" si="122"/>
        <v>1053.2588666666666</v>
      </c>
      <c r="AA869">
        <f t="shared" si="123"/>
        <v>501.06328666666667</v>
      </c>
      <c r="AB869">
        <f t="shared" si="124"/>
        <v>5.2897121529953974</v>
      </c>
      <c r="AC869">
        <f t="shared" si="125"/>
        <v>2.9544998558871751</v>
      </c>
    </row>
    <row r="870" spans="1:29" x14ac:dyDescent="0.4">
      <c r="A870">
        <v>867</v>
      </c>
      <c r="B870">
        <f t="shared" si="117"/>
        <v>28.9</v>
      </c>
      <c r="C870">
        <v>747.79894999999999</v>
      </c>
      <c r="D870">
        <v>488.52307000000002</v>
      </c>
      <c r="E870">
        <v>0.8128088</v>
      </c>
      <c r="F870">
        <v>878.21172999999999</v>
      </c>
      <c r="G870">
        <v>425.34363000000002</v>
      </c>
      <c r="H870">
        <v>0.96824169999999998</v>
      </c>
      <c r="I870">
        <v>867.31709999999998</v>
      </c>
      <c r="J870">
        <v>568.7989</v>
      </c>
      <c r="K870">
        <v>0.96876704999999996</v>
      </c>
      <c r="L870">
        <f t="shared" si="118"/>
        <v>831.10925999999984</v>
      </c>
      <c r="M870">
        <f t="shared" si="119"/>
        <v>494.2218666666667</v>
      </c>
      <c r="N870">
        <f t="shared" si="120"/>
        <v>-3.766748783274497</v>
      </c>
      <c r="O870">
        <f t="shared" si="121"/>
        <v>3.3096680429785401</v>
      </c>
      <c r="Q870">
        <v>970.08716000000004</v>
      </c>
      <c r="R870">
        <v>502.33179999999999</v>
      </c>
      <c r="S870">
        <v>0.91631609999999997</v>
      </c>
      <c r="T870">
        <v>1093.6677999999999</v>
      </c>
      <c r="U870">
        <v>427.66539999999998</v>
      </c>
      <c r="V870">
        <v>0.97784850000000001</v>
      </c>
      <c r="W870">
        <v>1096.0264999999999</v>
      </c>
      <c r="X870">
        <v>572.90390000000002</v>
      </c>
      <c r="Y870">
        <v>0.86839010000000005</v>
      </c>
      <c r="Z870">
        <f t="shared" si="122"/>
        <v>1053.2604866666668</v>
      </c>
      <c r="AA870">
        <f t="shared" si="123"/>
        <v>500.96703333333335</v>
      </c>
      <c r="AB870">
        <f t="shared" si="124"/>
        <v>5.2898096636851637</v>
      </c>
      <c r="AC870">
        <f t="shared" si="125"/>
        <v>2.9584279094469941</v>
      </c>
    </row>
    <row r="871" spans="1:29" x14ac:dyDescent="0.4">
      <c r="A871">
        <v>868</v>
      </c>
      <c r="B871">
        <f t="shared" si="117"/>
        <v>28.933333333333334</v>
      </c>
      <c r="C871">
        <v>747.89739999999995</v>
      </c>
      <c r="D871">
        <v>488.18831999999998</v>
      </c>
      <c r="E871">
        <v>0.81084710000000004</v>
      </c>
      <c r="F871">
        <v>878.18005000000005</v>
      </c>
      <c r="G871">
        <v>425.25220000000002</v>
      </c>
      <c r="H871">
        <v>0.96862179999999998</v>
      </c>
      <c r="I871">
        <v>867.20259999999996</v>
      </c>
      <c r="J871">
        <v>568.66985999999997</v>
      </c>
      <c r="K871">
        <v>0.97064846999999999</v>
      </c>
      <c r="L871">
        <f t="shared" si="118"/>
        <v>831.09334999999999</v>
      </c>
      <c r="M871">
        <f t="shared" si="119"/>
        <v>494.03679333333338</v>
      </c>
      <c r="N871">
        <f t="shared" si="120"/>
        <v>-3.7673353079541214</v>
      </c>
      <c r="O871">
        <f t="shared" si="121"/>
        <v>3.317226717337932</v>
      </c>
      <c r="Q871">
        <v>970.12220000000002</v>
      </c>
      <c r="R871">
        <v>502.22620000000001</v>
      </c>
      <c r="S871">
        <v>0.91437685000000002</v>
      </c>
      <c r="T871">
        <v>1093.6423</v>
      </c>
      <c r="U871">
        <v>427.68695000000002</v>
      </c>
      <c r="V871">
        <v>0.97151909999999997</v>
      </c>
      <c r="W871">
        <v>1095.9574</v>
      </c>
      <c r="X871">
        <v>572.89324999999997</v>
      </c>
      <c r="Y871">
        <v>0.86540399999999995</v>
      </c>
      <c r="Z871">
        <f t="shared" si="122"/>
        <v>1053.2406333333336</v>
      </c>
      <c r="AA871">
        <f t="shared" si="123"/>
        <v>500.93546666666663</v>
      </c>
      <c r="AB871">
        <f t="shared" si="124"/>
        <v>5.289007654017067</v>
      </c>
      <c r="AC871">
        <f t="shared" si="125"/>
        <v>2.9597231585582136</v>
      </c>
    </row>
    <row r="872" spans="1:29" x14ac:dyDescent="0.4">
      <c r="A872">
        <v>869</v>
      </c>
      <c r="B872">
        <f t="shared" si="117"/>
        <v>28.966666666666665</v>
      </c>
      <c r="C872">
        <v>747.86320000000001</v>
      </c>
      <c r="D872">
        <v>488.24292000000003</v>
      </c>
      <c r="E872">
        <v>0.8136177</v>
      </c>
      <c r="F872">
        <v>878.17729999999995</v>
      </c>
      <c r="G872">
        <v>425.11853000000002</v>
      </c>
      <c r="H872">
        <v>0.97085589999999999</v>
      </c>
      <c r="I872">
        <v>867.18209999999999</v>
      </c>
      <c r="J872">
        <v>568.55273</v>
      </c>
      <c r="K872">
        <v>0.97145015000000001</v>
      </c>
      <c r="L872">
        <f t="shared" si="118"/>
        <v>831.07420000000002</v>
      </c>
      <c r="M872">
        <f t="shared" si="119"/>
        <v>493.97139333333342</v>
      </c>
      <c r="N872">
        <f t="shared" si="120"/>
        <v>-3.7680923691053954</v>
      </c>
      <c r="O872">
        <f t="shared" si="121"/>
        <v>3.3199023330017559</v>
      </c>
      <c r="Q872">
        <v>970.10320000000002</v>
      </c>
      <c r="R872">
        <v>502.14902000000001</v>
      </c>
      <c r="S872">
        <v>0.92571985999999995</v>
      </c>
      <c r="T872">
        <v>1093.5488</v>
      </c>
      <c r="U872">
        <v>427.72590000000002</v>
      </c>
      <c r="V872">
        <v>0.97564360000000006</v>
      </c>
      <c r="W872">
        <v>1095.9119000000001</v>
      </c>
      <c r="X872">
        <v>572.82416000000001</v>
      </c>
      <c r="Y872">
        <v>0.87184273999999995</v>
      </c>
      <c r="Z872">
        <f t="shared" si="122"/>
        <v>1053.1879666666666</v>
      </c>
      <c r="AA872">
        <f t="shared" si="123"/>
        <v>500.89969333333329</v>
      </c>
      <c r="AB872">
        <f t="shared" si="124"/>
        <v>5.286864531320612</v>
      </c>
      <c r="AC872">
        <f t="shared" si="125"/>
        <v>2.9612014182523017</v>
      </c>
    </row>
    <row r="873" spans="1:29" x14ac:dyDescent="0.4">
      <c r="A873">
        <v>870</v>
      </c>
      <c r="B873">
        <f t="shared" si="117"/>
        <v>29</v>
      </c>
      <c r="C873">
        <v>747.78279999999995</v>
      </c>
      <c r="D873">
        <v>488.17545000000001</v>
      </c>
      <c r="E873">
        <v>0.82257979999999997</v>
      </c>
      <c r="F873">
        <v>878.18140000000005</v>
      </c>
      <c r="G873">
        <v>425.03309999999999</v>
      </c>
      <c r="H873">
        <v>0.96457459999999995</v>
      </c>
      <c r="I873">
        <v>867.19182999999998</v>
      </c>
      <c r="J873">
        <v>568.51262999999994</v>
      </c>
      <c r="K873">
        <v>0.97328000000000003</v>
      </c>
      <c r="L873">
        <f t="shared" si="118"/>
        <v>831.05201</v>
      </c>
      <c r="M873">
        <f t="shared" si="119"/>
        <v>493.90706</v>
      </c>
      <c r="N873">
        <f t="shared" si="120"/>
        <v>-3.7689733278752784</v>
      </c>
      <c r="O873">
        <f t="shared" si="121"/>
        <v>3.3225354439406654</v>
      </c>
      <c r="Q873">
        <v>970.03734999999995</v>
      </c>
      <c r="R873">
        <v>502.08807000000002</v>
      </c>
      <c r="S873">
        <v>0.9236761</v>
      </c>
      <c r="T873">
        <v>1093.6007999999999</v>
      </c>
      <c r="U873">
        <v>427.64931999999999</v>
      </c>
      <c r="V873">
        <v>0.97463155000000001</v>
      </c>
      <c r="W873">
        <v>1095.8232</v>
      </c>
      <c r="X873">
        <v>572.91076999999996</v>
      </c>
      <c r="Y873">
        <v>0.88006269999999998</v>
      </c>
      <c r="Z873">
        <f t="shared" si="122"/>
        <v>1053.1537833333332</v>
      </c>
      <c r="AA873">
        <f t="shared" si="123"/>
        <v>500.88272000000001</v>
      </c>
      <c r="AB873">
        <f t="shared" si="124"/>
        <v>5.285471511489277</v>
      </c>
      <c r="AC873">
        <f t="shared" si="125"/>
        <v>2.9619059767419014</v>
      </c>
    </row>
    <row r="874" spans="1:29" x14ac:dyDescent="0.4">
      <c r="A874">
        <v>871</v>
      </c>
      <c r="B874">
        <f t="shared" si="117"/>
        <v>29.033333333333335</v>
      </c>
      <c r="C874">
        <v>747.75310000000002</v>
      </c>
      <c r="D874">
        <v>488.26456000000002</v>
      </c>
      <c r="E874">
        <v>0.82143330000000003</v>
      </c>
      <c r="F874">
        <v>878.17084</v>
      </c>
      <c r="G874">
        <v>424.9597</v>
      </c>
      <c r="H874">
        <v>0.96222085000000002</v>
      </c>
      <c r="I874">
        <v>867.22655999999995</v>
      </c>
      <c r="J874">
        <v>568.45939999999996</v>
      </c>
      <c r="K874">
        <v>0.97242510000000004</v>
      </c>
      <c r="L874">
        <f t="shared" si="118"/>
        <v>831.05016666666677</v>
      </c>
      <c r="M874">
        <f t="shared" si="119"/>
        <v>493.89455333333331</v>
      </c>
      <c r="N874">
        <f t="shared" si="120"/>
        <v>-3.7690441838571194</v>
      </c>
      <c r="O874">
        <f t="shared" si="121"/>
        <v>3.3230464941901166</v>
      </c>
      <c r="Q874">
        <v>969.99429999999995</v>
      </c>
      <c r="R874">
        <v>502.04059999999998</v>
      </c>
      <c r="S874">
        <v>0.92809456999999995</v>
      </c>
      <c r="T874">
        <v>1093.6166000000001</v>
      </c>
      <c r="U874">
        <v>427.61353000000003</v>
      </c>
      <c r="V874">
        <v>0.96762424999999996</v>
      </c>
      <c r="W874">
        <v>1095.681</v>
      </c>
      <c r="X874">
        <v>572.86365000000001</v>
      </c>
      <c r="Y874">
        <v>0.87710239999999995</v>
      </c>
      <c r="Z874">
        <f t="shared" si="122"/>
        <v>1053.0973000000001</v>
      </c>
      <c r="AA874">
        <f t="shared" si="123"/>
        <v>500.83926000000002</v>
      </c>
      <c r="AB874">
        <f t="shared" si="124"/>
        <v>5.2831747393844788</v>
      </c>
      <c r="AC874">
        <f t="shared" si="125"/>
        <v>2.9636992848739871</v>
      </c>
    </row>
    <row r="875" spans="1:29" x14ac:dyDescent="0.4">
      <c r="A875">
        <v>872</v>
      </c>
      <c r="B875">
        <f t="shared" si="117"/>
        <v>29.066666666666666</v>
      </c>
      <c r="C875">
        <v>747.66845999999998</v>
      </c>
      <c r="D875">
        <v>488.22719999999998</v>
      </c>
      <c r="E875">
        <v>0.81597370000000002</v>
      </c>
      <c r="F875">
        <v>878.14013999999997</v>
      </c>
      <c r="G875">
        <v>424.87554999999998</v>
      </c>
      <c r="H875">
        <v>0.96810364999999998</v>
      </c>
      <c r="I875">
        <v>867.20983999999999</v>
      </c>
      <c r="J875">
        <v>568.46540000000005</v>
      </c>
      <c r="K875">
        <v>0.97327196999999999</v>
      </c>
      <c r="L875">
        <f t="shared" si="118"/>
        <v>831.00614666666661</v>
      </c>
      <c r="M875">
        <f t="shared" si="119"/>
        <v>493.85605000000004</v>
      </c>
      <c r="N875">
        <f t="shared" si="120"/>
        <v>-3.7708207439174561</v>
      </c>
      <c r="O875">
        <f t="shared" si="121"/>
        <v>3.3246328204034308</v>
      </c>
      <c r="Q875">
        <v>969.92376999999999</v>
      </c>
      <c r="R875">
        <v>502.01916999999997</v>
      </c>
      <c r="S875">
        <v>0.93979840000000003</v>
      </c>
      <c r="T875">
        <v>1093.6020000000001</v>
      </c>
      <c r="U875">
        <v>427.46953999999999</v>
      </c>
      <c r="V875">
        <v>0.97079870000000001</v>
      </c>
      <c r="W875">
        <v>1095.6975</v>
      </c>
      <c r="X875">
        <v>572.97406000000001</v>
      </c>
      <c r="Y875">
        <v>0.88598555000000001</v>
      </c>
      <c r="Z875">
        <f t="shared" si="122"/>
        <v>1053.0744233333335</v>
      </c>
      <c r="AA875">
        <f t="shared" si="123"/>
        <v>500.82092333333338</v>
      </c>
      <c r="AB875">
        <f t="shared" si="124"/>
        <v>5.2822447489161659</v>
      </c>
      <c r="AC875">
        <f t="shared" si="125"/>
        <v>2.9644555889049049</v>
      </c>
    </row>
    <row r="876" spans="1:29" x14ac:dyDescent="0.4">
      <c r="A876">
        <v>873</v>
      </c>
      <c r="B876">
        <f t="shared" si="117"/>
        <v>29.1</v>
      </c>
      <c r="C876">
        <v>747.51909999999998</v>
      </c>
      <c r="D876">
        <v>488.05234000000002</v>
      </c>
      <c r="E876">
        <v>0.8215441</v>
      </c>
      <c r="F876">
        <v>878.12885000000006</v>
      </c>
      <c r="G876">
        <v>424.77499999999998</v>
      </c>
      <c r="H876">
        <v>0.97213243999999999</v>
      </c>
      <c r="I876">
        <v>867.23519999999996</v>
      </c>
      <c r="J876">
        <v>568.34280000000001</v>
      </c>
      <c r="K876">
        <v>0.97279680000000002</v>
      </c>
      <c r="L876">
        <f t="shared" si="118"/>
        <v>830.96105</v>
      </c>
      <c r="M876">
        <f t="shared" si="119"/>
        <v>493.72338000000008</v>
      </c>
      <c r="N876">
        <f t="shared" si="120"/>
        <v>-3.7726104834364387</v>
      </c>
      <c r="O876">
        <f t="shared" si="121"/>
        <v>3.3300626617521516</v>
      </c>
      <c r="Q876">
        <v>969.91330000000005</v>
      </c>
      <c r="R876">
        <v>501.96793000000002</v>
      </c>
      <c r="S876">
        <v>0.93371194999999996</v>
      </c>
      <c r="T876">
        <v>1093.6143999999999</v>
      </c>
      <c r="U876">
        <v>427.38715000000002</v>
      </c>
      <c r="V876">
        <v>0.97406446999999996</v>
      </c>
      <c r="W876">
        <v>1095.6226999999999</v>
      </c>
      <c r="X876">
        <v>572.94299999999998</v>
      </c>
      <c r="Y876">
        <v>0.88366513999999996</v>
      </c>
      <c r="Z876">
        <f t="shared" si="122"/>
        <v>1053.0501333333334</v>
      </c>
      <c r="AA876">
        <f t="shared" si="123"/>
        <v>500.76602666666668</v>
      </c>
      <c r="AB876">
        <f t="shared" si="124"/>
        <v>5.281268799438025</v>
      </c>
      <c r="AC876">
        <f t="shared" si="125"/>
        <v>2.9667045851861236</v>
      </c>
    </row>
    <row r="877" spans="1:29" x14ac:dyDescent="0.4">
      <c r="A877">
        <v>874</v>
      </c>
      <c r="B877">
        <f t="shared" si="117"/>
        <v>29.133333333333333</v>
      </c>
      <c r="C877">
        <v>747.56244000000004</v>
      </c>
      <c r="D877">
        <v>488.00182999999998</v>
      </c>
      <c r="E877">
        <v>0.83222174999999998</v>
      </c>
      <c r="F877">
        <v>878.08356000000003</v>
      </c>
      <c r="G877">
        <v>424.63164999999998</v>
      </c>
      <c r="H877">
        <v>0.97047879999999997</v>
      </c>
      <c r="I877">
        <v>867.23519999999996</v>
      </c>
      <c r="J877">
        <v>568.29719999999998</v>
      </c>
      <c r="K877">
        <v>0.97698194000000005</v>
      </c>
      <c r="L877">
        <f t="shared" si="118"/>
        <v>830.96040000000005</v>
      </c>
      <c r="M877">
        <f t="shared" si="119"/>
        <v>493.64355999999998</v>
      </c>
      <c r="N877">
        <f t="shared" si="120"/>
        <v>-3.772610982893827</v>
      </c>
      <c r="O877">
        <f t="shared" si="121"/>
        <v>3.3333205106475838</v>
      </c>
      <c r="Q877">
        <v>969.93286000000001</v>
      </c>
      <c r="R877">
        <v>501.95474000000002</v>
      </c>
      <c r="S877">
        <v>0.92027700000000001</v>
      </c>
      <c r="T877">
        <v>1093.6228000000001</v>
      </c>
      <c r="U877">
        <v>427.38857999999999</v>
      </c>
      <c r="V877">
        <v>0.96680116999999999</v>
      </c>
      <c r="W877">
        <v>1095.7012</v>
      </c>
      <c r="X877">
        <v>572.97180000000003</v>
      </c>
      <c r="Y877">
        <v>0.88337220000000005</v>
      </c>
      <c r="Z877">
        <f t="shared" si="122"/>
        <v>1053.0856200000001</v>
      </c>
      <c r="AA877">
        <f t="shared" si="123"/>
        <v>500.77170666666666</v>
      </c>
      <c r="AB877">
        <f t="shared" si="124"/>
        <v>5.2827188019808959</v>
      </c>
      <c r="AC877">
        <f t="shared" si="125"/>
        <v>2.9664605182742894</v>
      </c>
    </row>
    <row r="878" spans="1:29" x14ac:dyDescent="0.4">
      <c r="A878">
        <v>875</v>
      </c>
      <c r="B878">
        <f t="shared" si="117"/>
        <v>29.166666666666668</v>
      </c>
      <c r="C878">
        <v>747.49474999999995</v>
      </c>
      <c r="D878">
        <v>487.91492</v>
      </c>
      <c r="E878">
        <v>0.82195600000000002</v>
      </c>
      <c r="F878">
        <v>878.00739999999996</v>
      </c>
      <c r="G878">
        <v>424.52620000000002</v>
      </c>
      <c r="H878">
        <v>0.96345334999999999</v>
      </c>
      <c r="I878">
        <v>867.22770000000003</v>
      </c>
      <c r="J878">
        <v>568.18809999999996</v>
      </c>
      <c r="K878">
        <v>0.96304685000000001</v>
      </c>
      <c r="L878">
        <f t="shared" si="118"/>
        <v>830.90994999999987</v>
      </c>
      <c r="M878">
        <f t="shared" si="119"/>
        <v>493.54307333333327</v>
      </c>
      <c r="N878">
        <f t="shared" si="120"/>
        <v>-3.7746287387822446</v>
      </c>
      <c r="O878">
        <f t="shared" si="121"/>
        <v>3.3374386839967287</v>
      </c>
      <c r="Q878">
        <v>969.88199999999995</v>
      </c>
      <c r="R878">
        <v>501.88425000000001</v>
      </c>
      <c r="S878">
        <v>0.91998080000000004</v>
      </c>
      <c r="T878">
        <v>1093.5505000000001</v>
      </c>
      <c r="U878">
        <v>427.35559999999998</v>
      </c>
      <c r="V878">
        <v>0.97853349999999995</v>
      </c>
      <c r="W878">
        <v>1095.5525</v>
      </c>
      <c r="X878">
        <v>572.87369999999999</v>
      </c>
      <c r="Y878">
        <v>0.88590723000000005</v>
      </c>
      <c r="Z878">
        <f t="shared" si="122"/>
        <v>1052.9949999999999</v>
      </c>
      <c r="AA878">
        <f t="shared" si="123"/>
        <v>500.70451666666668</v>
      </c>
      <c r="AB878">
        <f t="shared" si="124"/>
        <v>5.2790331232838144</v>
      </c>
      <c r="AC878">
        <f t="shared" si="125"/>
        <v>2.9692341399625644</v>
      </c>
    </row>
    <row r="879" spans="1:29" x14ac:dyDescent="0.4">
      <c r="A879">
        <v>876</v>
      </c>
      <c r="B879">
        <f t="shared" si="117"/>
        <v>29.2</v>
      </c>
      <c r="C879">
        <v>747.50789999999995</v>
      </c>
      <c r="D879">
        <v>487.77364999999998</v>
      </c>
      <c r="E879">
        <v>0.82666170000000005</v>
      </c>
      <c r="F879">
        <v>877.97797000000003</v>
      </c>
      <c r="G879">
        <v>424.48077000000001</v>
      </c>
      <c r="H879">
        <v>0.96850013999999995</v>
      </c>
      <c r="I879">
        <v>867.24883999999997</v>
      </c>
      <c r="J879">
        <v>568.02160000000003</v>
      </c>
      <c r="K879">
        <v>0.95934606</v>
      </c>
      <c r="L879">
        <f t="shared" si="118"/>
        <v>830.91156999999987</v>
      </c>
      <c r="M879">
        <f t="shared" si="119"/>
        <v>493.42534000000001</v>
      </c>
      <c r="N879">
        <f t="shared" si="120"/>
        <v>-3.7745246698288688</v>
      </c>
      <c r="O879">
        <f t="shared" si="121"/>
        <v>3.3422430795183975</v>
      </c>
      <c r="Q879">
        <v>969.87585000000001</v>
      </c>
      <c r="R879">
        <v>501.73955999999998</v>
      </c>
      <c r="S879">
        <v>0.90030812999999998</v>
      </c>
      <c r="T879">
        <v>1093.5677000000001</v>
      </c>
      <c r="U879">
        <v>427.25110000000001</v>
      </c>
      <c r="V879">
        <v>0.96876890000000004</v>
      </c>
      <c r="W879">
        <v>1095.6297999999999</v>
      </c>
      <c r="X879">
        <v>572.84059999999999</v>
      </c>
      <c r="Y879">
        <v>0.89479655000000002</v>
      </c>
      <c r="Z879">
        <f t="shared" si="122"/>
        <v>1053.0244499999999</v>
      </c>
      <c r="AA879">
        <f t="shared" si="123"/>
        <v>500.61041999999998</v>
      </c>
      <c r="AB879">
        <f t="shared" si="124"/>
        <v>5.2802685255631694</v>
      </c>
      <c r="AC879">
        <f t="shared" si="125"/>
        <v>2.973064557780384</v>
      </c>
    </row>
    <row r="880" spans="1:29" x14ac:dyDescent="0.4">
      <c r="A880">
        <v>877</v>
      </c>
      <c r="B880">
        <f t="shared" si="117"/>
        <v>29.233333333333334</v>
      </c>
      <c r="C880">
        <v>747.60222999999996</v>
      </c>
      <c r="D880">
        <v>487.74549999999999</v>
      </c>
      <c r="E880">
        <v>0.84084696000000003</v>
      </c>
      <c r="F880">
        <v>877.84424000000001</v>
      </c>
      <c r="G880">
        <v>424.33605999999997</v>
      </c>
      <c r="H880">
        <v>0.95337634999999998</v>
      </c>
      <c r="I880">
        <v>867.19029999999998</v>
      </c>
      <c r="J880">
        <v>567.88739999999996</v>
      </c>
      <c r="K880">
        <v>0.94600653999999995</v>
      </c>
      <c r="L880">
        <f t="shared" si="118"/>
        <v>830.87892333333332</v>
      </c>
      <c r="M880">
        <f t="shared" si="119"/>
        <v>493.32298666666662</v>
      </c>
      <c r="N880">
        <f t="shared" si="120"/>
        <v>-3.7758182558043005</v>
      </c>
      <c r="O880">
        <f t="shared" si="121"/>
        <v>3.3464313925652887</v>
      </c>
      <c r="Q880">
        <v>969.90355999999997</v>
      </c>
      <c r="R880">
        <v>501.65305000000001</v>
      </c>
      <c r="S880">
        <v>0.90781504000000002</v>
      </c>
      <c r="T880">
        <v>1093.6161</v>
      </c>
      <c r="U880">
        <v>427.16969999999998</v>
      </c>
      <c r="V880">
        <v>0.97137666</v>
      </c>
      <c r="W880">
        <v>1095.5066999999999</v>
      </c>
      <c r="X880">
        <v>572.81493999999998</v>
      </c>
      <c r="Y880">
        <v>0.88978933999999998</v>
      </c>
      <c r="Z880">
        <f t="shared" si="122"/>
        <v>1053.0087866666665</v>
      </c>
      <c r="AA880">
        <f t="shared" si="123"/>
        <v>500.54589666666669</v>
      </c>
      <c r="AB880">
        <f t="shared" si="124"/>
        <v>5.279648638900178</v>
      </c>
      <c r="AC880">
        <f t="shared" si="125"/>
        <v>2.9757034881724067</v>
      </c>
    </row>
    <row r="881" spans="1:29" x14ac:dyDescent="0.4">
      <c r="A881">
        <v>878</v>
      </c>
      <c r="B881">
        <f t="shared" si="117"/>
        <v>29.266666666666666</v>
      </c>
      <c r="C881">
        <v>747.43709999999999</v>
      </c>
      <c r="D881">
        <v>487.67669999999998</v>
      </c>
      <c r="E881">
        <v>0.83439039999999998</v>
      </c>
      <c r="F881">
        <v>877.82339999999999</v>
      </c>
      <c r="G881">
        <v>424.37142999999998</v>
      </c>
      <c r="H881">
        <v>0.95004683999999995</v>
      </c>
      <c r="I881">
        <v>867.08460000000002</v>
      </c>
      <c r="J881">
        <v>567.81635000000006</v>
      </c>
      <c r="K881">
        <v>0.94732289999999997</v>
      </c>
      <c r="L881">
        <f t="shared" si="118"/>
        <v>830.7817</v>
      </c>
      <c r="M881">
        <f t="shared" si="119"/>
        <v>493.28816</v>
      </c>
      <c r="N881">
        <f t="shared" si="120"/>
        <v>-3.7797582768983871</v>
      </c>
      <c r="O881">
        <f t="shared" si="121"/>
        <v>3.3478856866284192</v>
      </c>
      <c r="Q881">
        <v>969.89279999999997</v>
      </c>
      <c r="R881">
        <v>501.61547999999999</v>
      </c>
      <c r="S881">
        <v>0.90873619999999999</v>
      </c>
      <c r="T881">
        <v>1093.6559999999999</v>
      </c>
      <c r="U881">
        <v>427.15170000000001</v>
      </c>
      <c r="V881">
        <v>0.98535024999999998</v>
      </c>
      <c r="W881">
        <v>1095.5042000000001</v>
      </c>
      <c r="X881">
        <v>572.78754000000004</v>
      </c>
      <c r="Y881">
        <v>0.88366359999999999</v>
      </c>
      <c r="Z881">
        <f t="shared" si="122"/>
        <v>1053.0176666666666</v>
      </c>
      <c r="AA881">
        <f t="shared" si="123"/>
        <v>500.51824000000005</v>
      </c>
      <c r="AB881">
        <f t="shared" si="124"/>
        <v>5.2800209150675181</v>
      </c>
      <c r="AC881">
        <f t="shared" si="125"/>
        <v>2.9768292366201279</v>
      </c>
    </row>
    <row r="882" spans="1:29" x14ac:dyDescent="0.4">
      <c r="A882">
        <v>879</v>
      </c>
      <c r="B882">
        <f t="shared" si="117"/>
        <v>29.3</v>
      </c>
      <c r="C882">
        <v>747.33434999999997</v>
      </c>
      <c r="D882">
        <v>487.68669999999997</v>
      </c>
      <c r="E882">
        <v>0.84465957000000003</v>
      </c>
      <c r="F882">
        <v>877.71605999999997</v>
      </c>
      <c r="G882">
        <v>424.22982999999999</v>
      </c>
      <c r="H882">
        <v>0.94035745000000004</v>
      </c>
      <c r="I882">
        <v>866.97760000000005</v>
      </c>
      <c r="J882">
        <v>567.75369999999998</v>
      </c>
      <c r="K882">
        <v>0.94693360000000004</v>
      </c>
      <c r="L882">
        <f t="shared" si="118"/>
        <v>830.67600333333337</v>
      </c>
      <c r="M882">
        <f t="shared" si="119"/>
        <v>493.22341</v>
      </c>
      <c r="N882">
        <f t="shared" si="120"/>
        <v>-3.7840329396804147</v>
      </c>
      <c r="O882">
        <f t="shared" si="121"/>
        <v>3.350564082250008</v>
      </c>
      <c r="Q882">
        <v>969.89246000000003</v>
      </c>
      <c r="R882">
        <v>501.63895000000002</v>
      </c>
      <c r="S882">
        <v>0.91329985999999996</v>
      </c>
      <c r="T882">
        <v>1093.6873000000001</v>
      </c>
      <c r="U882">
        <v>427.20535000000001</v>
      </c>
      <c r="V882">
        <v>0.99404435999999996</v>
      </c>
      <c r="W882">
        <v>1095.3670999999999</v>
      </c>
      <c r="X882">
        <v>572.73865000000001</v>
      </c>
      <c r="Y882">
        <v>0.88862973000000001</v>
      </c>
      <c r="Z882">
        <f t="shared" si="122"/>
        <v>1052.9822866666666</v>
      </c>
      <c r="AA882">
        <f t="shared" si="123"/>
        <v>500.52764999999999</v>
      </c>
      <c r="AB882">
        <f t="shared" si="124"/>
        <v>5.2785703828704085</v>
      </c>
      <c r="AC882">
        <f t="shared" si="125"/>
        <v>2.976457365854337</v>
      </c>
    </row>
    <row r="883" spans="1:29" x14ac:dyDescent="0.4">
      <c r="A883">
        <v>880</v>
      </c>
      <c r="B883">
        <f t="shared" si="117"/>
        <v>29.333333333333332</v>
      </c>
      <c r="C883">
        <v>747.31537000000003</v>
      </c>
      <c r="D883">
        <v>487.40753000000001</v>
      </c>
      <c r="E883">
        <v>0.84941650000000002</v>
      </c>
      <c r="F883">
        <v>877.69775000000004</v>
      </c>
      <c r="G883">
        <v>424.11246</v>
      </c>
      <c r="H883">
        <v>0.94628769999999995</v>
      </c>
      <c r="I883">
        <v>866.97173999999995</v>
      </c>
      <c r="J883">
        <v>567.69979999999998</v>
      </c>
      <c r="K883">
        <v>0.95087456999999997</v>
      </c>
      <c r="L883">
        <f t="shared" si="118"/>
        <v>830.66161999999997</v>
      </c>
      <c r="M883">
        <f t="shared" si="119"/>
        <v>493.07326333333339</v>
      </c>
      <c r="N883">
        <f t="shared" si="120"/>
        <v>-3.7845687456405948</v>
      </c>
      <c r="O883">
        <f t="shared" si="121"/>
        <v>3.3566967354842552</v>
      </c>
      <c r="Q883">
        <v>969.91489999999999</v>
      </c>
      <c r="R883">
        <v>501.68792999999999</v>
      </c>
      <c r="S883">
        <v>0.91474339999999998</v>
      </c>
      <c r="T883">
        <v>1093.6995999999999</v>
      </c>
      <c r="U883">
        <v>427.23392000000001</v>
      </c>
      <c r="V883">
        <v>1</v>
      </c>
      <c r="W883">
        <v>1095.3015</v>
      </c>
      <c r="X883">
        <v>572.65625</v>
      </c>
      <c r="Y883">
        <v>0.8916153</v>
      </c>
      <c r="Z883">
        <f t="shared" si="122"/>
        <v>1052.972</v>
      </c>
      <c r="AA883">
        <f t="shared" si="123"/>
        <v>500.52603333333332</v>
      </c>
      <c r="AB883">
        <f t="shared" si="124"/>
        <v>5.2781500561160861</v>
      </c>
      <c r="AC883">
        <f t="shared" si="125"/>
        <v>2.9765268973004604</v>
      </c>
    </row>
    <row r="884" spans="1:29" x14ac:dyDescent="0.4">
      <c r="A884">
        <v>881</v>
      </c>
      <c r="B884">
        <f t="shared" si="117"/>
        <v>29.366666666666667</v>
      </c>
      <c r="C884">
        <v>747.39760000000001</v>
      </c>
      <c r="D884">
        <v>487.31439999999998</v>
      </c>
      <c r="E884">
        <v>0.84352094</v>
      </c>
      <c r="F884">
        <v>877.67049999999995</v>
      </c>
      <c r="G884">
        <v>424.07013000000001</v>
      </c>
      <c r="H884">
        <v>0.93389659999999997</v>
      </c>
      <c r="I884">
        <v>866.91539999999998</v>
      </c>
      <c r="J884">
        <v>567.70135000000005</v>
      </c>
      <c r="K884">
        <v>0.95037280000000002</v>
      </c>
      <c r="L884">
        <f t="shared" si="118"/>
        <v>830.66116666666665</v>
      </c>
      <c r="M884">
        <f t="shared" si="119"/>
        <v>493.0286266666667</v>
      </c>
      <c r="N884">
        <f t="shared" si="120"/>
        <v>-3.7845726752931927</v>
      </c>
      <c r="O884">
        <f t="shared" si="121"/>
        <v>3.3585185968790805</v>
      </c>
      <c r="Q884">
        <v>969.86084000000005</v>
      </c>
      <c r="R884">
        <v>501.63051999999999</v>
      </c>
      <c r="S884">
        <v>0.90664964999999997</v>
      </c>
      <c r="T884">
        <v>1093.654</v>
      </c>
      <c r="U884">
        <v>427.24990000000003</v>
      </c>
      <c r="V884">
        <v>0.99577190000000004</v>
      </c>
      <c r="W884">
        <v>1095.1832999999999</v>
      </c>
      <c r="X884">
        <v>572.59469999999999</v>
      </c>
      <c r="Y884">
        <v>0.88990720000000001</v>
      </c>
      <c r="Z884">
        <f t="shared" si="122"/>
        <v>1052.8993799999998</v>
      </c>
      <c r="AA884">
        <f t="shared" si="123"/>
        <v>500.49170666666669</v>
      </c>
      <c r="AB884">
        <f t="shared" si="124"/>
        <v>5.275190146238165</v>
      </c>
      <c r="AC884">
        <f t="shared" si="125"/>
        <v>2.9779529846233226</v>
      </c>
    </row>
    <row r="885" spans="1:29" x14ac:dyDescent="0.4">
      <c r="A885">
        <v>882</v>
      </c>
      <c r="B885">
        <f t="shared" si="117"/>
        <v>29.4</v>
      </c>
      <c r="C885">
        <v>747.39702999999997</v>
      </c>
      <c r="D885">
        <v>487.23804000000001</v>
      </c>
      <c r="E885">
        <v>0.83848935000000002</v>
      </c>
      <c r="F885">
        <v>877.70889999999997</v>
      </c>
      <c r="G885">
        <v>424.09829999999999</v>
      </c>
      <c r="H885">
        <v>0.93801177000000002</v>
      </c>
      <c r="I885">
        <v>866.94449999999995</v>
      </c>
      <c r="J885">
        <v>567.74585000000002</v>
      </c>
      <c r="K885">
        <v>0.95886249999999995</v>
      </c>
      <c r="L885">
        <f t="shared" si="118"/>
        <v>830.68347666666659</v>
      </c>
      <c r="M885">
        <f t="shared" si="119"/>
        <v>493.02739666666668</v>
      </c>
      <c r="N885">
        <f t="shared" si="120"/>
        <v>-3.7836655619493267</v>
      </c>
      <c r="O885">
        <f t="shared" si="121"/>
        <v>3.3585612351309129</v>
      </c>
      <c r="Q885">
        <v>969.77764999999999</v>
      </c>
      <c r="R885">
        <v>501.60852</v>
      </c>
      <c r="S885">
        <v>0.91270079999999998</v>
      </c>
      <c r="T885">
        <v>1093.5947000000001</v>
      </c>
      <c r="U885">
        <v>427.25963999999999</v>
      </c>
      <c r="V885">
        <v>1</v>
      </c>
      <c r="W885">
        <v>1095.0751</v>
      </c>
      <c r="X885">
        <v>572.58119999999997</v>
      </c>
      <c r="Y885">
        <v>0.88841899999999996</v>
      </c>
      <c r="Z885">
        <f t="shared" si="122"/>
        <v>1052.8158166666667</v>
      </c>
      <c r="AA885">
        <f t="shared" si="123"/>
        <v>500.48312000000004</v>
      </c>
      <c r="AB885">
        <f t="shared" si="124"/>
        <v>5.2717741752716867</v>
      </c>
      <c r="AC885">
        <f t="shared" si="125"/>
        <v>2.9783322639449006</v>
      </c>
    </row>
    <row r="886" spans="1:29" x14ac:dyDescent="0.4">
      <c r="A886">
        <v>883</v>
      </c>
      <c r="B886">
        <f t="shared" si="117"/>
        <v>29.433333333333334</v>
      </c>
      <c r="C886">
        <v>747.54989999999998</v>
      </c>
      <c r="D886">
        <v>487.52202999999997</v>
      </c>
      <c r="E886">
        <v>0.85020010000000001</v>
      </c>
      <c r="F886">
        <v>877.74480000000005</v>
      </c>
      <c r="G886">
        <v>424.03289999999998</v>
      </c>
      <c r="H886">
        <v>0.94557714000000004</v>
      </c>
      <c r="I886">
        <v>866.97709999999995</v>
      </c>
      <c r="J886">
        <v>567.76679999999999</v>
      </c>
      <c r="K886">
        <v>0.95661280000000004</v>
      </c>
      <c r="L886">
        <f t="shared" si="118"/>
        <v>830.75726666666662</v>
      </c>
      <c r="M886">
        <f t="shared" si="119"/>
        <v>493.10724333333337</v>
      </c>
      <c r="N886">
        <f t="shared" si="120"/>
        <v>-3.7806925424716118</v>
      </c>
      <c r="O886">
        <f t="shared" si="121"/>
        <v>3.355277533359502</v>
      </c>
      <c r="Q886">
        <v>969.74829999999997</v>
      </c>
      <c r="R886">
        <v>501.64154000000002</v>
      </c>
      <c r="S886">
        <v>0.91550666000000003</v>
      </c>
      <c r="T886">
        <v>1093.5903000000001</v>
      </c>
      <c r="U886">
        <v>427.17165999999997</v>
      </c>
      <c r="V886">
        <v>0.98364043000000001</v>
      </c>
      <c r="W886">
        <v>1095.0706</v>
      </c>
      <c r="X886">
        <v>572.60760000000005</v>
      </c>
      <c r="Y886">
        <v>0.88928890000000005</v>
      </c>
      <c r="Z886">
        <f t="shared" si="122"/>
        <v>1052.8030666666666</v>
      </c>
      <c r="AA886">
        <f t="shared" si="123"/>
        <v>500.47360000000003</v>
      </c>
      <c r="AB886">
        <f t="shared" si="124"/>
        <v>5.2712556350480648</v>
      </c>
      <c r="AC886">
        <f t="shared" si="125"/>
        <v>2.9787252200778593</v>
      </c>
    </row>
    <row r="887" spans="1:29" x14ac:dyDescent="0.4">
      <c r="A887">
        <v>884</v>
      </c>
      <c r="B887">
        <f t="shared" si="117"/>
        <v>29.466666666666665</v>
      </c>
      <c r="C887">
        <v>747.27344000000005</v>
      </c>
      <c r="D887">
        <v>487.25493999999998</v>
      </c>
      <c r="E887">
        <v>0.8373929</v>
      </c>
      <c r="F887">
        <v>877.80706999999995</v>
      </c>
      <c r="G887">
        <v>424.03942999999998</v>
      </c>
      <c r="H887">
        <v>0.94409989999999999</v>
      </c>
      <c r="I887">
        <v>866.91265999999996</v>
      </c>
      <c r="J887">
        <v>567.80444</v>
      </c>
      <c r="K887">
        <v>0.95667120000000005</v>
      </c>
      <c r="L887">
        <f t="shared" si="118"/>
        <v>830.66438999999991</v>
      </c>
      <c r="M887">
        <f t="shared" si="119"/>
        <v>493.03293666666667</v>
      </c>
      <c r="N887">
        <f t="shared" si="120"/>
        <v>-3.7844430734866523</v>
      </c>
      <c r="O887">
        <f t="shared" si="121"/>
        <v>3.3583416052511259</v>
      </c>
      <c r="Q887">
        <v>969.76310000000001</v>
      </c>
      <c r="R887">
        <v>501.69492000000002</v>
      </c>
      <c r="S887">
        <v>0.91379589999999999</v>
      </c>
      <c r="T887">
        <v>1093.5441000000001</v>
      </c>
      <c r="U887">
        <v>427.1302</v>
      </c>
      <c r="V887">
        <v>0.98194809999999999</v>
      </c>
      <c r="W887">
        <v>1095.0923</v>
      </c>
      <c r="X887">
        <v>572.62819999999999</v>
      </c>
      <c r="Y887">
        <v>0.88672410000000002</v>
      </c>
      <c r="Z887">
        <f t="shared" si="122"/>
        <v>1052.7998333333335</v>
      </c>
      <c r="AA887">
        <f t="shared" si="123"/>
        <v>500.48444000000001</v>
      </c>
      <c r="AB887">
        <f t="shared" si="124"/>
        <v>5.2711198350566058</v>
      </c>
      <c r="AC887">
        <f t="shared" si="125"/>
        <v>2.9782838992151066</v>
      </c>
    </row>
    <row r="888" spans="1:29" x14ac:dyDescent="0.4">
      <c r="A888">
        <v>885</v>
      </c>
      <c r="B888">
        <f t="shared" si="117"/>
        <v>29.5</v>
      </c>
      <c r="C888">
        <v>747.24414000000002</v>
      </c>
      <c r="D888">
        <v>487.26677999999998</v>
      </c>
      <c r="E888">
        <v>0.85838420000000004</v>
      </c>
      <c r="F888">
        <v>877.69464000000005</v>
      </c>
      <c r="G888">
        <v>423.88130000000001</v>
      </c>
      <c r="H888">
        <v>0.93579316000000001</v>
      </c>
      <c r="I888">
        <v>866.93179999999995</v>
      </c>
      <c r="J888">
        <v>567.69323999999995</v>
      </c>
      <c r="K888">
        <v>0.95371413000000005</v>
      </c>
      <c r="L888">
        <f t="shared" si="118"/>
        <v>830.62352666666663</v>
      </c>
      <c r="M888">
        <f t="shared" si="119"/>
        <v>492.94710666666668</v>
      </c>
      <c r="N888">
        <f t="shared" si="120"/>
        <v>-3.7860759519348157</v>
      </c>
      <c r="O888">
        <f t="shared" si="121"/>
        <v>3.3618583372144779</v>
      </c>
      <c r="Q888">
        <v>969.68529999999998</v>
      </c>
      <c r="R888">
        <v>501.56290000000001</v>
      </c>
      <c r="S888">
        <v>0.90485406000000002</v>
      </c>
      <c r="T888">
        <v>1093.6207999999999</v>
      </c>
      <c r="U888">
        <v>427.08920000000001</v>
      </c>
      <c r="V888">
        <v>0.97478989999999999</v>
      </c>
      <c r="W888">
        <v>1095.0558000000001</v>
      </c>
      <c r="X888">
        <v>572.61329999999998</v>
      </c>
      <c r="Y888">
        <v>0.89142449999999995</v>
      </c>
      <c r="Z888">
        <f t="shared" si="122"/>
        <v>1052.7873</v>
      </c>
      <c r="AA888">
        <f t="shared" si="123"/>
        <v>500.42180000000002</v>
      </c>
      <c r="AB888">
        <f t="shared" si="124"/>
        <v>5.2706273966085639</v>
      </c>
      <c r="AC888">
        <f t="shared" si="125"/>
        <v>2.9808448783638122</v>
      </c>
    </row>
    <row r="889" spans="1:29" x14ac:dyDescent="0.4">
      <c r="A889">
        <v>886</v>
      </c>
      <c r="B889">
        <f t="shared" si="117"/>
        <v>29.533333333333335</v>
      </c>
      <c r="C889">
        <v>747.41459999999995</v>
      </c>
      <c r="D889">
        <v>487.15665000000001</v>
      </c>
      <c r="E889">
        <v>0.86376920000000001</v>
      </c>
      <c r="F889">
        <v>877.66283999999996</v>
      </c>
      <c r="G889">
        <v>423.80745999999999</v>
      </c>
      <c r="H889">
        <v>0.94817739999999995</v>
      </c>
      <c r="I889">
        <v>866.91790000000003</v>
      </c>
      <c r="J889">
        <v>567.62212999999997</v>
      </c>
      <c r="K889">
        <v>0.95001363999999999</v>
      </c>
      <c r="L889">
        <f t="shared" si="118"/>
        <v>830.66511333333335</v>
      </c>
      <c r="M889">
        <f t="shared" si="119"/>
        <v>492.86208000000005</v>
      </c>
      <c r="N889">
        <f t="shared" si="120"/>
        <v>-3.7843581945298248</v>
      </c>
      <c r="O889">
        <f t="shared" si="121"/>
        <v>3.365314339999113</v>
      </c>
      <c r="Q889">
        <v>969.70306000000005</v>
      </c>
      <c r="R889">
        <v>501.52863000000002</v>
      </c>
      <c r="S889">
        <v>0.91785159999999999</v>
      </c>
      <c r="T889">
        <v>1093.6265000000001</v>
      </c>
      <c r="U889">
        <v>427.03336000000002</v>
      </c>
      <c r="V889">
        <v>0.98484430000000001</v>
      </c>
      <c r="W889">
        <v>1095.0604000000001</v>
      </c>
      <c r="X889">
        <v>572.62469999999996</v>
      </c>
      <c r="Y889">
        <v>0.88887349999999998</v>
      </c>
      <c r="Z889">
        <f t="shared" si="122"/>
        <v>1052.7966533333336</v>
      </c>
      <c r="AA889">
        <f t="shared" si="123"/>
        <v>500.39556333333331</v>
      </c>
      <c r="AB889">
        <f t="shared" si="124"/>
        <v>5.2710185747571598</v>
      </c>
      <c r="AC889">
        <f t="shared" si="125"/>
        <v>2.9819125047800368</v>
      </c>
    </row>
    <row r="890" spans="1:29" x14ac:dyDescent="0.4">
      <c r="A890">
        <v>887</v>
      </c>
      <c r="B890">
        <f t="shared" si="117"/>
        <v>29.566666666666666</v>
      </c>
      <c r="C890">
        <v>747.053</v>
      </c>
      <c r="D890">
        <v>487.11327999999997</v>
      </c>
      <c r="E890">
        <v>0.86336029999999997</v>
      </c>
      <c r="F890">
        <v>877.72473000000002</v>
      </c>
      <c r="G890">
        <v>423.77</v>
      </c>
      <c r="H890">
        <v>0.95484287000000001</v>
      </c>
      <c r="I890">
        <v>866.86620000000005</v>
      </c>
      <c r="J890">
        <v>567.51170000000002</v>
      </c>
      <c r="K890">
        <v>0.94088404999999997</v>
      </c>
      <c r="L890">
        <f t="shared" si="118"/>
        <v>830.54797666666673</v>
      </c>
      <c r="M890">
        <f t="shared" si="119"/>
        <v>492.7983266666667</v>
      </c>
      <c r="N890">
        <f t="shared" si="120"/>
        <v>-3.7890981032777207</v>
      </c>
      <c r="O890">
        <f t="shared" si="121"/>
        <v>3.3679559244078723</v>
      </c>
      <c r="Q890">
        <v>969.70232999999996</v>
      </c>
      <c r="R890">
        <v>501.517</v>
      </c>
      <c r="S890">
        <v>0.91660666000000002</v>
      </c>
      <c r="T890">
        <v>1093.6189999999999</v>
      </c>
      <c r="U890">
        <v>426.98671999999999</v>
      </c>
      <c r="V890">
        <v>0.98320030000000003</v>
      </c>
      <c r="W890">
        <v>1095.0409999999999</v>
      </c>
      <c r="X890">
        <v>572.61890000000005</v>
      </c>
      <c r="Y890">
        <v>0.88938826000000004</v>
      </c>
      <c r="Z890">
        <f t="shared" si="122"/>
        <v>1052.7874433333334</v>
      </c>
      <c r="AA890">
        <f t="shared" si="123"/>
        <v>500.37420666666668</v>
      </c>
      <c r="AB890">
        <f t="shared" si="124"/>
        <v>5.270648704607348</v>
      </c>
      <c r="AC890">
        <f t="shared" si="125"/>
        <v>2.9827873542232015</v>
      </c>
    </row>
    <row r="891" spans="1:29" x14ac:dyDescent="0.4">
      <c r="A891">
        <v>888</v>
      </c>
      <c r="B891">
        <f t="shared" si="117"/>
        <v>29.6</v>
      </c>
      <c r="C891">
        <v>747.33159999999998</v>
      </c>
      <c r="D891">
        <v>487.06029999999998</v>
      </c>
      <c r="E891">
        <v>0.85975959999999996</v>
      </c>
      <c r="F891">
        <v>877.61929999999995</v>
      </c>
      <c r="G891">
        <v>423.70681999999999</v>
      </c>
      <c r="H891">
        <v>0.95554143000000002</v>
      </c>
      <c r="I891">
        <v>866.95069999999998</v>
      </c>
      <c r="J891">
        <v>567.18989999999997</v>
      </c>
      <c r="K891">
        <v>0.94499533999999996</v>
      </c>
      <c r="L891">
        <f t="shared" si="118"/>
        <v>830.63386666666656</v>
      </c>
      <c r="M891">
        <f t="shared" si="119"/>
        <v>492.65233999999992</v>
      </c>
      <c r="N891">
        <f t="shared" si="120"/>
        <v>-3.7855599987810344</v>
      </c>
      <c r="O891">
        <f t="shared" si="121"/>
        <v>3.3738847930333167</v>
      </c>
      <c r="Q891">
        <v>969.70245</v>
      </c>
      <c r="R891">
        <v>501.37747000000002</v>
      </c>
      <c r="S891">
        <v>0.92047509999999999</v>
      </c>
      <c r="T891">
        <v>1093.5461</v>
      </c>
      <c r="U891">
        <v>426.96573000000001</v>
      </c>
      <c r="V891">
        <v>0.98667320000000003</v>
      </c>
      <c r="W891">
        <v>1095.0308</v>
      </c>
      <c r="X891">
        <v>572.59900000000005</v>
      </c>
      <c r="Y891">
        <v>0.89728819999999998</v>
      </c>
      <c r="Z891">
        <f t="shared" si="122"/>
        <v>1052.7597833333334</v>
      </c>
      <c r="AA891">
        <f t="shared" si="123"/>
        <v>500.31406666666663</v>
      </c>
      <c r="AB891">
        <f t="shared" si="124"/>
        <v>5.2695365922130959</v>
      </c>
      <c r="AC891">
        <f t="shared" si="125"/>
        <v>2.9852515086229805</v>
      </c>
    </row>
    <row r="892" spans="1:29" x14ac:dyDescent="0.4">
      <c r="A892">
        <v>889</v>
      </c>
      <c r="B892">
        <f t="shared" si="117"/>
        <v>29.633333333333333</v>
      </c>
      <c r="C892">
        <v>747.11739999999998</v>
      </c>
      <c r="D892">
        <v>487.07913000000002</v>
      </c>
      <c r="E892">
        <v>0.8689289</v>
      </c>
      <c r="F892">
        <v>877.52409999999998</v>
      </c>
      <c r="G892">
        <v>423.63630000000001</v>
      </c>
      <c r="H892">
        <v>0.9594935</v>
      </c>
      <c r="I892">
        <v>866.77324999999996</v>
      </c>
      <c r="J892">
        <v>567.37909999999999</v>
      </c>
      <c r="K892">
        <v>0.95128053000000001</v>
      </c>
      <c r="L892">
        <f t="shared" si="118"/>
        <v>830.47158333333334</v>
      </c>
      <c r="M892">
        <f t="shared" si="119"/>
        <v>492.6981766666666</v>
      </c>
      <c r="N892">
        <f t="shared" si="120"/>
        <v>-3.7921703130129711</v>
      </c>
      <c r="O892">
        <f t="shared" si="121"/>
        <v>3.3720691122563404</v>
      </c>
      <c r="Q892">
        <v>969.64733999999999</v>
      </c>
      <c r="R892">
        <v>501.29538000000002</v>
      </c>
      <c r="S892">
        <v>0.91342489999999998</v>
      </c>
      <c r="T892">
        <v>1093.6029000000001</v>
      </c>
      <c r="U892">
        <v>426.90683000000001</v>
      </c>
      <c r="V892">
        <v>0.98368496000000005</v>
      </c>
      <c r="W892">
        <v>1095.0078000000001</v>
      </c>
      <c r="X892">
        <v>572.58630000000005</v>
      </c>
      <c r="Y892">
        <v>0.89455899999999999</v>
      </c>
      <c r="Z892">
        <f t="shared" si="122"/>
        <v>1052.7526800000003</v>
      </c>
      <c r="AA892">
        <f t="shared" si="123"/>
        <v>500.26283666666671</v>
      </c>
      <c r="AB892">
        <f t="shared" si="124"/>
        <v>5.2692626045045978</v>
      </c>
      <c r="AC892">
        <f t="shared" si="125"/>
        <v>2.9873449115916562</v>
      </c>
    </row>
    <row r="893" spans="1:29" x14ac:dyDescent="0.4">
      <c r="A893">
        <v>890</v>
      </c>
      <c r="B893">
        <f t="shared" si="117"/>
        <v>29.666666666666668</v>
      </c>
      <c r="C893">
        <v>747.04949999999997</v>
      </c>
      <c r="D893">
        <v>486.81900000000002</v>
      </c>
      <c r="E893">
        <v>0.86251043999999999</v>
      </c>
      <c r="F893">
        <v>877.56915000000004</v>
      </c>
      <c r="G893">
        <v>423.44598000000002</v>
      </c>
      <c r="H893">
        <v>0.95057460000000005</v>
      </c>
      <c r="I893">
        <v>866.67565999999999</v>
      </c>
      <c r="J893">
        <v>567.26446999999996</v>
      </c>
      <c r="K893">
        <v>0.95526122999999996</v>
      </c>
      <c r="L893">
        <f t="shared" si="118"/>
        <v>830.43143666666663</v>
      </c>
      <c r="M893">
        <f t="shared" si="119"/>
        <v>492.50981666666667</v>
      </c>
      <c r="N893">
        <f t="shared" si="120"/>
        <v>-3.7937407593894834</v>
      </c>
      <c r="O893">
        <f t="shared" si="121"/>
        <v>3.3797700126847396</v>
      </c>
      <c r="Q893">
        <v>969.64873999999998</v>
      </c>
      <c r="R893">
        <v>501.27361999999999</v>
      </c>
      <c r="S893">
        <v>0.90619919999999998</v>
      </c>
      <c r="T893">
        <v>1093.5905</v>
      </c>
      <c r="U893">
        <v>427.00220000000002</v>
      </c>
      <c r="V893">
        <v>0.97005629999999998</v>
      </c>
      <c r="W893">
        <v>1095.0243</v>
      </c>
      <c r="X893">
        <v>572.51990000000001</v>
      </c>
      <c r="Y893">
        <v>0.89720785999999997</v>
      </c>
      <c r="Z893">
        <f t="shared" si="122"/>
        <v>1052.7545133333333</v>
      </c>
      <c r="AA893">
        <f t="shared" si="123"/>
        <v>500.26524000000001</v>
      </c>
      <c r="AB893">
        <f t="shared" si="124"/>
        <v>5.2693368300310643</v>
      </c>
      <c r="AC893">
        <f t="shared" si="125"/>
        <v>2.987246187360296</v>
      </c>
    </row>
    <row r="894" spans="1:29" x14ac:dyDescent="0.4">
      <c r="A894">
        <v>891</v>
      </c>
      <c r="B894">
        <f t="shared" si="117"/>
        <v>29.7</v>
      </c>
      <c r="C894">
        <v>747.47519999999997</v>
      </c>
      <c r="D894">
        <v>486.89055999999999</v>
      </c>
      <c r="E894">
        <v>0.8241522</v>
      </c>
      <c r="F894">
        <v>877.58600000000001</v>
      </c>
      <c r="G894">
        <v>423.58022999999997</v>
      </c>
      <c r="H894">
        <v>0.97248935999999997</v>
      </c>
      <c r="I894">
        <v>866.81555000000003</v>
      </c>
      <c r="J894">
        <v>567.06740000000002</v>
      </c>
      <c r="K894">
        <v>0.92717419999999995</v>
      </c>
      <c r="L894">
        <f t="shared" si="118"/>
        <v>830.62558333333345</v>
      </c>
      <c r="M894">
        <f t="shared" si="119"/>
        <v>492.51272999999998</v>
      </c>
      <c r="N894">
        <f t="shared" si="120"/>
        <v>-3.7858513097030184</v>
      </c>
      <c r="O894">
        <f t="shared" si="121"/>
        <v>3.3795853231798296</v>
      </c>
      <c r="Q894">
        <v>969.60046</v>
      </c>
      <c r="R894">
        <v>501.34973000000002</v>
      </c>
      <c r="S894">
        <v>0.91650279999999995</v>
      </c>
      <c r="T894">
        <v>1093.7083</v>
      </c>
      <c r="U894">
        <v>426.81963999999999</v>
      </c>
      <c r="V894">
        <v>0.93154610000000004</v>
      </c>
      <c r="W894">
        <v>1094.9105</v>
      </c>
      <c r="X894">
        <v>572.16643999999997</v>
      </c>
      <c r="Y894">
        <v>0.89585364000000001</v>
      </c>
      <c r="Z894">
        <f t="shared" si="122"/>
        <v>1052.7397533333333</v>
      </c>
      <c r="AA894">
        <f t="shared" si="123"/>
        <v>500.11193666666668</v>
      </c>
      <c r="AB894">
        <f t="shared" si="124"/>
        <v>5.268782715968281</v>
      </c>
      <c r="AC894">
        <f t="shared" si="125"/>
        <v>2.9935083493772274</v>
      </c>
    </row>
    <row r="895" spans="1:29" x14ac:dyDescent="0.4">
      <c r="A895">
        <v>892</v>
      </c>
      <c r="B895">
        <f t="shared" si="117"/>
        <v>29.733333333333334</v>
      </c>
      <c r="C895">
        <v>747.54755</v>
      </c>
      <c r="D895">
        <v>486.62533999999999</v>
      </c>
      <c r="E895">
        <v>0.83896990000000005</v>
      </c>
      <c r="F895">
        <v>877.62714000000005</v>
      </c>
      <c r="G895">
        <v>423.51812999999999</v>
      </c>
      <c r="H895">
        <v>0.97003435999999998</v>
      </c>
      <c r="I895">
        <v>866.82380000000001</v>
      </c>
      <c r="J895">
        <v>566.97540000000004</v>
      </c>
      <c r="K895">
        <v>0.93426920000000002</v>
      </c>
      <c r="L895">
        <f t="shared" si="118"/>
        <v>830.66616333333332</v>
      </c>
      <c r="M895">
        <f t="shared" si="119"/>
        <v>492.37295666666665</v>
      </c>
      <c r="N895">
        <f t="shared" si="120"/>
        <v>-3.7841566850304096</v>
      </c>
      <c r="O895">
        <f t="shared" si="121"/>
        <v>3.3852759521303217</v>
      </c>
      <c r="Q895">
        <v>969.524</v>
      </c>
      <c r="R895">
        <v>501.26549999999997</v>
      </c>
      <c r="S895">
        <v>0.90830860000000002</v>
      </c>
      <c r="T895">
        <v>1093.6505</v>
      </c>
      <c r="U895">
        <v>426.77692000000002</v>
      </c>
      <c r="V895">
        <v>0.95339554999999998</v>
      </c>
      <c r="W895">
        <v>1094.7037</v>
      </c>
      <c r="X895">
        <v>572.0675</v>
      </c>
      <c r="Y895">
        <v>0.89503752999999997</v>
      </c>
      <c r="Z895">
        <f t="shared" si="122"/>
        <v>1052.6260666666667</v>
      </c>
      <c r="AA895">
        <f t="shared" si="123"/>
        <v>500.03663999999998</v>
      </c>
      <c r="AB895">
        <f t="shared" si="124"/>
        <v>5.2641560062722199</v>
      </c>
      <c r="AC895">
        <f t="shared" si="125"/>
        <v>2.9966207776185505</v>
      </c>
    </row>
    <row r="896" spans="1:29" x14ac:dyDescent="0.4">
      <c r="A896">
        <v>893</v>
      </c>
      <c r="B896">
        <f t="shared" si="117"/>
        <v>29.766666666666666</v>
      </c>
      <c r="C896">
        <v>747.27620000000002</v>
      </c>
      <c r="D896">
        <v>486.61759999999998</v>
      </c>
      <c r="E896">
        <v>0.83875630000000001</v>
      </c>
      <c r="F896">
        <v>877.69439999999997</v>
      </c>
      <c r="G896">
        <v>423.46159999999998</v>
      </c>
      <c r="H896">
        <v>0.97049266000000001</v>
      </c>
      <c r="I896">
        <v>866.83659999999998</v>
      </c>
      <c r="J896">
        <v>566.95950000000005</v>
      </c>
      <c r="K896">
        <v>0.93531257000000001</v>
      </c>
      <c r="L896">
        <f t="shared" si="118"/>
        <v>830.6024000000001</v>
      </c>
      <c r="M896">
        <f t="shared" si="119"/>
        <v>492.34623333333337</v>
      </c>
      <c r="N896">
        <f t="shared" si="120"/>
        <v>-3.7867394472698557</v>
      </c>
      <c r="O896">
        <f t="shared" si="121"/>
        <v>3.3863881825394193</v>
      </c>
      <c r="Q896">
        <v>969.42769999999996</v>
      </c>
      <c r="R896">
        <v>501.23354999999998</v>
      </c>
      <c r="S896">
        <v>0.89546029999999999</v>
      </c>
      <c r="T896">
        <v>1093.6267</v>
      </c>
      <c r="U896">
        <v>426.70844</v>
      </c>
      <c r="V896">
        <v>0.95936054000000004</v>
      </c>
      <c r="W896">
        <v>1094.6804</v>
      </c>
      <c r="X896">
        <v>572.12099999999998</v>
      </c>
      <c r="Y896">
        <v>0.89742904999999995</v>
      </c>
      <c r="Z896">
        <f t="shared" si="122"/>
        <v>1052.5782666666667</v>
      </c>
      <c r="AA896">
        <f t="shared" si="123"/>
        <v>500.02099666666663</v>
      </c>
      <c r="AB896">
        <f t="shared" si="124"/>
        <v>5.2622054958202282</v>
      </c>
      <c r="AC896">
        <f t="shared" si="125"/>
        <v>2.9972757405520172</v>
      </c>
    </row>
    <row r="897" spans="1:29" x14ac:dyDescent="0.4">
      <c r="A897">
        <v>894</v>
      </c>
      <c r="B897">
        <f t="shared" si="117"/>
        <v>29.8</v>
      </c>
      <c r="C897">
        <v>747.23095999999998</v>
      </c>
      <c r="D897">
        <v>486.58166999999997</v>
      </c>
      <c r="E897">
        <v>0.82646114000000004</v>
      </c>
      <c r="F897">
        <v>877.63919999999996</v>
      </c>
      <c r="G897">
        <v>423.35050000000001</v>
      </c>
      <c r="H897">
        <v>0.97077537000000003</v>
      </c>
      <c r="I897">
        <v>866.85119999999995</v>
      </c>
      <c r="J897">
        <v>566.83514000000002</v>
      </c>
      <c r="K897">
        <v>0.94334430000000002</v>
      </c>
      <c r="L897">
        <f t="shared" si="118"/>
        <v>830.57378666666671</v>
      </c>
      <c r="M897">
        <f t="shared" si="119"/>
        <v>492.25577000000004</v>
      </c>
      <c r="N897">
        <f t="shared" si="120"/>
        <v>-3.787872958220976</v>
      </c>
      <c r="O897">
        <f t="shared" si="121"/>
        <v>3.3900898314892873</v>
      </c>
      <c r="Q897">
        <v>969.32806000000005</v>
      </c>
      <c r="R897">
        <v>501.15307999999999</v>
      </c>
      <c r="S897">
        <v>0.89664319999999997</v>
      </c>
      <c r="T897">
        <v>1093.5827999999999</v>
      </c>
      <c r="U897">
        <v>426.59960000000001</v>
      </c>
      <c r="V897">
        <v>0.95832170000000005</v>
      </c>
      <c r="W897">
        <v>1094.6156000000001</v>
      </c>
      <c r="X897">
        <v>572.00940000000003</v>
      </c>
      <c r="Y897">
        <v>0.89426000000000005</v>
      </c>
      <c r="Z897">
        <f t="shared" si="122"/>
        <v>1052.50882</v>
      </c>
      <c r="AA897">
        <f t="shared" si="123"/>
        <v>499.9206933333333</v>
      </c>
      <c r="AB897">
        <f t="shared" si="124"/>
        <v>5.2593968580732211</v>
      </c>
      <c r="AC897">
        <f t="shared" si="125"/>
        <v>3.0013935552277395</v>
      </c>
    </row>
    <row r="898" spans="1:29" x14ac:dyDescent="0.4">
      <c r="A898">
        <v>895</v>
      </c>
      <c r="B898">
        <f t="shared" si="117"/>
        <v>29.833333333333332</v>
      </c>
      <c r="C898">
        <v>747.07934999999998</v>
      </c>
      <c r="D898">
        <v>486.47372000000001</v>
      </c>
      <c r="E898">
        <v>0.83977394999999999</v>
      </c>
      <c r="F898">
        <v>877.64940000000001</v>
      </c>
      <c r="G898">
        <v>423.32913000000002</v>
      </c>
      <c r="H898">
        <v>0.97449989999999997</v>
      </c>
      <c r="I898">
        <v>866.85015999999996</v>
      </c>
      <c r="J898">
        <v>566.81870000000004</v>
      </c>
      <c r="K898">
        <v>0.9426426</v>
      </c>
      <c r="L898">
        <f t="shared" si="118"/>
        <v>830.52630333333343</v>
      </c>
      <c r="M898">
        <f t="shared" si="119"/>
        <v>492.20718333333338</v>
      </c>
      <c r="N898">
        <f t="shared" si="120"/>
        <v>-3.7897869710446868</v>
      </c>
      <c r="O898">
        <f t="shared" si="121"/>
        <v>3.3920888201512165</v>
      </c>
      <c r="Q898">
        <v>969.27704000000006</v>
      </c>
      <c r="R898">
        <v>501.05509999999998</v>
      </c>
      <c r="S898">
        <v>0.90690230000000005</v>
      </c>
      <c r="T898">
        <v>1093.558</v>
      </c>
      <c r="U898">
        <v>426.5505</v>
      </c>
      <c r="V898">
        <v>0.96473540000000002</v>
      </c>
      <c r="W898">
        <v>1094.5591999999999</v>
      </c>
      <c r="X898">
        <v>572.02970000000005</v>
      </c>
      <c r="Y898">
        <v>0.9020473</v>
      </c>
      <c r="Z898">
        <f t="shared" si="122"/>
        <v>1052.4647466666665</v>
      </c>
      <c r="AA898">
        <f t="shared" si="123"/>
        <v>499.87843333333331</v>
      </c>
      <c r="AB898">
        <f t="shared" si="124"/>
        <v>5.2576074561931208</v>
      </c>
      <c r="AC898">
        <f t="shared" si="125"/>
        <v>3.0031335876243817</v>
      </c>
    </row>
    <row r="899" spans="1:29" x14ac:dyDescent="0.4">
      <c r="A899">
        <v>896</v>
      </c>
      <c r="B899">
        <f t="shared" si="117"/>
        <v>29.866666666666667</v>
      </c>
      <c r="C899">
        <v>747.03264999999999</v>
      </c>
      <c r="D899">
        <v>486.64535999999998</v>
      </c>
      <c r="E899">
        <v>0.85377824000000002</v>
      </c>
      <c r="F899">
        <v>877.56195000000002</v>
      </c>
      <c r="G899">
        <v>423.26125999999999</v>
      </c>
      <c r="H899">
        <v>0.97371439999999998</v>
      </c>
      <c r="I899">
        <v>866.79570000000001</v>
      </c>
      <c r="J899">
        <v>566.67816000000005</v>
      </c>
      <c r="K899">
        <v>0.95260113000000002</v>
      </c>
      <c r="L899">
        <f t="shared" si="118"/>
        <v>830.46343333333334</v>
      </c>
      <c r="M899">
        <f t="shared" si="119"/>
        <v>492.19492666666673</v>
      </c>
      <c r="N899">
        <f t="shared" si="120"/>
        <v>-3.7923381140607026</v>
      </c>
      <c r="O899">
        <f t="shared" si="121"/>
        <v>3.3926103387131339</v>
      </c>
      <c r="Q899">
        <v>969.27814000000001</v>
      </c>
      <c r="R899">
        <v>500.96780000000001</v>
      </c>
      <c r="S899">
        <v>0.89960145999999996</v>
      </c>
      <c r="T899">
        <v>1093.5479</v>
      </c>
      <c r="U899">
        <v>426.59160000000003</v>
      </c>
      <c r="V899">
        <v>0.97021789999999997</v>
      </c>
      <c r="W899">
        <v>1094.5402999999999</v>
      </c>
      <c r="X899">
        <v>571.88990000000001</v>
      </c>
      <c r="Y899">
        <v>0.89679359999999997</v>
      </c>
      <c r="Z899">
        <f t="shared" si="122"/>
        <v>1052.4554466666666</v>
      </c>
      <c r="AA899">
        <f t="shared" si="123"/>
        <v>499.81643333333341</v>
      </c>
      <c r="AB899">
        <f t="shared" si="124"/>
        <v>5.2572470974234635</v>
      </c>
      <c r="AC899">
        <f t="shared" si="125"/>
        <v>3.005667314005207</v>
      </c>
    </row>
    <row r="900" spans="1:29" x14ac:dyDescent="0.4">
      <c r="A900">
        <v>897</v>
      </c>
      <c r="B900">
        <f t="shared" ref="B900:B903" si="126">A900/30</f>
        <v>29.9</v>
      </c>
      <c r="C900">
        <v>746.89369999999997</v>
      </c>
      <c r="D900">
        <v>486.51688000000001</v>
      </c>
      <c r="E900">
        <v>0.8528329</v>
      </c>
      <c r="F900">
        <v>877.57460000000003</v>
      </c>
      <c r="G900">
        <v>423.20337000000001</v>
      </c>
      <c r="H900">
        <v>0.97143250000000003</v>
      </c>
      <c r="I900">
        <v>866.66300000000001</v>
      </c>
      <c r="J900">
        <v>566.62694999999997</v>
      </c>
      <c r="K900">
        <v>0.95829279999999994</v>
      </c>
      <c r="L900">
        <f t="shared" ref="L900:L903" si="127">(C900+F900+I900)/3</f>
        <v>830.37710000000004</v>
      </c>
      <c r="M900">
        <f t="shared" ref="M900:M903" si="128">(D900+G900+J900)/3</f>
        <v>492.11573333333337</v>
      </c>
      <c r="N900">
        <f t="shared" ref="N900:N903" si="129" xml:space="preserve"> -36.96+0.03963*L900-0.0003398*M900+6.089*10^(-7)*L900^2+1.529*10^(-8)*M900^2</f>
        <v>-3.7958210937085433</v>
      </c>
      <c r="O900">
        <f t="shared" ref="O900:O903" si="130" xml:space="preserve"> 23.7-0.0003167*L900-0.0406*M900-1.335*10^(-8)*L900^2-2.149*10^(-7)*M900^2</f>
        <v>3.3958715956508843</v>
      </c>
      <c r="Q900">
        <v>969.2731</v>
      </c>
      <c r="R900">
        <v>500.87957999999998</v>
      </c>
      <c r="S900">
        <v>0.91063552999999997</v>
      </c>
      <c r="T900">
        <v>1093.5841</v>
      </c>
      <c r="U900">
        <v>426.51116999999999</v>
      </c>
      <c r="V900">
        <v>0.97066975</v>
      </c>
      <c r="W900">
        <v>1094.537</v>
      </c>
      <c r="X900">
        <v>571.92420000000004</v>
      </c>
      <c r="Y900">
        <v>0.89675400000000005</v>
      </c>
      <c r="Z900">
        <f t="shared" ref="Z900:Z903" si="131">(Q900+T900+W900)/3</f>
        <v>1052.4647333333332</v>
      </c>
      <c r="AA900">
        <f t="shared" ref="AA900:AA903" si="132">(R900+U900+X900)/3</f>
        <v>499.77164999999997</v>
      </c>
      <c r="AB900">
        <f t="shared" ref="AB900:AB903" si="133" xml:space="preserve"> -36.96+0.03963*Z900-0.0003398*AA900+6.089*10^(-7)*Z900^2+1.529*10^(-8)*AA900^2</f>
        <v>5.2576415635347153</v>
      </c>
      <c r="AC900">
        <f t="shared" ref="AC900:AC903" si="134" xml:space="preserve"> 23.7-0.0003167*Z900-0.0406*AA900-1.335*10^(-8)*Z900^2-2.149*10^(-7)*AA900^2</f>
        <v>3.0074919352635958</v>
      </c>
    </row>
    <row r="901" spans="1:29" x14ac:dyDescent="0.4">
      <c r="A901">
        <v>898</v>
      </c>
      <c r="B901">
        <f t="shared" si="126"/>
        <v>29.933333333333334</v>
      </c>
      <c r="C901">
        <v>746.80742999999995</v>
      </c>
      <c r="D901">
        <v>486.57028000000003</v>
      </c>
      <c r="E901">
        <v>0.85035603999999998</v>
      </c>
      <c r="F901">
        <v>877.53423999999995</v>
      </c>
      <c r="G901">
        <v>423.19492000000002</v>
      </c>
      <c r="H901">
        <v>0.9614045</v>
      </c>
      <c r="I901">
        <v>866.62305000000003</v>
      </c>
      <c r="J901">
        <v>566.56726000000003</v>
      </c>
      <c r="K901">
        <v>0.94970529999999997</v>
      </c>
      <c r="L901">
        <f t="shared" si="127"/>
        <v>830.32157333333328</v>
      </c>
      <c r="M901">
        <f t="shared" si="128"/>
        <v>492.11082000000005</v>
      </c>
      <c r="N901">
        <f t="shared" si="129"/>
        <v>-3.798076168431014</v>
      </c>
      <c r="O901">
        <f t="shared" si="130"/>
        <v>3.3960909325444621</v>
      </c>
      <c r="Q901">
        <v>969.27949999999998</v>
      </c>
      <c r="R901">
        <v>500.87353999999999</v>
      </c>
      <c r="S901">
        <v>0.91068643000000005</v>
      </c>
      <c r="T901">
        <v>1093.5842</v>
      </c>
      <c r="U901">
        <v>426.49029999999999</v>
      </c>
      <c r="V901">
        <v>0.95933360000000001</v>
      </c>
      <c r="W901">
        <v>1094.4493</v>
      </c>
      <c r="X901">
        <v>571.82939999999996</v>
      </c>
      <c r="Y901">
        <v>0.89815109999999998</v>
      </c>
      <c r="Z901">
        <f t="shared" si="131"/>
        <v>1052.4376666666667</v>
      </c>
      <c r="AA901">
        <f t="shared" si="132"/>
        <v>499.73108000000002</v>
      </c>
      <c r="AB901">
        <f t="shared" si="133"/>
        <v>5.256547386541957</v>
      </c>
      <c r="AC901">
        <f t="shared" si="134"/>
        <v>3.0091571240199153</v>
      </c>
    </row>
    <row r="902" spans="1:29" x14ac:dyDescent="0.4">
      <c r="A902">
        <v>899</v>
      </c>
      <c r="B902">
        <f t="shared" si="126"/>
        <v>29.966666666666665</v>
      </c>
      <c r="C902">
        <v>746.74980000000005</v>
      </c>
      <c r="D902">
        <v>486.52359999999999</v>
      </c>
      <c r="E902">
        <v>0.84711709999999996</v>
      </c>
      <c r="F902">
        <v>877.48815999999999</v>
      </c>
      <c r="G902">
        <v>423.07913000000002</v>
      </c>
      <c r="H902">
        <v>0.96295260000000005</v>
      </c>
      <c r="I902">
        <v>866.59259999999995</v>
      </c>
      <c r="J902">
        <v>566.52970000000005</v>
      </c>
      <c r="K902">
        <v>0.95054959999999999</v>
      </c>
      <c r="L902">
        <f t="shared" si="127"/>
        <v>830.27685333333329</v>
      </c>
      <c r="M902">
        <f t="shared" si="128"/>
        <v>492.04414333333335</v>
      </c>
      <c r="N902">
        <f t="shared" si="129"/>
        <v>-3.799871986740563</v>
      </c>
      <c r="O902">
        <f t="shared" si="130"/>
        <v>3.3988272612073751</v>
      </c>
      <c r="Q902">
        <v>969.28985999999998</v>
      </c>
      <c r="R902">
        <v>500.73495000000003</v>
      </c>
      <c r="S902">
        <v>0.91371869999999999</v>
      </c>
      <c r="T902">
        <v>1093.6437000000001</v>
      </c>
      <c r="U902">
        <v>426.48212000000001</v>
      </c>
      <c r="V902">
        <v>0.95486070000000001</v>
      </c>
      <c r="W902">
        <v>1094.4673</v>
      </c>
      <c r="X902">
        <v>571.86360000000002</v>
      </c>
      <c r="Y902">
        <v>0.90082806000000004</v>
      </c>
      <c r="Z902">
        <f t="shared" si="131"/>
        <v>1052.4669533333333</v>
      </c>
      <c r="AA902">
        <f t="shared" si="132"/>
        <v>499.69355666666667</v>
      </c>
      <c r="AB902">
        <f t="shared" si="133"/>
        <v>5.2577577301991374</v>
      </c>
      <c r="AC902">
        <f t="shared" si="134"/>
        <v>3.0106785324213616</v>
      </c>
    </row>
    <row r="903" spans="1:29" x14ac:dyDescent="0.4">
      <c r="A903">
        <v>900</v>
      </c>
      <c r="B903">
        <f t="shared" si="126"/>
        <v>30</v>
      </c>
      <c r="C903">
        <v>746.68255999999997</v>
      </c>
      <c r="D903">
        <v>486.36194</v>
      </c>
      <c r="E903">
        <v>0.85395043999999998</v>
      </c>
      <c r="F903">
        <v>877.4434</v>
      </c>
      <c r="G903">
        <v>422.99765000000002</v>
      </c>
      <c r="H903">
        <v>0.95826820000000001</v>
      </c>
      <c r="I903">
        <v>866.57934999999998</v>
      </c>
      <c r="J903">
        <v>566.59230000000002</v>
      </c>
      <c r="K903">
        <v>0.95308210000000004</v>
      </c>
      <c r="L903">
        <f t="shared" si="127"/>
        <v>830.23510333333331</v>
      </c>
      <c r="M903">
        <f t="shared" si="128"/>
        <v>491.98396333333335</v>
      </c>
      <c r="N903">
        <f t="shared" si="129"/>
        <v>-3.8015492083614344</v>
      </c>
      <c r="O903">
        <f t="shared" si="130"/>
        <v>3.4012974430620533</v>
      </c>
      <c r="Q903">
        <v>969.27290000000005</v>
      </c>
      <c r="R903">
        <v>500.81778000000003</v>
      </c>
      <c r="S903">
        <v>0.90700643999999997</v>
      </c>
      <c r="T903">
        <v>1093.57</v>
      </c>
      <c r="U903">
        <v>426.49502999999999</v>
      </c>
      <c r="V903">
        <v>0.96289199999999997</v>
      </c>
      <c r="W903">
        <v>1094.5291999999999</v>
      </c>
      <c r="X903">
        <v>571.93209999999999</v>
      </c>
      <c r="Y903">
        <v>0.90249279999999998</v>
      </c>
      <c r="Z903">
        <f t="shared" si="131"/>
        <v>1052.4573666666668</v>
      </c>
      <c r="AA903">
        <f t="shared" si="132"/>
        <v>499.7483033333333</v>
      </c>
      <c r="AB903">
        <f t="shared" si="133"/>
        <v>5.2573477571714928</v>
      </c>
      <c r="AC903">
        <f t="shared" si="134"/>
        <v>3.0084473647523367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0BF66BE-E6AF-4974-9C8C-F9E6557D7199}">
  <dimension ref="A1:I902"/>
  <sheetViews>
    <sheetView workbookViewId="0">
      <selection activeCell="J38" sqref="J38"/>
    </sheetView>
  </sheetViews>
  <sheetFormatPr defaultColWidth="8.875" defaultRowHeight="18.75" x14ac:dyDescent="0.4"/>
  <cols>
    <col min="1" max="1" width="12.625" bestFit="1" customWidth="1"/>
    <col min="2" max="2" width="13.625" bestFit="1" customWidth="1"/>
    <col min="3" max="7" width="12.625" bestFit="1" customWidth="1"/>
    <col min="8" max="9" width="13.625" bestFit="1" customWidth="1"/>
  </cols>
  <sheetData>
    <row r="1" spans="1:9" x14ac:dyDescent="0.4">
      <c r="A1" t="s">
        <v>28</v>
      </c>
      <c r="B1" t="s">
        <v>29</v>
      </c>
      <c r="C1" t="s">
        <v>30</v>
      </c>
      <c r="D1" t="s">
        <v>29</v>
      </c>
      <c r="E1" t="s">
        <v>30</v>
      </c>
      <c r="F1" t="s">
        <v>31</v>
      </c>
      <c r="G1" t="s">
        <v>32</v>
      </c>
      <c r="H1" t="s">
        <v>33</v>
      </c>
      <c r="I1" t="s">
        <v>34</v>
      </c>
    </row>
    <row r="2" spans="1:9" x14ac:dyDescent="0.4">
      <c r="A2">
        <v>0</v>
      </c>
      <c r="B2">
        <v>-14.836365284506222</v>
      </c>
      <c r="C2">
        <v>1.9190442741419684</v>
      </c>
      <c r="D2">
        <v>15.053797686551855</v>
      </c>
      <c r="E2">
        <v>2.2112695443071129</v>
      </c>
      <c r="F2">
        <f>(B2*58.73+D2*78.62)/(58.73+78.62)</f>
        <v>2.2729511536778779</v>
      </c>
      <c r="G2">
        <f>(C2*58.73+E2*78.62)/(58.73+78.62)</f>
        <v>2.0863158485168043</v>
      </c>
    </row>
    <row r="3" spans="1:9" x14ac:dyDescent="0.4">
      <c r="A3">
        <v>3.3333333333333333E-2</v>
      </c>
      <c r="B3">
        <v>-14.826706865404713</v>
      </c>
      <c r="C3">
        <v>1.9181480710056582</v>
      </c>
      <c r="D3">
        <v>15.049243093919307</v>
      </c>
      <c r="E3">
        <v>2.2131668566813745</v>
      </c>
      <c r="F3">
        <f t="shared" ref="F3:F66" si="0">(B3*58.73+D3*78.62)/(58.73+78.62)</f>
        <v>2.2744739558698019</v>
      </c>
      <c r="G3">
        <f t="shared" ref="G3:G66" si="1">(C3*58.73+E3*78.62)/(58.73+78.62)</f>
        <v>2.0870186711499965</v>
      </c>
    </row>
    <row r="4" spans="1:9" x14ac:dyDescent="0.4">
      <c r="A4">
        <v>6.6666666666666666E-2</v>
      </c>
      <c r="B4">
        <v>-14.82446306657928</v>
      </c>
      <c r="C4">
        <v>1.9206080349553276</v>
      </c>
      <c r="D4">
        <v>15.04825703899602</v>
      </c>
      <c r="E4">
        <v>2.2124896721631635</v>
      </c>
      <c r="F4">
        <f t="shared" si="0"/>
        <v>2.2748689661861379</v>
      </c>
      <c r="G4">
        <f t="shared" si="1"/>
        <v>2.0876829116737845</v>
      </c>
      <c r="H4">
        <f>SLOPE(F2:F6,$A2:$A6)</f>
        <v>6.392927976901496E-3</v>
      </c>
      <c r="I4">
        <f>SLOPE(G2:G6,$A2:$A6)</f>
        <v>1.0125753619036892E-2</v>
      </c>
    </row>
    <row r="5" spans="1:9" x14ac:dyDescent="0.4">
      <c r="A5">
        <v>0.1</v>
      </c>
      <c r="B5">
        <v>-14.822139922676632</v>
      </c>
      <c r="C5">
        <v>1.9198202183934412</v>
      </c>
      <c r="D5">
        <v>15.04340049770023</v>
      </c>
      <c r="E5">
        <v>2.2121626867529867</v>
      </c>
      <c r="F5">
        <f t="shared" si="0"/>
        <v>2.2730824133264913</v>
      </c>
      <c r="G5">
        <f t="shared" si="1"/>
        <v>2.0871588777485739</v>
      </c>
      <c r="H5">
        <f>SLOPE(F3:F7,$A3:$A7)</f>
        <v>-5.0475635845837038E-4</v>
      </c>
      <c r="I5">
        <f t="shared" ref="I5:I68" si="2">SLOPE(G3:G7,$A3:$A7)</f>
        <v>-1.268526705437978E-2</v>
      </c>
    </row>
    <row r="6" spans="1:9" x14ac:dyDescent="0.4">
      <c r="A6">
        <v>0.13333333333333333</v>
      </c>
      <c r="B6">
        <v>-14.815850795123326</v>
      </c>
      <c r="C6">
        <v>1.9191372389110113</v>
      </c>
      <c r="D6">
        <v>15.041550077787871</v>
      </c>
      <c r="E6">
        <v>2.21402592776619</v>
      </c>
      <c r="F6">
        <f t="shared" si="0"/>
        <v>2.2747124129456835</v>
      </c>
      <c r="G6">
        <f t="shared" si="1"/>
        <v>2.0879333708206884</v>
      </c>
      <c r="H6">
        <f t="shared" ref="H6:H68" si="3">SLOPE(F4:F8,$A4:$A8)</f>
        <v>5.458373413375738E-3</v>
      </c>
      <c r="I6">
        <f t="shared" si="2"/>
        <v>-3.5009759500673088E-2</v>
      </c>
    </row>
    <row r="7" spans="1:9" x14ac:dyDescent="0.4">
      <c r="A7">
        <v>0.16666666666666666</v>
      </c>
      <c r="B7">
        <v>-14.81222288022202</v>
      </c>
      <c r="C7">
        <v>1.9165987559517106</v>
      </c>
      <c r="D7">
        <v>15.038413179517157</v>
      </c>
      <c r="E7">
        <v>2.2104118844887806</v>
      </c>
      <c r="F7">
        <f t="shared" si="0"/>
        <v>2.2744681064302861</v>
      </c>
      <c r="G7">
        <f t="shared" si="1"/>
        <v>2.0847792304008146</v>
      </c>
      <c r="H7">
        <f t="shared" si="3"/>
        <v>1.590995305137799E-2</v>
      </c>
      <c r="I7">
        <f t="shared" si="2"/>
        <v>-4.7716723414082292E-2</v>
      </c>
    </row>
    <row r="8" spans="1:9" x14ac:dyDescent="0.4">
      <c r="A8">
        <v>0.2</v>
      </c>
      <c r="B8">
        <v>-14.807785284042431</v>
      </c>
      <c r="C8">
        <v>1.9131683999095299</v>
      </c>
      <c r="D8">
        <v>15.036177448846299</v>
      </c>
      <c r="E8">
        <v>2.2099320570941918</v>
      </c>
      <c r="F8">
        <f t="shared" si="0"/>
        <v>2.2750858485364698</v>
      </c>
      <c r="G8">
        <f t="shared" si="1"/>
        <v>2.0830377754308853</v>
      </c>
      <c r="H8">
        <f t="shared" si="3"/>
        <v>2.0267072733783472E-2</v>
      </c>
      <c r="I8">
        <f t="shared" si="2"/>
        <v>-6.0492268062570353E-2</v>
      </c>
    </row>
    <row r="9" spans="1:9" x14ac:dyDescent="0.4">
      <c r="A9">
        <v>0.23333333333333334</v>
      </c>
      <c r="B9">
        <v>-14.805664774757783</v>
      </c>
      <c r="C9">
        <v>1.9104615694310882</v>
      </c>
      <c r="D9">
        <v>15.035399660959747</v>
      </c>
      <c r="E9">
        <v>2.2095364229541188</v>
      </c>
      <c r="F9">
        <f t="shared" si="0"/>
        <v>2.2755473543729945</v>
      </c>
      <c r="G9">
        <f t="shared" si="1"/>
        <v>2.0816538882077951</v>
      </c>
      <c r="H9">
        <f t="shared" si="3"/>
        <v>2.5141757348552847E-2</v>
      </c>
      <c r="I9">
        <f t="shared" si="2"/>
        <v>-4.5140530457171486E-2</v>
      </c>
    </row>
    <row r="10" spans="1:9" x14ac:dyDescent="0.4">
      <c r="A10">
        <v>0.26666666666666666</v>
      </c>
      <c r="B10">
        <v>-14.801515686292074</v>
      </c>
      <c r="C10">
        <v>1.9085882819748186</v>
      </c>
      <c r="D10">
        <v>15.035799998663043</v>
      </c>
      <c r="E10">
        <v>2.2070226751532309</v>
      </c>
      <c r="F10">
        <f t="shared" si="0"/>
        <v>2.2775506344299599</v>
      </c>
      <c r="G10">
        <f t="shared" si="1"/>
        <v>2.0794139972401031</v>
      </c>
      <c r="H10">
        <f t="shared" si="3"/>
        <v>1.9693492049798426E-2</v>
      </c>
      <c r="I10">
        <f t="shared" si="2"/>
        <v>-4.181800873122566E-2</v>
      </c>
    </row>
    <row r="11" spans="1:9" x14ac:dyDescent="0.4">
      <c r="A11">
        <v>0.3</v>
      </c>
      <c r="B11">
        <v>-14.794588789287168</v>
      </c>
      <c r="C11">
        <v>1.9084541265144139</v>
      </c>
      <c r="D11">
        <v>15.030407804253839</v>
      </c>
      <c r="E11">
        <v>2.2065179017582066</v>
      </c>
      <c r="F11">
        <f t="shared" si="0"/>
        <v>2.2774260063749665</v>
      </c>
      <c r="G11">
        <f t="shared" si="1"/>
        <v>2.0790676977533438</v>
      </c>
      <c r="H11">
        <f t="shared" si="3"/>
        <v>1.6320403616794991E-2</v>
      </c>
      <c r="I11">
        <f t="shared" si="2"/>
        <v>-5.3071510738783356E-2</v>
      </c>
    </row>
    <row r="12" spans="1:9" x14ac:dyDescent="0.4">
      <c r="A12">
        <v>0.33333333333333331</v>
      </c>
      <c r="B12">
        <v>-14.79202631278938</v>
      </c>
      <c r="C12">
        <v>1.9063547578497857</v>
      </c>
      <c r="D12">
        <v>15.028498436477683</v>
      </c>
      <c r="E12">
        <v>2.2051048873039258</v>
      </c>
      <c r="F12">
        <f t="shared" si="0"/>
        <v>2.2774287712104502</v>
      </c>
      <c r="G12">
        <f t="shared" si="1"/>
        <v>2.07736120253624</v>
      </c>
      <c r="H12">
        <f t="shared" si="3"/>
        <v>-5.8390445156586695E-4</v>
      </c>
      <c r="I12">
        <f t="shared" si="2"/>
        <v>-3.2918430274863283E-2</v>
      </c>
    </row>
    <row r="13" spans="1:9" x14ac:dyDescent="0.4">
      <c r="A13">
        <v>0.36666666666666664</v>
      </c>
      <c r="B13">
        <v>-14.784945812955183</v>
      </c>
      <c r="C13">
        <v>1.9042993364944951</v>
      </c>
      <c r="D13">
        <v>15.024780805317343</v>
      </c>
      <c r="E13">
        <v>2.2004800541335299</v>
      </c>
      <c r="F13">
        <f t="shared" si="0"/>
        <v>2.2783283532522152</v>
      </c>
      <c r="G13">
        <f t="shared" si="1"/>
        <v>2.0738350337699294</v>
      </c>
      <c r="H13">
        <f t="shared" si="3"/>
        <v>1.1489686179187325E-2</v>
      </c>
      <c r="I13">
        <f t="shared" si="2"/>
        <v>-2.197189987964164E-2</v>
      </c>
    </row>
    <row r="14" spans="1:9" x14ac:dyDescent="0.4">
      <c r="A14">
        <v>0.4</v>
      </c>
      <c r="B14">
        <v>-14.781852119702403</v>
      </c>
      <c r="C14">
        <v>1.9054213676621612</v>
      </c>
      <c r="D14">
        <v>15.020152879816987</v>
      </c>
      <c r="E14">
        <v>2.2043743457663227</v>
      </c>
      <c r="F14">
        <f t="shared" si="0"/>
        <v>2.2770021435827412</v>
      </c>
      <c r="G14">
        <f t="shared" si="1"/>
        <v>2.0765439241859998</v>
      </c>
      <c r="H14">
        <f t="shared" si="3"/>
        <v>2.6773011533351529E-2</v>
      </c>
      <c r="I14">
        <f t="shared" si="2"/>
        <v>-4.6044173231027871E-3</v>
      </c>
    </row>
    <row r="15" spans="1:9" x14ac:dyDescent="0.4">
      <c r="A15">
        <v>0.43333333333333335</v>
      </c>
      <c r="B15">
        <v>-14.773784773408487</v>
      </c>
      <c r="C15">
        <v>1.903133801191021</v>
      </c>
      <c r="D15">
        <v>15.018585072962775</v>
      </c>
      <c r="E15">
        <v>2.2048086151754989</v>
      </c>
      <c r="F15">
        <f t="shared" si="0"/>
        <v>2.2795542678853522</v>
      </c>
      <c r="G15">
        <f t="shared" si="1"/>
        <v>2.0758143536151903</v>
      </c>
      <c r="H15">
        <f t="shared" si="3"/>
        <v>3.7609972479743174E-2</v>
      </c>
      <c r="I15">
        <f t="shared" si="2"/>
        <v>1.600742610737927E-2</v>
      </c>
    </row>
    <row r="16" spans="1:9" x14ac:dyDescent="0.4">
      <c r="A16">
        <v>0.46666666666666667</v>
      </c>
      <c r="B16">
        <v>-14.767800714387525</v>
      </c>
      <c r="C16">
        <v>1.9019779184512131</v>
      </c>
      <c r="D16">
        <v>15.017126263673216</v>
      </c>
      <c r="E16">
        <v>2.2053048262628447</v>
      </c>
      <c r="F16">
        <f t="shared" si="0"/>
        <v>2.2812779824827736</v>
      </c>
      <c r="G16">
        <f t="shared" si="1"/>
        <v>2.0756041397264258</v>
      </c>
      <c r="H16">
        <f t="shared" si="3"/>
        <v>4.1382122193211142E-2</v>
      </c>
      <c r="I16">
        <f t="shared" si="2"/>
        <v>8.2047908505433775E-4</v>
      </c>
    </row>
    <row r="17" spans="1:9" x14ac:dyDescent="0.4">
      <c r="A17">
        <v>0.5</v>
      </c>
      <c r="B17">
        <v>-14.760531631258864</v>
      </c>
      <c r="C17">
        <v>1.9041681674668172</v>
      </c>
      <c r="D17">
        <v>15.01375901475342</v>
      </c>
      <c r="E17">
        <v>2.206059803782451</v>
      </c>
      <c r="F17">
        <f t="shared" si="0"/>
        <v>2.2824587625488229</v>
      </c>
      <c r="G17">
        <f t="shared" si="1"/>
        <v>2.0769728303509463</v>
      </c>
      <c r="H17">
        <f t="shared" si="3"/>
        <v>3.0488274286287982E-2</v>
      </c>
      <c r="I17">
        <f t="shared" si="2"/>
        <v>2.425690172233264E-3</v>
      </c>
    </row>
    <row r="18" spans="1:9" x14ac:dyDescent="0.4">
      <c r="A18">
        <v>0.53333333333333333</v>
      </c>
      <c r="B18">
        <v>-14.754232773434746</v>
      </c>
      <c r="C18">
        <v>1.9035061974153364</v>
      </c>
      <c r="D18">
        <v>15.009033004084259</v>
      </c>
      <c r="E18">
        <v>2.2050319607814592</v>
      </c>
      <c r="F18">
        <f t="shared" si="0"/>
        <v>2.2824469166165411</v>
      </c>
      <c r="G18">
        <f t="shared" si="1"/>
        <v>2.0761014323322975</v>
      </c>
      <c r="H18">
        <f t="shared" si="3"/>
        <v>1.5248276446250934E-2</v>
      </c>
      <c r="I18">
        <f t="shared" si="2"/>
        <v>5.0959000084325199E-3</v>
      </c>
    </row>
    <row r="19" spans="1:9" x14ac:dyDescent="0.4">
      <c r="A19">
        <v>0.56666666666666665</v>
      </c>
      <c r="B19">
        <v>-14.749404079844254</v>
      </c>
      <c r="C19">
        <v>1.905211716946559</v>
      </c>
      <c r="D19">
        <v>15.008228582598232</v>
      </c>
      <c r="E19">
        <v>2.2035282861094649</v>
      </c>
      <c r="F19">
        <f t="shared" si="0"/>
        <v>2.2840511798661831</v>
      </c>
      <c r="G19">
        <f t="shared" si="1"/>
        <v>2.0759699890076266</v>
      </c>
      <c r="H19">
        <f t="shared" si="3"/>
        <v>2.1033965604113639E-2</v>
      </c>
      <c r="I19">
        <f t="shared" si="2"/>
        <v>9.5409772313250797E-3</v>
      </c>
    </row>
    <row r="20" spans="1:9" x14ac:dyDescent="0.4">
      <c r="A20">
        <v>0.6</v>
      </c>
      <c r="B20">
        <v>-14.746056322072677</v>
      </c>
      <c r="C20">
        <v>1.9073849550707913</v>
      </c>
      <c r="D20">
        <v>15.003931797147242</v>
      </c>
      <c r="E20">
        <v>2.2036254636699213</v>
      </c>
      <c r="F20">
        <f t="shared" si="0"/>
        <v>2.2830231532318019</v>
      </c>
      <c r="G20">
        <f t="shared" si="1"/>
        <v>2.0769548770661577</v>
      </c>
      <c r="H20">
        <f t="shared" si="3"/>
        <v>2.2601163808665618E-2</v>
      </c>
      <c r="I20">
        <f t="shared" si="2"/>
        <v>1.8063535011716425E-2</v>
      </c>
    </row>
    <row r="21" spans="1:9" x14ac:dyDescent="0.4">
      <c r="A21">
        <v>0.6333333333333333</v>
      </c>
      <c r="B21">
        <v>-14.736675959446851</v>
      </c>
      <c r="C21">
        <v>1.9099478991320464</v>
      </c>
      <c r="D21">
        <v>15.001559649123998</v>
      </c>
      <c r="E21">
        <v>2.2037748242944954</v>
      </c>
      <c r="F21">
        <f t="shared" si="0"/>
        <v>2.2856763051752114</v>
      </c>
      <c r="G21">
        <f t="shared" si="1"/>
        <v>2.0781362708559037</v>
      </c>
      <c r="H21">
        <f t="shared" si="3"/>
        <v>1.533470547185401E-2</v>
      </c>
      <c r="I21">
        <f t="shared" si="2"/>
        <v>1.9692562050471544E-2</v>
      </c>
    </row>
    <row r="22" spans="1:9" x14ac:dyDescent="0.4">
      <c r="A22">
        <v>0.66666666666666663</v>
      </c>
      <c r="B22">
        <v>-14.732116811362316</v>
      </c>
      <c r="C22">
        <v>1.9105299284349229</v>
      </c>
      <c r="D22">
        <v>14.997673329384124</v>
      </c>
      <c r="E22">
        <v>2.2031524300462664</v>
      </c>
      <c r="F22">
        <f t="shared" si="0"/>
        <v>2.2854012145968046</v>
      </c>
      <c r="G22">
        <f t="shared" si="1"/>
        <v>2.0780288805767784</v>
      </c>
      <c r="H22">
        <f t="shared" si="3"/>
        <v>3.8887884724911892E-3</v>
      </c>
      <c r="I22">
        <f t="shared" si="2"/>
        <v>1.8512339418143234E-2</v>
      </c>
    </row>
    <row r="23" spans="1:9" x14ac:dyDescent="0.4">
      <c r="A23">
        <v>0.7</v>
      </c>
      <c r="B23">
        <v>-14.72612810655705</v>
      </c>
      <c r="C23">
        <v>1.9121240950980918</v>
      </c>
      <c r="D23">
        <v>14.9932289093687</v>
      </c>
      <c r="E23">
        <v>2.2031603696294422</v>
      </c>
      <c r="F23">
        <f t="shared" si="0"/>
        <v>2.2854179334289908</v>
      </c>
      <c r="G23">
        <f t="shared" si="1"/>
        <v>2.0787150809273949</v>
      </c>
      <c r="H23">
        <f t="shared" si="3"/>
        <v>-9.9726727580002825E-3</v>
      </c>
      <c r="I23">
        <f t="shared" si="2"/>
        <v>2.6992249988814884E-2</v>
      </c>
    </row>
    <row r="24" spans="1:9" x14ac:dyDescent="0.4">
      <c r="A24">
        <v>0.73333333333333328</v>
      </c>
      <c r="B24">
        <v>-14.723567440429218</v>
      </c>
      <c r="C24">
        <v>1.9124926888539588</v>
      </c>
      <c r="D24">
        <v>14.988490338360684</v>
      </c>
      <c r="E24">
        <v>2.2046945468095194</v>
      </c>
      <c r="F24">
        <f t="shared" si="0"/>
        <v>2.2838004705169941</v>
      </c>
      <c r="G24">
        <f t="shared" si="1"/>
        <v>2.0797508619334359</v>
      </c>
      <c r="H24">
        <f t="shared" si="3"/>
        <v>-1.6382024202410399E-2</v>
      </c>
      <c r="I24">
        <f t="shared" si="2"/>
        <v>3.6284552791498982E-2</v>
      </c>
    </row>
    <row r="25" spans="1:9" x14ac:dyDescent="0.4">
      <c r="A25">
        <v>0.76666666666666672</v>
      </c>
      <c r="B25">
        <v>-14.718994853598034</v>
      </c>
      <c r="C25">
        <v>1.9160873694223008</v>
      </c>
      <c r="D25">
        <v>14.986846200289454</v>
      </c>
      <c r="E25">
        <v>2.205543705361809</v>
      </c>
      <c r="F25">
        <f t="shared" si="0"/>
        <v>2.2848145650887832</v>
      </c>
      <c r="G25">
        <f t="shared" si="1"/>
        <v>2.081773988509044</v>
      </c>
      <c r="H25">
        <f t="shared" si="3"/>
        <v>-2.5966029833690531E-2</v>
      </c>
      <c r="I25">
        <f t="shared" si="2"/>
        <v>2.8151837982489415E-2</v>
      </c>
    </row>
    <row r="26" spans="1:9" x14ac:dyDescent="0.4">
      <c r="A26">
        <v>0.8</v>
      </c>
      <c r="B26">
        <v>-14.714585344714529</v>
      </c>
      <c r="C26">
        <v>1.9193662699066603</v>
      </c>
      <c r="D26">
        <v>14.980334248325518</v>
      </c>
      <c r="E26">
        <v>2.2044445322447799</v>
      </c>
      <c r="F26">
        <f t="shared" si="0"/>
        <v>2.28297256139984</v>
      </c>
      <c r="G26">
        <f t="shared" si="1"/>
        <v>2.0825468522512036</v>
      </c>
      <c r="H26">
        <f t="shared" si="3"/>
        <v>-2.9849775828070673E-2</v>
      </c>
      <c r="I26">
        <f t="shared" si="2"/>
        <v>1.5029583314220669E-2</v>
      </c>
    </row>
    <row r="27" spans="1:9" x14ac:dyDescent="0.4">
      <c r="A27">
        <v>0.83333333333333337</v>
      </c>
      <c r="B27">
        <v>-14.712666080990882</v>
      </c>
      <c r="C27">
        <v>1.9187174675472909</v>
      </c>
      <c r="D27">
        <v>14.976335322463461</v>
      </c>
      <c r="E27">
        <v>2.203989663602159</v>
      </c>
      <c r="F27">
        <f t="shared" si="0"/>
        <v>2.2815042163486194</v>
      </c>
      <c r="G27">
        <f t="shared" si="1"/>
        <v>2.0820090587655926</v>
      </c>
      <c r="H27">
        <f t="shared" si="3"/>
        <v>-4.5320670753609807E-2</v>
      </c>
      <c r="I27">
        <f t="shared" si="2"/>
        <v>5.6057314132593756E-3</v>
      </c>
    </row>
    <row r="28" spans="1:9" x14ac:dyDescent="0.4">
      <c r="A28">
        <v>0.8666666666666667</v>
      </c>
      <c r="B28">
        <v>-14.709293021182017</v>
      </c>
      <c r="C28">
        <v>1.9196120804051966</v>
      </c>
      <c r="D28">
        <v>14.972027484621325</v>
      </c>
      <c r="E28">
        <v>2.2035470893647902</v>
      </c>
      <c r="F28">
        <f t="shared" si="0"/>
        <v>2.2804806822490642</v>
      </c>
      <c r="G28">
        <f t="shared" si="1"/>
        <v>2.0821382573575318</v>
      </c>
      <c r="H28">
        <f t="shared" si="3"/>
        <v>-3.2324756165110997E-2</v>
      </c>
      <c r="I28">
        <f t="shared" si="2"/>
        <v>8.5348535890346112E-3</v>
      </c>
    </row>
    <row r="29" spans="1:9" x14ac:dyDescent="0.4">
      <c r="A29">
        <v>0.9</v>
      </c>
      <c r="B29">
        <v>-14.70591201043862</v>
      </c>
      <c r="C29">
        <v>1.9198979784468957</v>
      </c>
      <c r="D29">
        <v>14.966053892148086</v>
      </c>
      <c r="E29">
        <v>2.2046862609614495</v>
      </c>
      <c r="F29">
        <f t="shared" si="0"/>
        <v>2.2785070595385695</v>
      </c>
      <c r="G29">
        <f t="shared" si="1"/>
        <v>2.0829125745247565</v>
      </c>
      <c r="H29">
        <f t="shared" si="3"/>
        <v>-3.0368664802264082E-2</v>
      </c>
      <c r="I29">
        <f t="shared" si="2"/>
        <v>-4.3745807094817133E-3</v>
      </c>
    </row>
    <row r="30" spans="1:9" x14ac:dyDescent="0.4">
      <c r="A30">
        <v>0.93333333333333335</v>
      </c>
      <c r="B30">
        <v>-14.700917677821153</v>
      </c>
      <c r="C30">
        <v>1.918759086265049</v>
      </c>
      <c r="D30">
        <v>14.963330434080659</v>
      </c>
      <c r="E30">
        <v>2.2065939595396191</v>
      </c>
      <c r="F30">
        <f t="shared" si="0"/>
        <v>2.2790836804440131</v>
      </c>
      <c r="G30">
        <f t="shared" si="1"/>
        <v>2.0835175699697941</v>
      </c>
      <c r="H30">
        <f t="shared" si="3"/>
        <v>-3.4940233940368166E-2</v>
      </c>
      <c r="I30">
        <f t="shared" si="2"/>
        <v>-2.0842406458461141E-2</v>
      </c>
    </row>
    <row r="31" spans="1:9" x14ac:dyDescent="0.4">
      <c r="A31">
        <v>0.96666666666666667</v>
      </c>
      <c r="B31">
        <v>-14.698369864999085</v>
      </c>
      <c r="C31">
        <v>1.9176015335934908</v>
      </c>
      <c r="D31">
        <v>14.958033783185904</v>
      </c>
      <c r="E31">
        <v>2.2023447013031472</v>
      </c>
      <c r="F31">
        <f t="shared" si="0"/>
        <v>2.2771412731174343</v>
      </c>
      <c r="G31">
        <f t="shared" si="1"/>
        <v>2.0805903056745478</v>
      </c>
      <c r="H31">
        <f t="shared" si="3"/>
        <v>-2.3020572666271978E-2</v>
      </c>
      <c r="I31">
        <f t="shared" si="2"/>
        <v>-4.0540415898270933E-2</v>
      </c>
    </row>
    <row r="32" spans="1:9" x14ac:dyDescent="0.4">
      <c r="A32">
        <v>1</v>
      </c>
      <c r="B32">
        <v>-14.695488347944355</v>
      </c>
      <c r="C32">
        <v>1.9149536360959072</v>
      </c>
      <c r="D32">
        <v>14.952734769467488</v>
      </c>
      <c r="E32">
        <v>2.2029868607511336</v>
      </c>
      <c r="F32">
        <f t="shared" si="0"/>
        <v>2.2753402031362371</v>
      </c>
      <c r="G32">
        <f t="shared" si="1"/>
        <v>2.0798256573728926</v>
      </c>
      <c r="H32">
        <f t="shared" si="3"/>
        <v>-2.3341536122672746E-2</v>
      </c>
      <c r="I32">
        <f t="shared" si="2"/>
        <v>-5.5025333333045261E-2</v>
      </c>
    </row>
    <row r="33" spans="1:9" x14ac:dyDescent="0.4">
      <c r="A33">
        <v>1.0333333333333334</v>
      </c>
      <c r="B33">
        <v>-14.69281532867482</v>
      </c>
      <c r="C33">
        <v>1.9153493414145577</v>
      </c>
      <c r="D33">
        <v>14.952837610135512</v>
      </c>
      <c r="E33">
        <v>2.1995049567542519</v>
      </c>
      <c r="F33">
        <f t="shared" si="0"/>
        <v>2.2765420360814121</v>
      </c>
      <c r="G33">
        <f t="shared" si="1"/>
        <v>2.0780017948401621</v>
      </c>
      <c r="H33">
        <f t="shared" si="3"/>
        <v>-2.4204595827930124E-3</v>
      </c>
      <c r="I33">
        <f t="shared" si="2"/>
        <v>-3.7973990572092359E-2</v>
      </c>
    </row>
    <row r="34" spans="1:9" x14ac:dyDescent="0.4">
      <c r="A34">
        <v>1.0666666666666667</v>
      </c>
      <c r="B34">
        <v>-14.68592857173393</v>
      </c>
      <c r="C34">
        <v>1.9147254039630257</v>
      </c>
      <c r="D34">
        <v>14.945860524878649</v>
      </c>
      <c r="E34">
        <v>2.1958465995074006</v>
      </c>
      <c r="F34">
        <f t="shared" si="0"/>
        <v>2.2754930429415787</v>
      </c>
      <c r="G34">
        <f t="shared" si="1"/>
        <v>2.0756409364981461</v>
      </c>
      <c r="H34">
        <f t="shared" si="3"/>
        <v>1.4706918495535525E-2</v>
      </c>
      <c r="I34">
        <f t="shared" si="2"/>
        <v>-2.9799898724835135E-2</v>
      </c>
    </row>
    <row r="35" spans="1:9" x14ac:dyDescent="0.4">
      <c r="A35">
        <v>1.1000000000000001</v>
      </c>
      <c r="B35">
        <v>-14.677678345894686</v>
      </c>
      <c r="C35">
        <v>1.9164312082471289</v>
      </c>
      <c r="D35">
        <v>14.941738724109554</v>
      </c>
      <c r="E35">
        <v>2.1958174942246114</v>
      </c>
      <c r="F35">
        <f t="shared" si="0"/>
        <v>2.276661443284298</v>
      </c>
      <c r="G35">
        <f t="shared" si="1"/>
        <v>2.076353667683239</v>
      </c>
      <c r="H35">
        <f t="shared" si="3"/>
        <v>6.5466118084835942E-3</v>
      </c>
      <c r="I35">
        <f t="shared" si="2"/>
        <v>-1.317994180186809E-2</v>
      </c>
    </row>
    <row r="36" spans="1:9" x14ac:dyDescent="0.4">
      <c r="A36">
        <v>1.1333333333333333</v>
      </c>
      <c r="B36">
        <v>-14.672755434556517</v>
      </c>
      <c r="C36">
        <v>1.9156274409577041</v>
      </c>
      <c r="D36">
        <v>14.93993092290132</v>
      </c>
      <c r="E36">
        <v>2.1952463777272095</v>
      </c>
      <c r="F36">
        <f t="shared" si="0"/>
        <v>2.2777316526173834</v>
      </c>
      <c r="G36">
        <f t="shared" si="1"/>
        <v>2.0756830711638816</v>
      </c>
      <c r="H36">
        <f t="shared" si="3"/>
        <v>3.2297929206621693E-3</v>
      </c>
      <c r="I36">
        <f t="shared" si="2"/>
        <v>-2.6472623732094417E-3</v>
      </c>
    </row>
    <row r="37" spans="1:9" x14ac:dyDescent="0.4">
      <c r="A37">
        <v>1.1666666666666667</v>
      </c>
      <c r="B37">
        <v>-14.670910386495814</v>
      </c>
      <c r="C37">
        <v>1.9153230424565746</v>
      </c>
      <c r="D37">
        <v>14.936425107994289</v>
      </c>
      <c r="E37">
        <v>2.1956502137527063</v>
      </c>
      <c r="F37">
        <f t="shared" si="0"/>
        <v>2.2765138332115904</v>
      </c>
      <c r="G37">
        <f t="shared" si="1"/>
        <v>2.0757840705403163</v>
      </c>
      <c r="H37">
        <f t="shared" si="3"/>
        <v>-1.0457242501176642E-2</v>
      </c>
      <c r="I37">
        <f t="shared" si="2"/>
        <v>-2.004700379143555E-2</v>
      </c>
    </row>
    <row r="38" spans="1:9" x14ac:dyDescent="0.4">
      <c r="A38">
        <v>1.2</v>
      </c>
      <c r="B38">
        <v>-14.667453099266798</v>
      </c>
      <c r="C38">
        <v>1.9165559924736335</v>
      </c>
      <c r="D38">
        <v>14.933128496981048</v>
      </c>
      <c r="E38">
        <v>2.1942058766981347</v>
      </c>
      <c r="F38">
        <f t="shared" si="0"/>
        <v>2.2761051467980429</v>
      </c>
      <c r="G38">
        <f t="shared" si="1"/>
        <v>2.0754845246740725</v>
      </c>
      <c r="H38">
        <f t="shared" si="3"/>
        <v>-9.5073890968060525E-3</v>
      </c>
      <c r="I38">
        <f t="shared" si="2"/>
        <v>-3.1282595143206755E-2</v>
      </c>
    </row>
    <row r="39" spans="1:9" x14ac:dyDescent="0.4">
      <c r="A39">
        <v>1.2333333333333334</v>
      </c>
      <c r="B39">
        <v>-14.661550750337771</v>
      </c>
      <c r="C39">
        <v>1.9140850778393115</v>
      </c>
      <c r="D39">
        <v>14.928067176036494</v>
      </c>
      <c r="E39">
        <v>2.1919064549290104</v>
      </c>
      <c r="F39">
        <f t="shared" si="0"/>
        <v>2.2757318224437721</v>
      </c>
      <c r="G39">
        <f t="shared" si="1"/>
        <v>2.073111773629571</v>
      </c>
      <c r="H39">
        <f t="shared" si="3"/>
        <v>4.4387201064139976E-3</v>
      </c>
      <c r="I39">
        <f t="shared" si="2"/>
        <v>-3.4438608738429202E-2</v>
      </c>
    </row>
    <row r="40" spans="1:9" x14ac:dyDescent="0.4">
      <c r="A40">
        <v>1.2666666666666666</v>
      </c>
      <c r="B40">
        <v>-14.656711800898064</v>
      </c>
      <c r="C40">
        <v>1.9143631977364097</v>
      </c>
      <c r="D40">
        <v>14.92586099161977</v>
      </c>
      <c r="E40">
        <v>2.1894165412256252</v>
      </c>
      <c r="F40">
        <f t="shared" si="0"/>
        <v>2.2765380931518249</v>
      </c>
      <c r="G40">
        <f t="shared" si="1"/>
        <v>2.0718054537620532</v>
      </c>
      <c r="H40">
        <f t="shared" si="3"/>
        <v>1.3716912654841094E-2</v>
      </c>
      <c r="I40">
        <f t="shared" si="2"/>
        <v>-3.0003001043102728E-2</v>
      </c>
    </row>
    <row r="41" spans="1:9" x14ac:dyDescent="0.4">
      <c r="A41">
        <v>1.3</v>
      </c>
      <c r="B41">
        <v>-14.651034871406935</v>
      </c>
      <c r="C41">
        <v>1.9131525392677056</v>
      </c>
      <c r="D41">
        <v>14.922492115232737</v>
      </c>
      <c r="E41">
        <v>2.1904578542444559</v>
      </c>
      <c r="F41">
        <f t="shared" si="0"/>
        <v>2.2770371467191017</v>
      </c>
      <c r="G41">
        <f t="shared" si="1"/>
        <v>2.0718838378732545</v>
      </c>
      <c r="H41">
        <f t="shared" si="3"/>
        <v>5.8506503683628443E-3</v>
      </c>
      <c r="I41">
        <f t="shared" si="2"/>
        <v>-1.6564121088341821E-2</v>
      </c>
    </row>
    <row r="42" spans="1:9" x14ac:dyDescent="0.4">
      <c r="A42">
        <v>1.3333333333333333</v>
      </c>
      <c r="B42">
        <v>-14.645624059323609</v>
      </c>
      <c r="C42">
        <v>1.9110206143671424</v>
      </c>
      <c r="D42">
        <v>14.919675690210743</v>
      </c>
      <c r="E42">
        <v>2.1906775447899807</v>
      </c>
      <c r="F42">
        <f t="shared" si="0"/>
        <v>2.2777386367695183</v>
      </c>
      <c r="G42">
        <f t="shared" si="1"/>
        <v>2.0710979923783803</v>
      </c>
      <c r="H42">
        <f t="shared" si="3"/>
        <v>4.2330605176816782E-3</v>
      </c>
      <c r="I42">
        <f t="shared" si="2"/>
        <v>-6.4369967145085933E-3</v>
      </c>
    </row>
    <row r="43" spans="1:9" x14ac:dyDescent="0.4">
      <c r="A43">
        <v>1.3666666666666667</v>
      </c>
      <c r="B43">
        <v>-14.642487784725388</v>
      </c>
      <c r="C43">
        <v>1.9116923336351779</v>
      </c>
      <c r="D43">
        <v>14.914481775815883</v>
      </c>
      <c r="E43">
        <v>2.1894888822891212</v>
      </c>
      <c r="F43">
        <f t="shared" si="0"/>
        <v>2.2761066590296526</v>
      </c>
      <c r="G43">
        <f t="shared" si="1"/>
        <v>2.0707048174733504</v>
      </c>
      <c r="H43">
        <f t="shared" si="3"/>
        <v>1.2176728189762454E-2</v>
      </c>
      <c r="I43">
        <f t="shared" si="2"/>
        <v>6.8546141520067312E-3</v>
      </c>
    </row>
    <row r="44" spans="1:9" x14ac:dyDescent="0.4">
      <c r="A44">
        <v>1.4</v>
      </c>
      <c r="B44">
        <v>-14.634046513343161</v>
      </c>
      <c r="C44">
        <v>1.9150691258117392</v>
      </c>
      <c r="D44">
        <v>14.910975093811629</v>
      </c>
      <c r="E44">
        <v>2.1880448353871151</v>
      </c>
      <c r="F44">
        <f t="shared" si="0"/>
        <v>2.2777088470828297</v>
      </c>
      <c r="G44">
        <f t="shared" si="1"/>
        <v>2.0713221311762537</v>
      </c>
      <c r="H44">
        <f t="shared" si="3"/>
        <v>1.7455979088305536E-2</v>
      </c>
      <c r="I44">
        <f t="shared" si="2"/>
        <v>1.3634426551284225E-2</v>
      </c>
    </row>
    <row r="45" spans="1:9" x14ac:dyDescent="0.4">
      <c r="A45">
        <v>1.4333333333333333</v>
      </c>
      <c r="B45">
        <v>-14.627314031957445</v>
      </c>
      <c r="C45">
        <v>1.9152898800697671</v>
      </c>
      <c r="D45">
        <v>14.908343889700754</v>
      </c>
      <c r="E45">
        <v>2.1906612984704461</v>
      </c>
      <c r="F45">
        <f t="shared" si="0"/>
        <v>2.2790814962607397</v>
      </c>
      <c r="G45">
        <f t="shared" si="1"/>
        <v>2.0729142041663189</v>
      </c>
      <c r="H45">
        <f t="shared" si="3"/>
        <v>2.4312966105457971E-2</v>
      </c>
      <c r="I45">
        <f t="shared" si="2"/>
        <v>2.1002789011240988E-2</v>
      </c>
    </row>
    <row r="46" spans="1:9" x14ac:dyDescent="0.4">
      <c r="A46">
        <v>1.4666666666666666</v>
      </c>
      <c r="B46">
        <v>-14.618116179668471</v>
      </c>
      <c r="C46">
        <v>1.9161874636980154</v>
      </c>
      <c r="D46">
        <v>14.90161109768516</v>
      </c>
      <c r="E46">
        <v>2.1888578558490148</v>
      </c>
      <c r="F46">
        <f t="shared" si="0"/>
        <v>2.2791605480020256</v>
      </c>
      <c r="G46">
        <f t="shared" si="1"/>
        <v>2.0722657034571101</v>
      </c>
      <c r="H46">
        <f t="shared" si="3"/>
        <v>8.7473798160062483E-3</v>
      </c>
      <c r="I46">
        <f t="shared" si="2"/>
        <v>1.1895268825007565E-2</v>
      </c>
    </row>
    <row r="47" spans="1:9" x14ac:dyDescent="0.4">
      <c r="A47">
        <v>1.5</v>
      </c>
      <c r="B47">
        <v>-14.614385525027616</v>
      </c>
      <c r="C47">
        <v>1.9176922719866305</v>
      </c>
      <c r="D47">
        <v>14.899300181349949</v>
      </c>
      <c r="E47">
        <v>2.1902979975186687</v>
      </c>
      <c r="F47">
        <f t="shared" si="0"/>
        <v>2.279432969587631</v>
      </c>
      <c r="G47">
        <f t="shared" si="1"/>
        <v>2.0737334961681291</v>
      </c>
      <c r="H47">
        <f t="shared" si="3"/>
        <v>-4.624692811389771E-3</v>
      </c>
      <c r="I47">
        <f t="shared" si="2"/>
        <v>1.4914883183863015E-2</v>
      </c>
    </row>
    <row r="48" spans="1:9" x14ac:dyDescent="0.4">
      <c r="A48">
        <v>1.5333333333333334</v>
      </c>
      <c r="B48">
        <v>-14.610905810736371</v>
      </c>
      <c r="C48">
        <v>1.917107116708169</v>
      </c>
      <c r="D48">
        <v>14.895928683332537</v>
      </c>
      <c r="E48">
        <v>2.1892703053092828</v>
      </c>
      <c r="F48">
        <f t="shared" si="0"/>
        <v>2.2789910070553852</v>
      </c>
      <c r="G48">
        <f t="shared" si="1"/>
        <v>2.0728950299795166</v>
      </c>
      <c r="H48">
        <f t="shared" si="3"/>
        <v>-1.3652850489259441E-2</v>
      </c>
      <c r="I48">
        <f t="shared" si="2"/>
        <v>2.4120855533518129E-2</v>
      </c>
    </row>
    <row r="49" spans="1:9" x14ac:dyDescent="0.4">
      <c r="A49">
        <v>1.5666666666666667</v>
      </c>
      <c r="B49">
        <v>-14.605640183087086</v>
      </c>
      <c r="C49">
        <v>1.9182229709123568</v>
      </c>
      <c r="D49">
        <v>14.890954817633597</v>
      </c>
      <c r="E49">
        <v>2.1922632713794479</v>
      </c>
      <c r="F49">
        <f t="shared" si="0"/>
        <v>2.2783954845988283</v>
      </c>
      <c r="G49">
        <f t="shared" si="1"/>
        <v>2.0750853547690928</v>
      </c>
      <c r="H49">
        <f t="shared" si="3"/>
        <v>-8.2730451812667131E-3</v>
      </c>
      <c r="I49">
        <f t="shared" si="2"/>
        <v>1.8304774761287664E-2</v>
      </c>
    </row>
    <row r="50" spans="1:9" x14ac:dyDescent="0.4">
      <c r="A50">
        <v>1.6</v>
      </c>
      <c r="B50">
        <v>-14.603346907337107</v>
      </c>
      <c r="C50">
        <v>1.9161788983792951</v>
      </c>
      <c r="D50">
        <v>14.887509258651011</v>
      </c>
      <c r="E50">
        <v>2.1947066314320147</v>
      </c>
      <c r="F50">
        <f t="shared" si="0"/>
        <v>2.2774038154148837</v>
      </c>
      <c r="G50">
        <f t="shared" si="1"/>
        <v>2.075609916745548</v>
      </c>
      <c r="H50">
        <f t="shared" si="3"/>
        <v>-2.0156343540405127E-3</v>
      </c>
      <c r="I50">
        <f t="shared" si="2"/>
        <v>1.9322069473131531E-2</v>
      </c>
    </row>
    <row r="51" spans="1:9" x14ac:dyDescent="0.4">
      <c r="A51">
        <v>1.6333333333333333</v>
      </c>
      <c r="B51">
        <v>-14.59571945023499</v>
      </c>
      <c r="C51">
        <v>1.9190113017433246</v>
      </c>
      <c r="D51">
        <v>14.884333989804954</v>
      </c>
      <c r="E51">
        <v>2.192270973046218</v>
      </c>
      <c r="F51">
        <f t="shared" si="0"/>
        <v>2.2788477245443373</v>
      </c>
      <c r="G51">
        <f t="shared" si="1"/>
        <v>2.0754268485786613</v>
      </c>
      <c r="H51">
        <f t="shared" si="3"/>
        <v>1.4270412800563227E-3</v>
      </c>
      <c r="I51">
        <f t="shared" si="2"/>
        <v>7.2871528291154107E-3</v>
      </c>
    </row>
    <row r="52" spans="1:9" x14ac:dyDescent="0.4">
      <c r="A52">
        <v>1.6666666666666667</v>
      </c>
      <c r="B52">
        <v>-14.590110618990304</v>
      </c>
      <c r="C52">
        <v>1.9205881665594813</v>
      </c>
      <c r="D52">
        <v>14.879412524349339</v>
      </c>
      <c r="E52">
        <v>2.1919976040697691</v>
      </c>
      <c r="F52">
        <f t="shared" si="0"/>
        <v>2.2784289480236239</v>
      </c>
      <c r="G52">
        <f t="shared" si="1"/>
        <v>2.0759446279869209</v>
      </c>
      <c r="H52">
        <f t="shared" si="3"/>
        <v>1.4831899619656079E-3</v>
      </c>
      <c r="I52">
        <f t="shared" si="2"/>
        <v>1.7021690274048307E-3</v>
      </c>
    </row>
    <row r="53" spans="1:9" x14ac:dyDescent="0.4">
      <c r="A53">
        <v>1.7</v>
      </c>
      <c r="B53">
        <v>-14.582867866524113</v>
      </c>
      <c r="C53">
        <v>1.9225732293523852</v>
      </c>
      <c r="D53">
        <v>14.873463698575522</v>
      </c>
      <c r="E53">
        <v>2.1908429979226809</v>
      </c>
      <c r="F53">
        <f t="shared" si="0"/>
        <v>2.2781207585078009</v>
      </c>
      <c r="G53">
        <f t="shared" si="1"/>
        <v>2.0761325246199256</v>
      </c>
      <c r="H53">
        <f t="shared" si="3"/>
        <v>-8.5595713917885358E-3</v>
      </c>
      <c r="I53">
        <f t="shared" si="2"/>
        <v>-4.2904951448159406E-3</v>
      </c>
    </row>
    <row r="54" spans="1:9" x14ac:dyDescent="0.4">
      <c r="A54">
        <v>1.7333333333333334</v>
      </c>
      <c r="B54">
        <v>-14.577738715350103</v>
      </c>
      <c r="C54">
        <v>1.9244644878724253</v>
      </c>
      <c r="D54">
        <v>14.869446526106811</v>
      </c>
      <c r="E54">
        <v>2.188396411550563</v>
      </c>
      <c r="F54">
        <f t="shared" si="0"/>
        <v>2.2780144967601461</v>
      </c>
      <c r="G54">
        <f t="shared" si="1"/>
        <v>2.0755407735628166</v>
      </c>
      <c r="H54">
        <f t="shared" si="3"/>
        <v>-2.092479575135987E-2</v>
      </c>
      <c r="I54">
        <f t="shared" si="2"/>
        <v>-1.440835953857845E-2</v>
      </c>
    </row>
    <row r="55" spans="1:9" x14ac:dyDescent="0.4">
      <c r="A55">
        <v>1.7666666666666666</v>
      </c>
      <c r="B55">
        <v>-14.573427253774481</v>
      </c>
      <c r="C55">
        <v>1.9235552340122302</v>
      </c>
      <c r="D55">
        <v>14.86555122317157</v>
      </c>
      <c r="E55">
        <v>2.187980117993209</v>
      </c>
      <c r="F55">
        <f t="shared" si="0"/>
        <v>2.2776283549441114</v>
      </c>
      <c r="G55">
        <f t="shared" si="1"/>
        <v>2.0749136932665775</v>
      </c>
      <c r="H55">
        <f t="shared" si="3"/>
        <v>-2.471352152619001E-2</v>
      </c>
      <c r="I55">
        <f t="shared" si="2"/>
        <v>-1.788307176104809E-2</v>
      </c>
    </row>
    <row r="56" spans="1:9" x14ac:dyDescent="0.4">
      <c r="A56">
        <v>1.8</v>
      </c>
      <c r="B56">
        <v>-14.569715922534218</v>
      </c>
      <c r="C56">
        <v>1.9237593334400946</v>
      </c>
      <c r="D56">
        <v>14.858514939033418</v>
      </c>
      <c r="E56">
        <v>2.186498103287807</v>
      </c>
      <c r="F56">
        <f t="shared" si="0"/>
        <v>2.2751876838469087</v>
      </c>
      <c r="G56">
        <f t="shared" si="1"/>
        <v>2.0741526504071652</v>
      </c>
      <c r="H56">
        <f t="shared" si="3"/>
        <v>-2.0692855481971868E-2</v>
      </c>
      <c r="I56">
        <f t="shared" si="2"/>
        <v>-9.4343919486905552E-3</v>
      </c>
    </row>
    <row r="57" spans="1:9" x14ac:dyDescent="0.4">
      <c r="A57">
        <v>1.8333333333333333</v>
      </c>
      <c r="B57">
        <v>-14.565284914563945</v>
      </c>
      <c r="C57">
        <v>1.9241436980367166</v>
      </c>
      <c r="D57">
        <v>14.855602478927326</v>
      </c>
      <c r="E57">
        <v>2.1856753868078704</v>
      </c>
      <c r="F57">
        <f t="shared" si="0"/>
        <v>2.2754152447100546</v>
      </c>
      <c r="G57">
        <f t="shared" si="1"/>
        <v>2.0738460742375766</v>
      </c>
      <c r="H57">
        <f t="shared" si="3"/>
        <v>-1.867539161099608E-2</v>
      </c>
      <c r="I57">
        <f t="shared" si="2"/>
        <v>-9.6235092688012874E-3</v>
      </c>
    </row>
    <row r="58" spans="1:9" x14ac:dyDescent="0.4">
      <c r="A58">
        <v>1.8666666666666667</v>
      </c>
      <c r="B58">
        <v>-14.561548232523363</v>
      </c>
      <c r="C58">
        <v>1.9248981211338712</v>
      </c>
      <c r="D58">
        <v>14.853260114746274</v>
      </c>
      <c r="E58">
        <v>2.1862580561661806</v>
      </c>
      <c r="F58">
        <f t="shared" si="0"/>
        <v>2.2756722426301792</v>
      </c>
      <c r="G58">
        <f t="shared" si="1"/>
        <v>2.074502184419202</v>
      </c>
      <c r="H58">
        <f t="shared" si="3"/>
        <v>-1.6070725511080578E-2</v>
      </c>
      <c r="I58">
        <f t="shared" si="2"/>
        <v>-1.8559913040837824E-2</v>
      </c>
    </row>
    <row r="59" spans="1:9" x14ac:dyDescent="0.4">
      <c r="A59">
        <v>1.9</v>
      </c>
      <c r="B59">
        <v>-14.556824391363385</v>
      </c>
      <c r="C59">
        <v>1.9235288508129569</v>
      </c>
      <c r="D59">
        <v>14.847287753018007</v>
      </c>
      <c r="E59">
        <v>2.1848924440002269</v>
      </c>
      <c r="F59">
        <f t="shared" si="0"/>
        <v>2.2742735102839768</v>
      </c>
      <c r="G59">
        <f t="shared" si="1"/>
        <v>2.0731350080490922</v>
      </c>
      <c r="H59">
        <f t="shared" si="3"/>
        <v>-3.0354593355433668E-2</v>
      </c>
      <c r="I59">
        <f t="shared" si="2"/>
        <v>-3.5141597930099966E-2</v>
      </c>
    </row>
    <row r="60" spans="1:9" x14ac:dyDescent="0.4">
      <c r="A60">
        <v>1.9333333333333333</v>
      </c>
      <c r="B60">
        <v>-14.553982617634325</v>
      </c>
      <c r="C60">
        <v>1.9211185069732228</v>
      </c>
      <c r="D60">
        <v>14.843080010560373</v>
      </c>
      <c r="E60">
        <v>2.18368788789987</v>
      </c>
      <c r="F60">
        <f t="shared" si="0"/>
        <v>2.2730800968081009</v>
      </c>
      <c r="G60">
        <f t="shared" si="1"/>
        <v>2.0714148646612678</v>
      </c>
      <c r="H60">
        <f t="shared" si="3"/>
        <v>-3.8066610635322025E-2</v>
      </c>
      <c r="I60">
        <f t="shared" si="2"/>
        <v>-4.0110358235624151E-2</v>
      </c>
    </row>
    <row r="61" spans="1:9" x14ac:dyDescent="0.4">
      <c r="A61">
        <v>1.9666666666666666</v>
      </c>
      <c r="B61">
        <v>-14.549093000725037</v>
      </c>
      <c r="C61">
        <v>1.9176841529298554</v>
      </c>
      <c r="D61">
        <v>14.836932894618974</v>
      </c>
      <c r="E61">
        <v>2.182965402358013</v>
      </c>
      <c r="F61">
        <f t="shared" si="0"/>
        <v>2.2716522187285215</v>
      </c>
      <c r="G61">
        <f t="shared" si="1"/>
        <v>2.0695328011281937</v>
      </c>
      <c r="H61">
        <f t="shared" si="3"/>
        <v>-2.267669943682861E-2</v>
      </c>
      <c r="I61">
        <f t="shared" si="2"/>
        <v>-4.3299359478839783E-2</v>
      </c>
    </row>
    <row r="62" spans="1:9" x14ac:dyDescent="0.4">
      <c r="A62">
        <v>2</v>
      </c>
      <c r="B62">
        <v>-14.545209052637109</v>
      </c>
      <c r="C62">
        <v>1.9170372809750349</v>
      </c>
      <c r="D62">
        <v>14.83226048362261</v>
      </c>
      <c r="E62">
        <v>2.1835978647671808</v>
      </c>
      <c r="F62">
        <f t="shared" si="0"/>
        <v>2.2706384533020199</v>
      </c>
      <c r="G62">
        <f t="shared" si="1"/>
        <v>2.0696182281737139</v>
      </c>
      <c r="H62">
        <f t="shared" si="3"/>
        <v>-1.4823475619372122E-2</v>
      </c>
      <c r="I62">
        <f t="shared" si="2"/>
        <v>-3.9087914617733352E-2</v>
      </c>
    </row>
    <row r="63" spans="1:9" x14ac:dyDescent="0.4">
      <c r="A63">
        <v>2.0333333333333332</v>
      </c>
      <c r="B63">
        <v>-14.538184845037815</v>
      </c>
      <c r="C63">
        <v>1.9136151631736484</v>
      </c>
      <c r="D63">
        <v>14.828893856649033</v>
      </c>
      <c r="E63">
        <v>2.1812600397998909</v>
      </c>
      <c r="F63">
        <f t="shared" si="0"/>
        <v>2.2717148821308792</v>
      </c>
      <c r="G63">
        <f t="shared" si="1"/>
        <v>2.0668167663797292</v>
      </c>
      <c r="H63">
        <f t="shared" si="3"/>
        <v>-1.3619271084328127E-2</v>
      </c>
      <c r="I63">
        <f t="shared" si="2"/>
        <v>-4.0170235183467982E-2</v>
      </c>
    </row>
    <row r="64" spans="1:9" x14ac:dyDescent="0.4">
      <c r="A64">
        <v>2.0666666666666669</v>
      </c>
      <c r="B64">
        <v>-14.531427318680629</v>
      </c>
      <c r="C64">
        <v>1.9138994006669188</v>
      </c>
      <c r="D64">
        <v>14.821860089682382</v>
      </c>
      <c r="E64">
        <v>2.1800719414180043</v>
      </c>
      <c r="F64">
        <f t="shared" si="0"/>
        <v>2.2705781858370266</v>
      </c>
      <c r="G64">
        <f t="shared" si="1"/>
        <v>2.0662582295992111</v>
      </c>
      <c r="H64">
        <f t="shared" si="3"/>
        <v>-2.4260668363412986E-2</v>
      </c>
      <c r="I64">
        <f t="shared" si="2"/>
        <v>-3.7218458510595895E-2</v>
      </c>
    </row>
    <row r="65" spans="1:9" x14ac:dyDescent="0.4">
      <c r="A65">
        <v>2.1</v>
      </c>
      <c r="B65">
        <v>-14.52602819138853</v>
      </c>
      <c r="C65">
        <v>1.9095703275976963</v>
      </c>
      <c r="D65">
        <v>14.815790371112486</v>
      </c>
      <c r="E65">
        <v>2.1802651890550386</v>
      </c>
      <c r="F65">
        <f t="shared" si="0"/>
        <v>2.2694124739469634</v>
      </c>
      <c r="G65">
        <f t="shared" si="1"/>
        <v>2.0645177612182004</v>
      </c>
      <c r="H65">
        <f t="shared" si="3"/>
        <v>-2.688875005675409E-2</v>
      </c>
      <c r="I65">
        <f t="shared" si="2"/>
        <v>-1.3803812495737616E-2</v>
      </c>
    </row>
    <row r="66" spans="1:9" x14ac:dyDescent="0.4">
      <c r="A66">
        <v>2.1333333333333333</v>
      </c>
      <c r="B66">
        <v>-14.518848252314985</v>
      </c>
      <c r="C66">
        <v>1.9067572046913743</v>
      </c>
      <c r="D66">
        <v>14.807515901402136</v>
      </c>
      <c r="E66">
        <v>2.1824485454277727</v>
      </c>
      <c r="F66">
        <f t="shared" si="0"/>
        <v>2.2677462126667423</v>
      </c>
      <c r="G66">
        <f t="shared" si="1"/>
        <v>2.0645646543360456</v>
      </c>
      <c r="H66">
        <f t="shared" si="3"/>
        <v>-9.5169474229872264E-3</v>
      </c>
      <c r="I66">
        <f t="shared" si="2"/>
        <v>-5.6030917252765083E-3</v>
      </c>
    </row>
    <row r="67" spans="1:9" x14ac:dyDescent="0.4">
      <c r="A67">
        <v>2.1666666666666665</v>
      </c>
      <c r="B67">
        <v>-14.513063663864756</v>
      </c>
      <c r="C67">
        <v>1.9069138901070779</v>
      </c>
      <c r="D67">
        <v>14.804772646827017</v>
      </c>
      <c r="E67">
        <v>2.1837260761012898</v>
      </c>
      <c r="F67">
        <f t="shared" ref="F67:F130" si="4">(B67*58.73+D67*78.62)/(58.73+78.62)</f>
        <v>2.2686494103732291</v>
      </c>
      <c r="G67">
        <f t="shared" ref="G67:G130" si="5">(C67*58.73+E67*78.62)/(58.73+78.62)</f>
        <v>2.0653629185953557</v>
      </c>
      <c r="H67">
        <f t="shared" si="3"/>
        <v>-5.9113094652294784E-4</v>
      </c>
      <c r="I67">
        <f t="shared" si="2"/>
        <v>-3.3433989111304537E-3</v>
      </c>
    </row>
    <row r="68" spans="1:9" x14ac:dyDescent="0.4">
      <c r="A68">
        <v>2.2000000000000002</v>
      </c>
      <c r="B68">
        <v>-14.508734715682085</v>
      </c>
      <c r="C68">
        <v>1.9068956856775545</v>
      </c>
      <c r="D68">
        <v>14.802803972011693</v>
      </c>
      <c r="E68">
        <v>2.1829340997793811</v>
      </c>
      <c r="F68">
        <f t="shared" si="4"/>
        <v>2.2693735597200626</v>
      </c>
      <c r="G68">
        <f t="shared" si="5"/>
        <v>2.0649018022897541</v>
      </c>
      <c r="H68">
        <f t="shared" si="3"/>
        <v>-2.8706046835178922E-4</v>
      </c>
      <c r="I68">
        <f t="shared" si="2"/>
        <v>-1.4263403123617723E-2</v>
      </c>
    </row>
    <row r="69" spans="1:9" x14ac:dyDescent="0.4">
      <c r="A69">
        <v>2.2333333333333334</v>
      </c>
      <c r="B69">
        <v>-14.505152343006751</v>
      </c>
      <c r="C69">
        <v>1.9070013538913448</v>
      </c>
      <c r="D69">
        <v>14.79860226876025</v>
      </c>
      <c r="E69">
        <v>2.1809162475216599</v>
      </c>
      <c r="F69">
        <f t="shared" si="4"/>
        <v>2.2685002785958828</v>
      </c>
      <c r="G69">
        <f t="shared" si="5"/>
        <v>2.0637919540894911</v>
      </c>
      <c r="H69">
        <f t="shared" ref="H69:H132" si="6">SLOPE(F67:F71,$A67:$A71)</f>
        <v>-1.0155542203354784E-2</v>
      </c>
      <c r="I69">
        <f t="shared" ref="I69:I132" si="7">SLOPE(G67:G71,$A67:$A71)</f>
        <v>-2.4278929863056149E-2</v>
      </c>
    </row>
    <row r="70" spans="1:9" x14ac:dyDescent="0.4">
      <c r="A70">
        <v>2.2666666666666666</v>
      </c>
      <c r="B70">
        <v>-14.504497382028946</v>
      </c>
      <c r="C70">
        <v>1.90661079336224</v>
      </c>
      <c r="D70">
        <v>14.796842328778828</v>
      </c>
      <c r="E70">
        <v>2.1797771088335485</v>
      </c>
      <c r="F70">
        <f t="shared" si="4"/>
        <v>2.2677729351440234</v>
      </c>
      <c r="G70">
        <f t="shared" si="5"/>
        <v>2.0629729027350416</v>
      </c>
      <c r="H70">
        <f t="shared" si="6"/>
        <v>-6.7698631127295142E-3</v>
      </c>
      <c r="I70">
        <f t="shared" si="7"/>
        <v>-6.7645573599909945E-3</v>
      </c>
    </row>
    <row r="71" spans="1:9" x14ac:dyDescent="0.4">
      <c r="A71">
        <v>2.2999999999999998</v>
      </c>
      <c r="B71">
        <v>-14.498693332126317</v>
      </c>
      <c r="C71">
        <v>1.9069257412109379</v>
      </c>
      <c r="D71">
        <v>14.792479032261033</v>
      </c>
      <c r="E71">
        <v>2.1783328681661809</v>
      </c>
      <c r="F71">
        <f t="shared" si="4"/>
        <v>2.2677571322940229</v>
      </c>
      <c r="G71">
        <f t="shared" si="5"/>
        <v>2.0622808800622026</v>
      </c>
      <c r="H71">
        <f t="shared" si="6"/>
        <v>1.0130693374728061E-2</v>
      </c>
      <c r="I71">
        <f t="shared" si="7"/>
        <v>1.1029925885200718E-2</v>
      </c>
    </row>
    <row r="72" spans="1:9" x14ac:dyDescent="0.4">
      <c r="A72">
        <v>2.3333333333333335</v>
      </c>
      <c r="B72">
        <v>-14.489311269127423</v>
      </c>
      <c r="C72">
        <v>1.9089246375606284</v>
      </c>
      <c r="D72">
        <v>14.786972416508888</v>
      </c>
      <c r="E72">
        <v>2.1807687560055142</v>
      </c>
      <c r="F72">
        <f t="shared" si="4"/>
        <v>2.2686168223522043</v>
      </c>
      <c r="G72">
        <f t="shared" si="5"/>
        <v>2.0645299130767332</v>
      </c>
      <c r="H72">
        <f t="shared" si="6"/>
        <v>1.2962965308197299E-2</v>
      </c>
      <c r="I72">
        <f t="shared" si="7"/>
        <v>1.9784279506512195E-2</v>
      </c>
    </row>
    <row r="73" spans="1:9" x14ac:dyDescent="0.4">
      <c r="A73">
        <v>2.3666666666666667</v>
      </c>
      <c r="B73">
        <v>-14.479501773442157</v>
      </c>
      <c r="C73">
        <v>1.9092545278961073</v>
      </c>
      <c r="D73">
        <v>14.781653611310317</v>
      </c>
      <c r="E73">
        <v>2.1810846117064306</v>
      </c>
      <c r="F73">
        <f t="shared" si="4"/>
        <v>2.2697667838875804</v>
      </c>
      <c r="G73">
        <f t="shared" si="5"/>
        <v>2.0648517698995121</v>
      </c>
      <c r="H73">
        <f t="shared" si="6"/>
        <v>9.8979464314923587E-3</v>
      </c>
      <c r="I73">
        <f t="shared" si="7"/>
        <v>2.2444101610383838E-2</v>
      </c>
    </row>
    <row r="74" spans="1:9" x14ac:dyDescent="0.4">
      <c r="A74">
        <v>2.4</v>
      </c>
      <c r="B74">
        <v>-14.473618444615566</v>
      </c>
      <c r="C74">
        <v>1.9095019951922394</v>
      </c>
      <c r="D74">
        <v>14.775794390129265</v>
      </c>
      <c r="E74">
        <v>2.1811322218919322</v>
      </c>
      <c r="F74">
        <f t="shared" si="4"/>
        <v>2.2689286035652776</v>
      </c>
      <c r="G74">
        <f t="shared" si="5"/>
        <v>2.0649848377341389</v>
      </c>
      <c r="H74">
        <f t="shared" si="6"/>
        <v>5.07427216993773E-3</v>
      </c>
      <c r="I74">
        <f t="shared" si="7"/>
        <v>1.3344354190370406E-2</v>
      </c>
    </row>
    <row r="75" spans="1:9" x14ac:dyDescent="0.4">
      <c r="A75">
        <v>2.4333333333333331</v>
      </c>
      <c r="B75">
        <v>-14.465376181388091</v>
      </c>
      <c r="C75">
        <v>1.9117676380074693</v>
      </c>
      <c r="D75">
        <v>14.770200383733059</v>
      </c>
      <c r="E75">
        <v>2.180853554289178</v>
      </c>
      <c r="F75">
        <f t="shared" si="4"/>
        <v>2.2692508994260683</v>
      </c>
      <c r="G75">
        <f t="shared" si="5"/>
        <v>2.0657941013352303</v>
      </c>
      <c r="H75">
        <f t="shared" si="6"/>
        <v>1.5801629055583358E-2</v>
      </c>
      <c r="I75">
        <f t="shared" si="7"/>
        <v>1.9778942120689525E-2</v>
      </c>
    </row>
    <row r="76" spans="1:9" x14ac:dyDescent="0.4">
      <c r="A76">
        <v>2.4666666666666668</v>
      </c>
      <c r="B76">
        <v>-14.457612531548063</v>
      </c>
      <c r="C76">
        <v>1.9105704171091844</v>
      </c>
      <c r="D76">
        <v>14.765221208857509</v>
      </c>
      <c r="E76">
        <v>2.1826016644737583</v>
      </c>
      <c r="F76">
        <f t="shared" si="4"/>
        <v>2.2697204766112833</v>
      </c>
      <c r="G76">
        <f t="shared" si="5"/>
        <v>2.0662828063906025</v>
      </c>
      <c r="H76">
        <f t="shared" si="6"/>
        <v>3.2406680937167892E-2</v>
      </c>
      <c r="I76">
        <f t="shared" si="7"/>
        <v>2.8203500110217192E-2</v>
      </c>
    </row>
    <row r="77" spans="1:9" x14ac:dyDescent="0.4">
      <c r="A77">
        <v>2.5</v>
      </c>
      <c r="B77">
        <v>-14.449423088398559</v>
      </c>
      <c r="C77">
        <v>1.9144013975717824</v>
      </c>
      <c r="D77">
        <v>14.76309373559276</v>
      </c>
      <c r="E77">
        <v>2.1818650657449847</v>
      </c>
      <c r="F77">
        <f t="shared" si="4"/>
        <v>2.2720044522071747</v>
      </c>
      <c r="G77">
        <f t="shared" si="5"/>
        <v>2.0674992759247286</v>
      </c>
      <c r="H77">
        <f t="shared" si="6"/>
        <v>2.9003136526218137E-2</v>
      </c>
      <c r="I77">
        <f t="shared" si="7"/>
        <v>3.2567967283870063E-2</v>
      </c>
    </row>
    <row r="78" spans="1:9" x14ac:dyDescent="0.4">
      <c r="A78">
        <v>2.5333333333333332</v>
      </c>
      <c r="B78">
        <v>-14.439382274457381</v>
      </c>
      <c r="C78">
        <v>1.9176105284749441</v>
      </c>
      <c r="D78">
        <v>14.75725015745506</v>
      </c>
      <c r="E78">
        <v>2.1817975500365434</v>
      </c>
      <c r="F78">
        <f t="shared" si="4"/>
        <v>2.2729529406642524</v>
      </c>
      <c r="G78">
        <f t="shared" si="5"/>
        <v>2.0688328337910926</v>
      </c>
      <c r="H78">
        <f t="shared" si="6"/>
        <v>2.6299691199375322E-2</v>
      </c>
      <c r="I78">
        <f t="shared" si="7"/>
        <v>2.3367698977336801E-2</v>
      </c>
    </row>
    <row r="79" spans="1:9" x14ac:dyDescent="0.4">
      <c r="A79">
        <v>2.5666666666666669</v>
      </c>
      <c r="B79">
        <v>-14.434610871149694</v>
      </c>
      <c r="C79">
        <v>1.9174050772459574</v>
      </c>
      <c r="D79">
        <v>14.752839584884256</v>
      </c>
      <c r="E79">
        <v>2.1838976284798188</v>
      </c>
      <c r="F79">
        <f t="shared" si="4"/>
        <v>2.2724685234872868</v>
      </c>
      <c r="G79">
        <f t="shared" si="5"/>
        <v>2.0699470821822969</v>
      </c>
      <c r="H79">
        <f t="shared" si="6"/>
        <v>8.8640508492354633E-3</v>
      </c>
      <c r="I79">
        <f t="shared" si="7"/>
        <v>7.1462432448545941E-3</v>
      </c>
    </row>
    <row r="80" spans="1:9" x14ac:dyDescent="0.4">
      <c r="A80">
        <v>2.6</v>
      </c>
      <c r="B80">
        <v>-14.428478342108731</v>
      </c>
      <c r="C80">
        <v>1.9164398607382129</v>
      </c>
      <c r="D80">
        <v>14.750709923223305</v>
      </c>
      <c r="E80">
        <v>2.1828828913458618</v>
      </c>
      <c r="F80">
        <f t="shared" si="4"/>
        <v>2.2738717228377898</v>
      </c>
      <c r="G80">
        <f t="shared" si="5"/>
        <v>2.0689535197580411</v>
      </c>
      <c r="H80">
        <f t="shared" si="6"/>
        <v>-1.0830781803710086E-3</v>
      </c>
      <c r="I80">
        <f t="shared" si="7"/>
        <v>2.7873185405611462E-3</v>
      </c>
    </row>
    <row r="81" spans="1:9" x14ac:dyDescent="0.4">
      <c r="A81">
        <v>2.6333333333333333</v>
      </c>
      <c r="B81">
        <v>-14.422658198068511</v>
      </c>
      <c r="C81">
        <v>1.9158267253905987</v>
      </c>
      <c r="D81">
        <v>14.744878440788712</v>
      </c>
      <c r="E81">
        <v>2.1827756712741229</v>
      </c>
      <c r="F81">
        <f t="shared" si="4"/>
        <v>2.2730224029286119</v>
      </c>
      <c r="G81">
        <f t="shared" si="5"/>
        <v>2.0686299734820635</v>
      </c>
      <c r="H81">
        <f t="shared" si="6"/>
        <v>-1.4974652705403147E-2</v>
      </c>
      <c r="I81">
        <f t="shared" si="7"/>
        <v>2.1727572335357255E-3</v>
      </c>
    </row>
    <row r="82" spans="1:9" x14ac:dyDescent="0.4">
      <c r="A82">
        <v>2.6666666666666665</v>
      </c>
      <c r="B82">
        <v>-14.417116800982196</v>
      </c>
      <c r="C82">
        <v>1.9179618829006879</v>
      </c>
      <c r="D82">
        <v>14.739818430254482</v>
      </c>
      <c r="E82">
        <v>2.1834971654205293</v>
      </c>
      <c r="F82">
        <f t="shared" si="4"/>
        <v>2.272495487913528</v>
      </c>
      <c r="G82">
        <f t="shared" si="5"/>
        <v>2.0699559412313029</v>
      </c>
      <c r="H82">
        <f t="shared" si="6"/>
        <v>-1.6835564606412674E-2</v>
      </c>
      <c r="I82">
        <f t="shared" si="7"/>
        <v>7.5282826929661166E-3</v>
      </c>
    </row>
    <row r="83" spans="1:9" x14ac:dyDescent="0.4">
      <c r="A83">
        <v>2.7</v>
      </c>
      <c r="B83">
        <v>-14.412795836840536</v>
      </c>
      <c r="C83">
        <v>1.9184573895571504</v>
      </c>
      <c r="D83">
        <v>14.733385517347568</v>
      </c>
      <c r="E83">
        <v>2.1828685574753046</v>
      </c>
      <c r="F83">
        <f t="shared" si="4"/>
        <v>2.2706608654985172</v>
      </c>
      <c r="G83">
        <f t="shared" si="5"/>
        <v>2.0698079976512553</v>
      </c>
      <c r="H83">
        <f t="shared" si="6"/>
        <v>-2.5486844137035144E-3</v>
      </c>
      <c r="I83">
        <f t="shared" si="7"/>
        <v>-7.3662395046625107E-3</v>
      </c>
    </row>
    <row r="84" spans="1:9" x14ac:dyDescent="0.4">
      <c r="A84">
        <v>2.7333333333333334</v>
      </c>
      <c r="B84">
        <v>-14.406281322044537</v>
      </c>
      <c r="C84">
        <v>1.9192908848039087</v>
      </c>
      <c r="D84">
        <v>14.73128933636915</v>
      </c>
      <c r="E84">
        <v>2.1819161333298642</v>
      </c>
      <c r="F84">
        <f t="shared" si="4"/>
        <v>2.2722465641184351</v>
      </c>
      <c r="G84">
        <f t="shared" si="5"/>
        <v>2.0696192214556062</v>
      </c>
      <c r="H84">
        <f t="shared" si="6"/>
        <v>-6.8016297659747784E-3</v>
      </c>
      <c r="I84">
        <f t="shared" si="7"/>
        <v>-1.5718858051934962E-2</v>
      </c>
    </row>
    <row r="85" spans="1:9" x14ac:dyDescent="0.4">
      <c r="A85">
        <v>2.7666666666666666</v>
      </c>
      <c r="B85">
        <v>-14.399652831607982</v>
      </c>
      <c r="C85">
        <v>1.9188809648249534</v>
      </c>
      <c r="D85">
        <v>14.727168520098861</v>
      </c>
      <c r="E85">
        <v>2.1786434307410363</v>
      </c>
      <c r="F85">
        <f t="shared" si="4"/>
        <v>2.2727220840905411</v>
      </c>
      <c r="G85">
        <f t="shared" si="5"/>
        <v>2.0675706267858014</v>
      </c>
      <c r="H85">
        <f t="shared" si="6"/>
        <v>-8.025148155859552E-3</v>
      </c>
      <c r="I85">
        <f t="shared" si="7"/>
        <v>-2.1176201935916981E-2</v>
      </c>
    </row>
    <row r="86" spans="1:9" x14ac:dyDescent="0.4">
      <c r="A86">
        <v>2.8</v>
      </c>
      <c r="B86">
        <v>-14.397686865961715</v>
      </c>
      <c r="C86">
        <v>1.9191320880756817</v>
      </c>
      <c r="D86">
        <v>14.721523150275431</v>
      </c>
      <c r="E86">
        <v>2.1800005288821436</v>
      </c>
      <c r="F86">
        <f t="shared" si="4"/>
        <v>2.2703312736565202</v>
      </c>
      <c r="G86">
        <f t="shared" si="5"/>
        <v>2.0684548169887074</v>
      </c>
      <c r="H86">
        <f t="shared" si="6"/>
        <v>-2.6979131562451006E-2</v>
      </c>
      <c r="I86">
        <f t="shared" si="7"/>
        <v>-4.6204736348219186E-2</v>
      </c>
    </row>
    <row r="87" spans="1:9" x14ac:dyDescent="0.4">
      <c r="A87">
        <v>2.8333333333333335</v>
      </c>
      <c r="B87">
        <v>-14.390189529589227</v>
      </c>
      <c r="C87">
        <v>1.9164566722013463</v>
      </c>
      <c r="D87">
        <v>14.715834704972449</v>
      </c>
      <c r="E87">
        <v>2.1792143861586881</v>
      </c>
      <c r="F87">
        <f t="shared" si="4"/>
        <v>2.2702809860368314</v>
      </c>
      <c r="G87">
        <f t="shared" si="5"/>
        <v>2.0668608328953852</v>
      </c>
      <c r="H87">
        <f t="shared" si="6"/>
        <v>-2.4513145620708596E-2</v>
      </c>
      <c r="I87">
        <f t="shared" si="7"/>
        <v>-4.7966218066336247E-2</v>
      </c>
    </row>
    <row r="88" spans="1:9" x14ac:dyDescent="0.4">
      <c r="A88">
        <v>2.8666666666666667</v>
      </c>
      <c r="B88">
        <v>-14.383162593973152</v>
      </c>
      <c r="C88">
        <v>1.9142591702451965</v>
      </c>
      <c r="D88">
        <v>14.708296233119626</v>
      </c>
      <c r="E88">
        <v>2.1728415246876969</v>
      </c>
      <c r="F88">
        <f t="shared" si="4"/>
        <v>2.2689705912182148</v>
      </c>
      <c r="G88">
        <f t="shared" si="5"/>
        <v>2.0622733290094444</v>
      </c>
      <c r="H88">
        <f t="shared" si="6"/>
        <v>-1.7811879685710526E-2</v>
      </c>
      <c r="I88">
        <f t="shared" si="7"/>
        <v>-5.3503787695478769E-2</v>
      </c>
    </row>
    <row r="89" spans="1:9" x14ac:dyDescent="0.4">
      <c r="A89">
        <v>2.9</v>
      </c>
      <c r="B89">
        <v>-14.376941794587561</v>
      </c>
      <c r="C89">
        <v>1.9146154574718741</v>
      </c>
      <c r="D89">
        <v>14.704254234977272</v>
      </c>
      <c r="E89">
        <v>2.1732631236765112</v>
      </c>
      <c r="F89">
        <f t="shared" si="4"/>
        <v>2.2693169010395757</v>
      </c>
      <c r="G89">
        <f t="shared" si="5"/>
        <v>2.0626670010977102</v>
      </c>
      <c r="H89">
        <f t="shared" si="6"/>
        <v>-1.8736712136302913E-2</v>
      </c>
      <c r="I89">
        <f t="shared" si="7"/>
        <v>-3.3903858213907942E-2</v>
      </c>
    </row>
    <row r="90" spans="1:9" x14ac:dyDescent="0.4">
      <c r="A90">
        <v>2.9333333333333331</v>
      </c>
      <c r="B90">
        <v>-14.374771029003558</v>
      </c>
      <c r="C90">
        <v>1.9135832192565461</v>
      </c>
      <c r="D90">
        <v>14.700060644808145</v>
      </c>
      <c r="E90">
        <v>2.1722303125392819</v>
      </c>
      <c r="F90">
        <f t="shared" si="4"/>
        <v>2.2678446695408629</v>
      </c>
      <c r="G90">
        <f t="shared" si="5"/>
        <v>2.0616344349382985</v>
      </c>
      <c r="H90">
        <f t="shared" si="6"/>
        <v>-2.1058165610788205E-2</v>
      </c>
      <c r="I90">
        <f t="shared" si="7"/>
        <v>-1.992703136301709E-2</v>
      </c>
    </row>
    <row r="91" spans="1:9" x14ac:dyDescent="0.4">
      <c r="A91">
        <v>2.9666666666666668</v>
      </c>
      <c r="B91">
        <v>-14.367033959274805</v>
      </c>
      <c r="C91">
        <v>1.9115267240068383</v>
      </c>
      <c r="D91">
        <v>14.694065199222928</v>
      </c>
      <c r="E91">
        <v>2.1735834536587229</v>
      </c>
      <c r="F91">
        <f t="shared" si="4"/>
        <v>2.2677211615194568</v>
      </c>
      <c r="G91">
        <f t="shared" si="5"/>
        <v>2.0615296368953069</v>
      </c>
      <c r="H91">
        <f t="shared" si="6"/>
        <v>-2.0202426312585942E-2</v>
      </c>
      <c r="I91">
        <f t="shared" si="7"/>
        <v>-2.7724461623071382E-2</v>
      </c>
    </row>
    <row r="92" spans="1:9" x14ac:dyDescent="0.4">
      <c r="A92">
        <v>3</v>
      </c>
      <c r="B92">
        <v>-14.362092157397049</v>
      </c>
      <c r="C92">
        <v>1.9107568106656734</v>
      </c>
      <c r="D92">
        <v>14.687818799434254</v>
      </c>
      <c r="E92">
        <v>2.1706491958284642</v>
      </c>
      <c r="F92">
        <f t="shared" si="4"/>
        <v>2.2662587667098095</v>
      </c>
      <c r="G92">
        <f t="shared" si="5"/>
        <v>2.0595208392168098</v>
      </c>
      <c r="H92">
        <f t="shared" si="6"/>
        <v>-2.7841816831092072E-2</v>
      </c>
      <c r="I92">
        <f t="shared" si="7"/>
        <v>-1.9937589707052113E-2</v>
      </c>
    </row>
    <row r="93" spans="1:9" x14ac:dyDescent="0.4">
      <c r="A93">
        <v>3.0333333333333332</v>
      </c>
      <c r="B93">
        <v>-14.354859671268198</v>
      </c>
      <c r="C93">
        <v>1.908339439391846</v>
      </c>
      <c r="D93">
        <v>14.683261632145559</v>
      </c>
      <c r="E93">
        <v>2.1717251256356196</v>
      </c>
      <c r="F93">
        <f t="shared" si="4"/>
        <v>2.2667427814030048</v>
      </c>
      <c r="G93">
        <f t="shared" si="5"/>
        <v>2.0591030553546092</v>
      </c>
      <c r="H93">
        <f t="shared" si="6"/>
        <v>-4.455419929538218E-2</v>
      </c>
      <c r="I93">
        <f t="shared" si="7"/>
        <v>-3.1214040828810605E-3</v>
      </c>
    </row>
    <row r="94" spans="1:9" x14ac:dyDescent="0.4">
      <c r="A94">
        <v>3.0666666666666669</v>
      </c>
      <c r="B94">
        <v>-14.352722225277487</v>
      </c>
      <c r="C94">
        <v>1.91054439918048</v>
      </c>
      <c r="D94">
        <v>14.676337907863008</v>
      </c>
      <c r="E94">
        <v>2.1708147787395378</v>
      </c>
      <c r="F94">
        <f t="shared" si="4"/>
        <v>2.2636935567939069</v>
      </c>
      <c r="G94">
        <f t="shared" si="5"/>
        <v>2.0595247940908052</v>
      </c>
      <c r="H94">
        <f t="shared" si="6"/>
        <v>-4.4508381213181909E-2</v>
      </c>
      <c r="I94">
        <f t="shared" si="7"/>
        <v>1.8521605885599243E-2</v>
      </c>
    </row>
    <row r="95" spans="1:9" x14ac:dyDescent="0.4">
      <c r="A95">
        <v>3.1</v>
      </c>
      <c r="B95">
        <v>-14.345862018512257</v>
      </c>
      <c r="C95">
        <v>1.9113693303127863</v>
      </c>
      <c r="D95">
        <v>14.667517473849232</v>
      </c>
      <c r="E95">
        <v>2.1727887193529827</v>
      </c>
      <c r="F95">
        <f t="shared" si="4"/>
        <v>2.2615780665948444</v>
      </c>
      <c r="G95">
        <f t="shared" si="5"/>
        <v>2.0610074254444957</v>
      </c>
      <c r="H95">
        <f t="shared" si="6"/>
        <v>-4.4802341849193704E-2</v>
      </c>
      <c r="I95">
        <f t="shared" si="7"/>
        <v>2.7693201656305642E-2</v>
      </c>
    </row>
    <row r="96" spans="1:9" x14ac:dyDescent="0.4">
      <c r="A96">
        <v>3.1333333333333333</v>
      </c>
      <c r="B96">
        <v>-14.33890449718688</v>
      </c>
      <c r="C96">
        <v>1.9127145957263356</v>
      </c>
      <c r="D96">
        <v>14.662049332106625</v>
      </c>
      <c r="E96">
        <v>2.1729161392974143</v>
      </c>
      <c r="F96">
        <f t="shared" si="4"/>
        <v>2.2614230605783594</v>
      </c>
      <c r="G96">
        <f t="shared" si="5"/>
        <v>2.0616555884861332</v>
      </c>
      <c r="H96">
        <f t="shared" si="6"/>
        <v>-3.6822024512413835E-2</v>
      </c>
      <c r="I96">
        <f t="shared" si="7"/>
        <v>3.0336700199157046E-2</v>
      </c>
    </row>
    <row r="97" spans="1:9" x14ac:dyDescent="0.4">
      <c r="A97">
        <v>3.1666666666666665</v>
      </c>
      <c r="B97">
        <v>-14.334223644867198</v>
      </c>
      <c r="C97">
        <v>1.9153197172241707</v>
      </c>
      <c r="D97">
        <v>14.656784555340346</v>
      </c>
      <c r="E97">
        <v>2.1727129088848867</v>
      </c>
      <c r="F97">
        <f t="shared" si="4"/>
        <v>2.2604109725359129</v>
      </c>
      <c r="G97">
        <f t="shared" si="5"/>
        <v>2.0626531917663296</v>
      </c>
      <c r="H97">
        <f t="shared" si="6"/>
        <v>-2.7157131835965138E-2</v>
      </c>
      <c r="I97">
        <f t="shared" si="7"/>
        <v>1.7522667951622488E-2</v>
      </c>
    </row>
    <row r="98" spans="1:9" x14ac:dyDescent="0.4">
      <c r="A98">
        <v>3.2</v>
      </c>
      <c r="B98">
        <v>-14.33066483388007</v>
      </c>
      <c r="C98">
        <v>1.9161248660291581</v>
      </c>
      <c r="D98">
        <v>14.650158844985839</v>
      </c>
      <c r="E98">
        <v>2.1740416142591368</v>
      </c>
      <c r="F98">
        <f t="shared" si="4"/>
        <v>2.2581400997379704</v>
      </c>
      <c r="G98">
        <f t="shared" si="5"/>
        <v>2.0637580276297478</v>
      </c>
      <c r="H98">
        <f t="shared" si="6"/>
        <v>-2.2431103989359005E-2</v>
      </c>
      <c r="I98">
        <f t="shared" si="7"/>
        <v>9.4659534807797294E-3</v>
      </c>
    </row>
    <row r="99" spans="1:9" x14ac:dyDescent="0.4">
      <c r="A99">
        <v>3.2333333333333334</v>
      </c>
      <c r="B99">
        <v>-14.32397556819225</v>
      </c>
      <c r="C99">
        <v>1.9138884920904931</v>
      </c>
      <c r="D99">
        <v>14.646128439237277</v>
      </c>
      <c r="E99">
        <v>2.1741724346222124</v>
      </c>
      <c r="F99">
        <f t="shared" si="4"/>
        <v>2.2586933583757114</v>
      </c>
      <c r="G99">
        <f t="shared" si="5"/>
        <v>2.0628766505312921</v>
      </c>
      <c r="H99">
        <f t="shared" si="6"/>
        <v>-6.9309587610760131E-3</v>
      </c>
      <c r="I99">
        <f t="shared" si="7"/>
        <v>-2.0548893020966119E-3</v>
      </c>
    </row>
    <row r="100" spans="1:9" x14ac:dyDescent="0.4">
      <c r="A100">
        <v>3.2666666666666666</v>
      </c>
      <c r="B100">
        <v>-14.320351836318084</v>
      </c>
      <c r="C100">
        <v>1.9147572105897215</v>
      </c>
      <c r="D100">
        <v>14.64315940618622</v>
      </c>
      <c r="E100">
        <v>2.1739512785769066</v>
      </c>
      <c r="F100">
        <f t="shared" si="4"/>
        <v>2.2585433503269003</v>
      </c>
      <c r="G100">
        <f t="shared" si="5"/>
        <v>2.0631215180171152</v>
      </c>
      <c r="H100">
        <f t="shared" si="6"/>
        <v>2.4118804305883635E-3</v>
      </c>
      <c r="I100">
        <f t="shared" si="7"/>
        <v>1.6828560688391422E-3</v>
      </c>
    </row>
    <row r="101" spans="1:9" x14ac:dyDescent="0.4">
      <c r="A101">
        <v>3.3</v>
      </c>
      <c r="B101">
        <v>-14.315755773761895</v>
      </c>
      <c r="C101">
        <v>1.9144070229225318</v>
      </c>
      <c r="D101">
        <v>14.640618535220172</v>
      </c>
      <c r="E101">
        <v>2.1733523771250587</v>
      </c>
      <c r="F101">
        <f t="shared" si="4"/>
        <v>2.2590541874479353</v>
      </c>
      <c r="G101">
        <f t="shared" si="5"/>
        <v>2.0626289650222964</v>
      </c>
      <c r="H101">
        <f t="shared" si="6"/>
        <v>-7.8700978841204135E-3</v>
      </c>
      <c r="I101">
        <f t="shared" si="7"/>
        <v>-6.682951602243562E-4</v>
      </c>
    </row>
    <row r="102" spans="1:9" x14ac:dyDescent="0.4">
      <c r="A102">
        <v>3.3333333333333335</v>
      </c>
      <c r="B102">
        <v>-14.309454385462082</v>
      </c>
      <c r="C102">
        <v>1.917361242479118</v>
      </c>
      <c r="D102">
        <v>14.634701485417454</v>
      </c>
      <c r="E102">
        <v>2.1738243768335459</v>
      </c>
      <c r="F102">
        <f t="shared" si="4"/>
        <v>2.2583616652736231</v>
      </c>
      <c r="G102">
        <f t="shared" si="5"/>
        <v>2.0641623463957188</v>
      </c>
      <c r="H102">
        <f t="shared" si="6"/>
        <v>-1.3069112007731304E-2</v>
      </c>
      <c r="I102">
        <f t="shared" si="7"/>
        <v>-5.9930206405809086E-3</v>
      </c>
    </row>
    <row r="103" spans="1:9" x14ac:dyDescent="0.4">
      <c r="A103">
        <v>3.3666666666666667</v>
      </c>
      <c r="B103">
        <v>-14.302235563485951</v>
      </c>
      <c r="C103">
        <v>1.9162538321529095</v>
      </c>
      <c r="D103">
        <v>14.627755596286825</v>
      </c>
      <c r="E103">
        <v>2.1713017439479669</v>
      </c>
      <c r="F103">
        <f t="shared" si="4"/>
        <v>2.2574725179216633</v>
      </c>
      <c r="G103">
        <f t="shared" si="5"/>
        <v>2.0622448538152862</v>
      </c>
      <c r="H103">
        <f t="shared" si="6"/>
        <v>-2.269998800447361E-2</v>
      </c>
      <c r="I103">
        <f t="shared" si="7"/>
        <v>-1.2746741160825059E-2</v>
      </c>
    </row>
    <row r="104" spans="1:9" x14ac:dyDescent="0.4">
      <c r="A104">
        <v>3.4</v>
      </c>
      <c r="B104">
        <v>-14.291069834219849</v>
      </c>
      <c r="C104">
        <v>1.917646793074048</v>
      </c>
      <c r="D104">
        <v>14.618861713687837</v>
      </c>
      <c r="E104">
        <v>2.1703832733238704</v>
      </c>
      <c r="F104">
        <f t="shared" si="4"/>
        <v>2.2571559997554145</v>
      </c>
      <c r="G104">
        <f t="shared" si="5"/>
        <v>2.0623147368471901</v>
      </c>
      <c r="H104">
        <f t="shared" si="6"/>
        <v>-1.886276474483806E-2</v>
      </c>
      <c r="I104">
        <f t="shared" si="7"/>
        <v>-1.6479614448820458E-3</v>
      </c>
    </row>
    <row r="105" spans="1:9" x14ac:dyDescent="0.4">
      <c r="A105">
        <v>3.4333333333333331</v>
      </c>
      <c r="B105">
        <v>-14.283660277165156</v>
      </c>
      <c r="C105">
        <v>1.9168805167508183</v>
      </c>
      <c r="D105">
        <v>14.611086482378665</v>
      </c>
      <c r="E105">
        <v>2.1694070978509559</v>
      </c>
      <c r="F105">
        <f t="shared" si="4"/>
        <v>2.2558736888729607</v>
      </c>
      <c r="G105">
        <f t="shared" si="5"/>
        <v>2.0614283129364233</v>
      </c>
      <c r="H105">
        <f t="shared" si="6"/>
        <v>-1.5353012606746026E-2</v>
      </c>
      <c r="I105">
        <f t="shared" si="7"/>
        <v>2.4108675587598358E-2</v>
      </c>
    </row>
    <row r="106" spans="1:9" x14ac:dyDescent="0.4">
      <c r="A106">
        <v>3.4666666666666668</v>
      </c>
      <c r="B106">
        <v>-14.274760631938358</v>
      </c>
      <c r="C106">
        <v>1.9194419205727196</v>
      </c>
      <c r="D106">
        <v>14.604689215225653</v>
      </c>
      <c r="E106">
        <v>2.1725035060162337</v>
      </c>
      <c r="F106">
        <f t="shared" si="4"/>
        <v>2.2560172856738347</v>
      </c>
      <c r="G106">
        <f t="shared" si="5"/>
        <v>2.0642959565943366</v>
      </c>
      <c r="H106">
        <f t="shared" si="6"/>
        <v>-8.1470245829753339E-3</v>
      </c>
      <c r="I106">
        <f t="shared" si="7"/>
        <v>2.7368141685117496E-2</v>
      </c>
    </row>
    <row r="107" spans="1:9" x14ac:dyDescent="0.4">
      <c r="A107">
        <v>3.5</v>
      </c>
      <c r="B107">
        <v>-14.267804421905488</v>
      </c>
      <c r="C107">
        <v>1.9213213891549801</v>
      </c>
      <c r="D107">
        <v>14.59855951637852</v>
      </c>
      <c r="E107">
        <v>2.1728053038113502</v>
      </c>
      <c r="F107">
        <f t="shared" si="4"/>
        <v>2.2554830395279954</v>
      </c>
      <c r="G107">
        <f t="shared" si="5"/>
        <v>2.065272356539646</v>
      </c>
      <c r="H107">
        <f t="shared" si="6"/>
        <v>5.2186647445773265E-3</v>
      </c>
      <c r="I107">
        <f t="shared" si="7"/>
        <v>3.2248318518406781E-2</v>
      </c>
    </row>
    <row r="108" spans="1:9" x14ac:dyDescent="0.4">
      <c r="A108">
        <v>3.5333333333333332</v>
      </c>
      <c r="B108">
        <v>-14.263331244143112</v>
      </c>
      <c r="C108">
        <v>1.9222356463600758</v>
      </c>
      <c r="D108">
        <v>14.596109760971991</v>
      </c>
      <c r="E108">
        <v>2.1715662970939298</v>
      </c>
      <c r="F108">
        <f t="shared" si="4"/>
        <v>2.2559934869974012</v>
      </c>
      <c r="G108">
        <f t="shared" si="5"/>
        <v>2.0649540719930983</v>
      </c>
      <c r="H108">
        <f t="shared" si="6"/>
        <v>-8.5552731615381305E-3</v>
      </c>
      <c r="I108">
        <f t="shared" si="7"/>
        <v>2.3048922873884159E-2</v>
      </c>
    </row>
    <row r="109" spans="1:9" x14ac:dyDescent="0.4">
      <c r="A109">
        <v>3.5666666666666669</v>
      </c>
      <c r="B109">
        <v>-14.256679703067869</v>
      </c>
      <c r="C109">
        <v>1.924491901118216</v>
      </c>
      <c r="D109">
        <v>14.592471997402175</v>
      </c>
      <c r="E109">
        <v>2.1725361372706535</v>
      </c>
      <c r="F109">
        <f t="shared" si="4"/>
        <v>2.256755365668607</v>
      </c>
      <c r="G109">
        <f t="shared" si="5"/>
        <v>2.0664739749901102</v>
      </c>
      <c r="H109">
        <f t="shared" si="6"/>
        <v>-2.511934740857309E-3</v>
      </c>
      <c r="I109">
        <f t="shared" si="7"/>
        <v>2.2767176768275551E-2</v>
      </c>
    </row>
    <row r="110" spans="1:9" x14ac:dyDescent="0.4">
      <c r="A110">
        <v>3.6</v>
      </c>
      <c r="B110">
        <v>-14.25328634131848</v>
      </c>
      <c r="C110">
        <v>1.9264969201700561</v>
      </c>
      <c r="D110">
        <v>14.585045275423209</v>
      </c>
      <c r="E110">
        <v>2.1728948439202966</v>
      </c>
      <c r="F110">
        <f t="shared" si="4"/>
        <v>2.2539552437432726</v>
      </c>
      <c r="G110">
        <f t="shared" si="5"/>
        <v>2.0675366345147519</v>
      </c>
      <c r="H110">
        <f t="shared" si="6"/>
        <v>3.0338784345333904E-3</v>
      </c>
      <c r="I110">
        <f t="shared" si="7"/>
        <v>2.5077859391697859E-2</v>
      </c>
    </row>
    <row r="111" spans="1:9" x14ac:dyDescent="0.4">
      <c r="A111">
        <v>3.6333333333333333</v>
      </c>
      <c r="B111">
        <v>-14.247024252621083</v>
      </c>
      <c r="C111">
        <v>1.9252018059853064</v>
      </c>
      <c r="D111">
        <v>14.584085523000603</v>
      </c>
      <c r="E111">
        <v>2.1742797919810375</v>
      </c>
      <c r="F111">
        <f t="shared" si="4"/>
        <v>2.2560835053649169</v>
      </c>
      <c r="G111">
        <f t="shared" si="5"/>
        <v>2.0677756047401985</v>
      </c>
      <c r="H111">
        <f t="shared" si="6"/>
        <v>1.3733559742827891E-2</v>
      </c>
      <c r="I111">
        <f t="shared" si="7"/>
        <v>5.2210182902289971E-3</v>
      </c>
    </row>
    <row r="112" spans="1:9" x14ac:dyDescent="0.4">
      <c r="A112">
        <v>3.6666666666666665</v>
      </c>
      <c r="B112">
        <v>-14.239925486486111</v>
      </c>
      <c r="C112">
        <v>1.9238135145124757</v>
      </c>
      <c r="D112">
        <v>14.580095647425701</v>
      </c>
      <c r="E112">
        <v>2.176552514064555</v>
      </c>
      <c r="F112">
        <f t="shared" si="4"/>
        <v>2.2568350635550019</v>
      </c>
      <c r="G112">
        <f t="shared" si="5"/>
        <v>2.0684829003500038</v>
      </c>
      <c r="H112">
        <f t="shared" si="6"/>
        <v>1.4473217221581333E-2</v>
      </c>
      <c r="I112">
        <f t="shared" si="7"/>
        <v>-9.5353129963906737E-3</v>
      </c>
    </row>
    <row r="113" spans="1:9" x14ac:dyDescent="0.4">
      <c r="A113">
        <v>3.7</v>
      </c>
      <c r="B113">
        <v>-14.231503898138982</v>
      </c>
      <c r="C113">
        <v>1.9237420067199984</v>
      </c>
      <c r="D113">
        <v>14.575148637223283</v>
      </c>
      <c r="E113">
        <v>2.1737899442171287</v>
      </c>
      <c r="F113">
        <f t="shared" si="4"/>
        <v>2.257604382386547</v>
      </c>
      <c r="G113">
        <f t="shared" si="5"/>
        <v>2.0668710117875224</v>
      </c>
      <c r="H113">
        <f t="shared" si="6"/>
        <v>-1.7168831689544157E-2</v>
      </c>
      <c r="I113">
        <f t="shared" si="7"/>
        <v>-3.066549521206639E-2</v>
      </c>
    </row>
    <row r="114" spans="1:9" x14ac:dyDescent="0.4">
      <c r="A114">
        <v>3.7333333333333334</v>
      </c>
      <c r="B114">
        <v>-14.227701146701653</v>
      </c>
      <c r="C114">
        <v>1.9197049459297313</v>
      </c>
      <c r="D114">
        <v>14.568818505579962</v>
      </c>
      <c r="E114">
        <v>2.1759823071800737</v>
      </c>
      <c r="F114">
        <f t="shared" si="4"/>
        <v>2.2556070081027211</v>
      </c>
      <c r="G114">
        <f t="shared" si="5"/>
        <v>2.0663997121583582</v>
      </c>
      <c r="H114">
        <f t="shared" si="6"/>
        <v>-2.0629262491820732E-2</v>
      </c>
      <c r="I114">
        <f t="shared" si="7"/>
        <v>-4.1363838370851037E-2</v>
      </c>
    </row>
    <row r="115" spans="1:9" x14ac:dyDescent="0.4">
      <c r="A115">
        <v>3.7666666666666666</v>
      </c>
      <c r="B115">
        <v>-14.219328134090837</v>
      </c>
      <c r="C115">
        <v>1.9163612608353569</v>
      </c>
      <c r="D115">
        <v>14.559469909859047</v>
      </c>
      <c r="E115">
        <v>2.1737746262618178</v>
      </c>
      <c r="F115">
        <f t="shared" si="4"/>
        <v>2.2538360611427999</v>
      </c>
      <c r="G115">
        <f t="shared" si="5"/>
        <v>2.0637062829673436</v>
      </c>
      <c r="H115">
        <f t="shared" si="6"/>
        <v>-5.2464600020475961E-3</v>
      </c>
      <c r="I115">
        <f t="shared" si="7"/>
        <v>-3.2894267913891273E-2</v>
      </c>
    </row>
    <row r="116" spans="1:9" x14ac:dyDescent="0.4">
      <c r="A116">
        <v>3.8</v>
      </c>
      <c r="B116">
        <v>-14.210027376186353</v>
      </c>
      <c r="C116">
        <v>1.9152667824306155</v>
      </c>
      <c r="D116">
        <v>14.555046489997155</v>
      </c>
      <c r="E116">
        <v>2.1736575780031724</v>
      </c>
      <c r="F116">
        <f t="shared" si="4"/>
        <v>2.255281013761572</v>
      </c>
      <c r="G116">
        <f t="shared" si="5"/>
        <v>2.0631712916982847</v>
      </c>
      <c r="H116">
        <f t="shared" si="6"/>
        <v>1.3546082796254156E-2</v>
      </c>
      <c r="I116">
        <f t="shared" si="7"/>
        <v>-1.3392235769968923E-2</v>
      </c>
    </row>
    <row r="117" spans="1:9" x14ac:dyDescent="0.4">
      <c r="A117">
        <v>3.8333333333333335</v>
      </c>
      <c r="B117">
        <v>-14.196323872497064</v>
      </c>
      <c r="C117">
        <v>1.9173247948150445</v>
      </c>
      <c r="D117">
        <v>14.547625927249761</v>
      </c>
      <c r="E117">
        <v>2.1718259403242861</v>
      </c>
      <c r="F117">
        <f t="shared" si="4"/>
        <v>2.2568929695567803</v>
      </c>
      <c r="G117">
        <f t="shared" si="5"/>
        <v>2.0630028440319106</v>
      </c>
      <c r="H117">
        <f t="shared" si="6"/>
        <v>1.2788419912629599E-2</v>
      </c>
      <c r="I117">
        <f t="shared" si="7"/>
        <v>1.0141160637163513E-2</v>
      </c>
    </row>
    <row r="118" spans="1:9" x14ac:dyDescent="0.4">
      <c r="A118">
        <v>3.8666666666666667</v>
      </c>
      <c r="B118">
        <v>-14.189437939011681</v>
      </c>
      <c r="C118">
        <v>1.9192081035795423</v>
      </c>
      <c r="D118">
        <v>14.54150943713744</v>
      </c>
      <c r="E118">
        <v>2.1730685145439748</v>
      </c>
      <c r="F118">
        <f t="shared" si="4"/>
        <v>2.2563362343617732</v>
      </c>
      <c r="G118">
        <f t="shared" si="5"/>
        <v>2.0645193923310798</v>
      </c>
      <c r="H118">
        <f t="shared" si="6"/>
        <v>-1.0664734025619886E-4</v>
      </c>
      <c r="I118">
        <f t="shared" si="7"/>
        <v>2.3732738836812931E-2</v>
      </c>
    </row>
    <row r="119" spans="1:9" x14ac:dyDescent="0.4">
      <c r="A119">
        <v>3.9</v>
      </c>
      <c r="B119">
        <v>-14.184690456764431</v>
      </c>
      <c r="C119">
        <v>1.918416101006025</v>
      </c>
      <c r="D119">
        <v>14.536397029952338</v>
      </c>
      <c r="E119">
        <v>2.1740148513284492</v>
      </c>
      <c r="F119">
        <f t="shared" si="4"/>
        <v>2.2554398541614709</v>
      </c>
      <c r="G119">
        <f t="shared" si="5"/>
        <v>2.0647224260904733</v>
      </c>
      <c r="H119">
        <f t="shared" si="6"/>
        <v>6.8239134747919241E-4</v>
      </c>
      <c r="I119">
        <f t="shared" si="7"/>
        <v>2.8831138128577759E-2</v>
      </c>
    </row>
    <row r="120" spans="1:9" x14ac:dyDescent="0.4">
      <c r="A120">
        <v>3.9333333333333331</v>
      </c>
      <c r="B120">
        <v>-14.181516442246465</v>
      </c>
      <c r="C120">
        <v>1.921830357387404</v>
      </c>
      <c r="D120">
        <v>14.534986762372114</v>
      </c>
      <c r="E120">
        <v>2.1741626771058855</v>
      </c>
      <c r="F120">
        <f t="shared" si="4"/>
        <v>2.2559897969025173</v>
      </c>
      <c r="G120">
        <f t="shared" si="5"/>
        <v>2.0662669571418055</v>
      </c>
      <c r="H120">
        <f t="shared" si="6"/>
        <v>1.1491105343633302E-2</v>
      </c>
      <c r="I120">
        <f t="shared" si="7"/>
        <v>3.0109260578149659E-2</v>
      </c>
    </row>
    <row r="121" spans="1:9" x14ac:dyDescent="0.4">
      <c r="A121">
        <v>3.9666666666666668</v>
      </c>
      <c r="B121">
        <v>-14.173787744998741</v>
      </c>
      <c r="C121">
        <v>1.9214596806729083</v>
      </c>
      <c r="D121">
        <v>14.531292499366277</v>
      </c>
      <c r="E121">
        <v>2.1756053468856069</v>
      </c>
      <c r="F121">
        <f t="shared" si="4"/>
        <v>2.2571799201776548</v>
      </c>
      <c r="G121">
        <f t="shared" si="5"/>
        <v>2.066934251314644</v>
      </c>
      <c r="H121">
        <f t="shared" si="6"/>
        <v>-2.0988741860716482E-3</v>
      </c>
      <c r="I121">
        <f t="shared" si="7"/>
        <v>3.5061664975128949E-2</v>
      </c>
    </row>
    <row r="122" spans="1:9" x14ac:dyDescent="0.4">
      <c r="A122">
        <v>4</v>
      </c>
      <c r="B122">
        <v>-14.169131499782585</v>
      </c>
      <c r="C122">
        <v>1.9231094182895916</v>
      </c>
      <c r="D122">
        <v>14.528166195514084</v>
      </c>
      <c r="E122">
        <v>2.1769890162807299</v>
      </c>
      <c r="F122">
        <f t="shared" si="4"/>
        <v>2.2573813855776201</v>
      </c>
      <c r="G122">
        <f t="shared" si="5"/>
        <v>2.0684316898153527</v>
      </c>
      <c r="H122">
        <f t="shared" si="6"/>
        <v>-2.9432428406214371E-2</v>
      </c>
      <c r="I122">
        <f t="shared" si="7"/>
        <v>4.2880944222734488E-2</v>
      </c>
    </row>
    <row r="123" spans="1:9" x14ac:dyDescent="0.4">
      <c r="A123">
        <v>4.0333333333333332</v>
      </c>
      <c r="B123">
        <v>-14.16421044723714</v>
      </c>
      <c r="C123">
        <v>1.9254133941355041</v>
      </c>
      <c r="D123">
        <v>14.519271552465145</v>
      </c>
      <c r="E123">
        <v>2.1771057430295282</v>
      </c>
      <c r="F123">
        <f t="shared" si="4"/>
        <v>2.2543942474595742</v>
      </c>
      <c r="G123">
        <f t="shared" si="5"/>
        <v>2.0694836705828878</v>
      </c>
      <c r="H123">
        <f t="shared" si="6"/>
        <v>-4.6960629271584231E-2</v>
      </c>
      <c r="I123">
        <f t="shared" si="7"/>
        <v>5.6491058816362495E-2</v>
      </c>
    </row>
    <row r="124" spans="1:9" x14ac:dyDescent="0.4">
      <c r="A124">
        <v>4.0666666666666664</v>
      </c>
      <c r="B124">
        <v>-14.158578863019565</v>
      </c>
      <c r="C124">
        <v>1.9286828767118001</v>
      </c>
      <c r="D124">
        <v>14.511715644407889</v>
      </c>
      <c r="E124">
        <v>2.1793024183082563</v>
      </c>
      <c r="F124">
        <f t="shared" si="4"/>
        <v>2.2524772285271886</v>
      </c>
      <c r="G124">
        <f t="shared" si="5"/>
        <v>2.072139071544806</v>
      </c>
      <c r="H124">
        <f t="shared" si="6"/>
        <v>-4.6105344191322263E-2</v>
      </c>
      <c r="I124">
        <f t="shared" si="7"/>
        <v>7.043377892229144E-2</v>
      </c>
    </row>
    <row r="125" spans="1:9" x14ac:dyDescent="0.4">
      <c r="A125">
        <v>4.0999999999999996</v>
      </c>
      <c r="B125">
        <v>-14.150624371830556</v>
      </c>
      <c r="C125">
        <v>1.9302544168661557</v>
      </c>
      <c r="D125">
        <v>14.504599558734492</v>
      </c>
      <c r="E125">
        <v>2.1822455808104562</v>
      </c>
      <c r="F125">
        <f t="shared" si="4"/>
        <v>2.2518052271576066</v>
      </c>
      <c r="G125">
        <f t="shared" si="5"/>
        <v>2.0744957369193111</v>
      </c>
      <c r="H125">
        <f t="shared" si="6"/>
        <v>-1.6938339891069982E-2</v>
      </c>
      <c r="I125">
        <f t="shared" si="7"/>
        <v>7.1727832268169284E-2</v>
      </c>
    </row>
    <row r="126" spans="1:9" x14ac:dyDescent="0.4">
      <c r="A126">
        <v>4.1333333333333337</v>
      </c>
      <c r="B126">
        <v>-14.144643738426243</v>
      </c>
      <c r="C126">
        <v>1.9342335123040337</v>
      </c>
      <c r="D126">
        <v>14.498710669871752</v>
      </c>
      <c r="E126">
        <v>2.1848092260497545</v>
      </c>
      <c r="F126">
        <f t="shared" si="4"/>
        <v>2.2509916716967169</v>
      </c>
      <c r="G126">
        <f t="shared" si="5"/>
        <v>2.0776646198008564</v>
      </c>
      <c r="H126">
        <f t="shared" si="6"/>
        <v>-2.6941820310446988E-4</v>
      </c>
      <c r="I126">
        <f t="shared" si="7"/>
        <v>5.6019299632404505E-2</v>
      </c>
    </row>
    <row r="127" spans="1:9" x14ac:dyDescent="0.4">
      <c r="A127">
        <v>4.166666666666667</v>
      </c>
      <c r="B127">
        <v>-14.1389023365687</v>
      </c>
      <c r="C127">
        <v>1.9355050649456942</v>
      </c>
      <c r="D127">
        <v>14.496731848129123</v>
      </c>
      <c r="E127">
        <v>2.1856254425187016</v>
      </c>
      <c r="F127">
        <f t="shared" si="4"/>
        <v>2.2523139692262983</v>
      </c>
      <c r="G127">
        <f t="shared" si="5"/>
        <v>2.0786755351662243</v>
      </c>
      <c r="H127">
        <f t="shared" si="6"/>
        <v>1.4259555884997983E-2</v>
      </c>
      <c r="I127">
        <f t="shared" si="7"/>
        <v>3.8361141002161599E-2</v>
      </c>
    </row>
    <row r="128" spans="1:9" x14ac:dyDescent="0.4">
      <c r="A128">
        <v>4.2</v>
      </c>
      <c r="B128">
        <v>-14.131973421430448</v>
      </c>
      <c r="C128">
        <v>1.9376343500684761</v>
      </c>
      <c r="D128">
        <v>14.491318253441269</v>
      </c>
      <c r="E128">
        <v>2.1852755480365795</v>
      </c>
      <c r="F128">
        <f t="shared" si="4"/>
        <v>2.2521779544589919</v>
      </c>
      <c r="G128">
        <f t="shared" si="5"/>
        <v>2.0793857223600836</v>
      </c>
      <c r="H128">
        <f t="shared" si="6"/>
        <v>2.3853897140979709E-2</v>
      </c>
      <c r="I128">
        <f t="shared" si="7"/>
        <v>2.4734825518974629E-2</v>
      </c>
    </row>
    <row r="129" spans="1:9" x14ac:dyDescent="0.4">
      <c r="A129">
        <v>4.2333333333333334</v>
      </c>
      <c r="B129">
        <v>-14.123782105595687</v>
      </c>
      <c r="C129">
        <v>1.9379221312937562</v>
      </c>
      <c r="D129">
        <v>14.48766380110871</v>
      </c>
      <c r="E129">
        <v>2.186183877251394</v>
      </c>
      <c r="F129">
        <f t="shared" si="4"/>
        <v>2.2535886784239687</v>
      </c>
      <c r="G129">
        <f t="shared" si="5"/>
        <v>2.0800287091400578</v>
      </c>
      <c r="H129">
        <f t="shared" si="6"/>
        <v>1.3543863457807826E-2</v>
      </c>
      <c r="I129">
        <f t="shared" si="7"/>
        <v>1.7163541045569334E-2</v>
      </c>
    </row>
    <row r="130" spans="1:9" x14ac:dyDescent="0.4">
      <c r="A130">
        <v>4.2666666666666666</v>
      </c>
      <c r="B130">
        <v>-14.118243248298597</v>
      </c>
      <c r="C130">
        <v>1.9370702616043141</v>
      </c>
      <c r="D130">
        <v>14.484821252709525</v>
      </c>
      <c r="E130">
        <v>2.1887101402163793</v>
      </c>
      <c r="F130">
        <f t="shared" si="4"/>
        <v>2.2543299666213783</v>
      </c>
      <c r="G130">
        <f t="shared" si="5"/>
        <v>2.0811105037337687</v>
      </c>
      <c r="H130">
        <f t="shared" si="6"/>
        <v>-7.5175515776817739E-3</v>
      </c>
      <c r="I130">
        <f t="shared" si="7"/>
        <v>1.0174958763419929E-2</v>
      </c>
    </row>
    <row r="131" spans="1:9" x14ac:dyDescent="0.4">
      <c r="A131">
        <v>4.3</v>
      </c>
      <c r="B131">
        <v>-14.110846937679783</v>
      </c>
      <c r="C131">
        <v>1.9382266539816748</v>
      </c>
      <c r="D131">
        <v>14.477837910144602</v>
      </c>
      <c r="E131">
        <v>2.1870832621004084</v>
      </c>
      <c r="F131">
        <f t="shared" ref="F131:F194" si="8">(B131*58.73+D131*78.62)/(58.73+78.62)</f>
        <v>2.2534952737214065</v>
      </c>
      <c r="G131">
        <f t="shared" ref="G131:G194" si="9">(C131*58.73+E131*78.62)/(58.73+78.62)</f>
        <v>2.0806737346536432</v>
      </c>
      <c r="H131">
        <f t="shared" si="6"/>
        <v>-3.2948798016872456E-2</v>
      </c>
      <c r="I131">
        <f t="shared" si="7"/>
        <v>8.5587079850291438E-3</v>
      </c>
    </row>
    <row r="132" spans="1:9" x14ac:dyDescent="0.4">
      <c r="A132">
        <v>4.333333333333333</v>
      </c>
      <c r="B132">
        <v>-14.106827357545022</v>
      </c>
      <c r="C132">
        <v>1.9396208530423675</v>
      </c>
      <c r="D132">
        <v>14.470426584032616</v>
      </c>
      <c r="E132">
        <v>2.1861908026480918</v>
      </c>
      <c r="F132">
        <f t="shared" si="8"/>
        <v>2.2509717315473261</v>
      </c>
      <c r="G132">
        <f t="shared" si="9"/>
        <v>2.0807590360638608</v>
      </c>
      <c r="H132">
        <f t="shared" si="6"/>
        <v>-4.4341760416704359E-2</v>
      </c>
      <c r="I132">
        <f t="shared" si="7"/>
        <v>6.2345223601312184E-3</v>
      </c>
    </row>
    <row r="133" spans="1:9" x14ac:dyDescent="0.4">
      <c r="A133">
        <v>4.3666666666666663</v>
      </c>
      <c r="B133">
        <v>-14.100728838930985</v>
      </c>
      <c r="C133">
        <v>1.9408071198012351</v>
      </c>
      <c r="D133">
        <v>14.46378254368341</v>
      </c>
      <c r="E133">
        <v>2.1868277942887548</v>
      </c>
      <c r="F133">
        <f t="shared" si="8"/>
        <v>2.2497763296248494</v>
      </c>
      <c r="G133">
        <f t="shared" si="9"/>
        <v>2.0816308943058499</v>
      </c>
      <c r="H133">
        <f t="shared" ref="H133:H196" si="10">SLOPE(F131:F135,$A131:$A135)</f>
        <v>-3.1849709746279591E-2</v>
      </c>
      <c r="I133">
        <f t="shared" ref="I133:I196" si="11">SLOPE(G131:G135,$A131:$A135)</f>
        <v>4.932308286899249E-3</v>
      </c>
    </row>
    <row r="134" spans="1:9" x14ac:dyDescent="0.4">
      <c r="A134">
        <v>4.4000000000000004</v>
      </c>
      <c r="B134">
        <v>-14.091961697322414</v>
      </c>
      <c r="C134">
        <v>1.940593659215232</v>
      </c>
      <c r="D134">
        <v>14.455526241238237</v>
      </c>
      <c r="E134">
        <v>2.1870573359285324</v>
      </c>
      <c r="F134">
        <f t="shared" si="8"/>
        <v>2.2487991452668727</v>
      </c>
      <c r="G134">
        <f t="shared" si="9"/>
        <v>2.0816710109676873</v>
      </c>
      <c r="H134">
        <f t="shared" si="10"/>
        <v>-1.0230139773397246E-2</v>
      </c>
      <c r="I134">
        <f t="shared" si="11"/>
        <v>3.8038425650297253E-3</v>
      </c>
    </row>
    <row r="135" spans="1:9" x14ac:dyDescent="0.4">
      <c r="A135">
        <v>4.4333333333333336</v>
      </c>
      <c r="B135">
        <v>-14.085783657333979</v>
      </c>
      <c r="C135">
        <v>1.9414738586442968</v>
      </c>
      <c r="D135">
        <v>14.451739499678553</v>
      </c>
      <c r="E135">
        <v>2.1852970823858939</v>
      </c>
      <c r="F135">
        <f t="shared" si="8"/>
        <v>2.2492732819039198</v>
      </c>
      <c r="G135">
        <f t="shared" si="9"/>
        <v>2.0810397985828799</v>
      </c>
      <c r="H135">
        <f t="shared" si="10"/>
        <v>-1.2031240869502002E-2</v>
      </c>
      <c r="I135">
        <f t="shared" si="11"/>
        <v>-2.0837592942822974E-2</v>
      </c>
    </row>
    <row r="136" spans="1:9" x14ac:dyDescent="0.4">
      <c r="A136">
        <v>4.4666666666666668</v>
      </c>
      <c r="B136">
        <v>-14.078127465526634</v>
      </c>
      <c r="C136">
        <v>1.9423179324787383</v>
      </c>
      <c r="D136">
        <v>14.446448171343084</v>
      </c>
      <c r="E136">
        <v>2.1857999392485512</v>
      </c>
      <c r="F136">
        <f t="shared" si="8"/>
        <v>2.2495182321122247</v>
      </c>
      <c r="G136">
        <f t="shared" si="9"/>
        <v>2.0816885576861841</v>
      </c>
      <c r="H136">
        <f t="shared" si="10"/>
        <v>-1.2265955654098312E-2</v>
      </c>
      <c r="I136">
        <f t="shared" si="11"/>
        <v>-3.0140810753291551E-2</v>
      </c>
    </row>
    <row r="137" spans="1:9" x14ac:dyDescent="0.4">
      <c r="A137">
        <v>4.5</v>
      </c>
      <c r="B137">
        <v>-14.070540711151821</v>
      </c>
      <c r="C137">
        <v>1.9402310918850028</v>
      </c>
      <c r="D137">
        <v>14.437100437487203</v>
      </c>
      <c r="E137">
        <v>2.1811755158207418</v>
      </c>
      <c r="F137">
        <f t="shared" si="8"/>
        <v>2.2474115793905898</v>
      </c>
      <c r="G137">
        <f t="shared" si="9"/>
        <v>2.0781491887894643</v>
      </c>
      <c r="H137">
        <f t="shared" si="10"/>
        <v>-1.6565982705968596E-2</v>
      </c>
      <c r="I137">
        <f t="shared" si="11"/>
        <v>-3.6847369685931178E-2</v>
      </c>
    </row>
    <row r="138" spans="1:9" x14ac:dyDescent="0.4">
      <c r="A138">
        <v>4.5333333333333332</v>
      </c>
      <c r="B138">
        <v>-14.066986826592004</v>
      </c>
      <c r="C138">
        <v>1.9405467094387867</v>
      </c>
      <c r="D138">
        <v>14.434924487154344</v>
      </c>
      <c r="E138">
        <v>2.1808413170415575</v>
      </c>
      <c r="F138">
        <f t="shared" si="8"/>
        <v>2.2476856705811881</v>
      </c>
      <c r="G138">
        <f t="shared" si="9"/>
        <v>2.0780928474055131</v>
      </c>
      <c r="H138">
        <f t="shared" si="10"/>
        <v>-1.3725219719685147E-2</v>
      </c>
      <c r="I138">
        <f t="shared" si="11"/>
        <v>-4.7886921563489775E-2</v>
      </c>
    </row>
    <row r="139" spans="1:9" x14ac:dyDescent="0.4">
      <c r="A139">
        <v>4.5666666666666664</v>
      </c>
      <c r="B139">
        <v>-14.060492173825631</v>
      </c>
      <c r="C139">
        <v>1.9409856457316255</v>
      </c>
      <c r="D139">
        <v>14.429623745196078</v>
      </c>
      <c r="E139">
        <v>2.1780738623845268</v>
      </c>
      <c r="F139">
        <f t="shared" si="8"/>
        <v>2.2474285655517767</v>
      </c>
      <c r="G139">
        <f t="shared" si="9"/>
        <v>2.0766964254422269</v>
      </c>
      <c r="H139">
        <f t="shared" si="10"/>
        <v>-6.7894057332727013E-3</v>
      </c>
      <c r="I139">
        <f t="shared" si="11"/>
        <v>-3.9026168887868293E-2</v>
      </c>
    </row>
    <row r="140" spans="1:9" x14ac:dyDescent="0.4">
      <c r="A140">
        <v>4.5999999999999996</v>
      </c>
      <c r="B140">
        <v>-14.055599392773475</v>
      </c>
      <c r="C140">
        <v>1.9398249712916631</v>
      </c>
      <c r="D140">
        <v>14.425608265566407</v>
      </c>
      <c r="E140">
        <v>2.1749880426225561</v>
      </c>
      <c r="F140">
        <f t="shared" si="8"/>
        <v>2.2472222024116837</v>
      </c>
      <c r="G140">
        <f t="shared" si="9"/>
        <v>2.0744337857658879</v>
      </c>
      <c r="H140">
        <f t="shared" si="10"/>
        <v>-7.822790605387351E-3</v>
      </c>
      <c r="I140">
        <f t="shared" si="11"/>
        <v>-4.0583450205774939E-2</v>
      </c>
    </row>
    <row r="141" spans="1:9" x14ac:dyDescent="0.4">
      <c r="A141">
        <v>4.6333333333333337</v>
      </c>
      <c r="B141">
        <v>-14.05031814739568</v>
      </c>
      <c r="C141">
        <v>1.9379703829921557</v>
      </c>
      <c r="D141">
        <v>14.420421942120015</v>
      </c>
      <c r="E141">
        <v>2.1746973097907243</v>
      </c>
      <c r="F141">
        <f t="shared" si="8"/>
        <v>2.2465117458531298</v>
      </c>
      <c r="G141">
        <f t="shared" si="9"/>
        <v>2.0734743581279655</v>
      </c>
      <c r="H141">
        <f t="shared" si="10"/>
        <v>2.6358550329189209E-2</v>
      </c>
      <c r="I141">
        <f t="shared" si="11"/>
        <v>1.3050134158745489E-2</v>
      </c>
    </row>
    <row r="142" spans="1:9" x14ac:dyDescent="0.4">
      <c r="A142">
        <v>4.666666666666667</v>
      </c>
      <c r="B142">
        <v>-14.042920450694352</v>
      </c>
      <c r="C142">
        <v>1.9400006650775963</v>
      </c>
      <c r="D142">
        <v>14.415469737998832</v>
      </c>
      <c r="E142">
        <v>2.172247089667426</v>
      </c>
      <c r="F142">
        <f t="shared" si="8"/>
        <v>2.2468402819962803</v>
      </c>
      <c r="G142">
        <f t="shared" si="9"/>
        <v>2.0729399726950146</v>
      </c>
      <c r="H142">
        <f t="shared" si="10"/>
        <v>2.8926764024536644E-2</v>
      </c>
      <c r="I142">
        <f t="shared" si="11"/>
        <v>4.5929280276879828E-2</v>
      </c>
    </row>
    <row r="143" spans="1:9" x14ac:dyDescent="0.4">
      <c r="A143">
        <v>4.7</v>
      </c>
      <c r="B143">
        <v>-14.026032344122299</v>
      </c>
      <c r="C143">
        <v>1.9447992169794543</v>
      </c>
      <c r="D143">
        <v>14.411890264326118</v>
      </c>
      <c r="E143">
        <v>2.1803297246889599</v>
      </c>
      <c r="F143">
        <f t="shared" si="8"/>
        <v>2.25201261748101</v>
      </c>
      <c r="G143">
        <f t="shared" si="9"/>
        <v>2.0796183543374545</v>
      </c>
      <c r="H143">
        <f t="shared" si="10"/>
        <v>2.1308133807713753E-2</v>
      </c>
      <c r="I143">
        <f t="shared" si="11"/>
        <v>4.6663442130766501E-2</v>
      </c>
    </row>
    <row r="144" spans="1:9" x14ac:dyDescent="0.4">
      <c r="A144">
        <v>4.7333333333333334</v>
      </c>
      <c r="B144">
        <v>-14.020523551573048</v>
      </c>
      <c r="C144">
        <v>1.944174335469788</v>
      </c>
      <c r="D144">
        <v>14.403023749248028</v>
      </c>
      <c r="E144">
        <v>2.1797453648875051</v>
      </c>
      <c r="F144">
        <f t="shared" si="8"/>
        <v>2.2492928939351664</v>
      </c>
      <c r="G144">
        <f t="shared" si="9"/>
        <v>2.0790166677072901</v>
      </c>
      <c r="H144">
        <f t="shared" si="10"/>
        <v>3.2097745660402241E-3</v>
      </c>
      <c r="I144">
        <f t="shared" si="11"/>
        <v>3.3457023930785763E-2</v>
      </c>
    </row>
    <row r="145" spans="1:9" x14ac:dyDescent="0.4">
      <c r="A145">
        <v>4.7666666666666666</v>
      </c>
      <c r="B145">
        <v>-14.011346666542236</v>
      </c>
      <c r="C145">
        <v>1.943867394717582</v>
      </c>
      <c r="D145">
        <v>14.395371706823514</v>
      </c>
      <c r="E145">
        <v>2.1785710751707104</v>
      </c>
      <c r="F145">
        <f t="shared" si="8"/>
        <v>2.2488367955183057</v>
      </c>
      <c r="G145">
        <f t="shared" si="9"/>
        <v>2.0782132509769555</v>
      </c>
      <c r="H145">
        <f t="shared" si="10"/>
        <v>-4.3682906380600052E-2</v>
      </c>
      <c r="I145">
        <f t="shared" si="11"/>
        <v>3.8314270528316948E-3</v>
      </c>
    </row>
    <row r="146" spans="1:9" x14ac:dyDescent="0.4">
      <c r="A146">
        <v>4.8</v>
      </c>
      <c r="B146">
        <v>-14.00245622961646</v>
      </c>
      <c r="C146">
        <v>1.9436135776818038</v>
      </c>
      <c r="D146">
        <v>14.388951205295006</v>
      </c>
      <c r="E146">
        <v>2.1805172010324658</v>
      </c>
      <c r="F146">
        <f t="shared" si="8"/>
        <v>2.2489631554053058</v>
      </c>
      <c r="G146">
        <f t="shared" si="9"/>
        <v>2.079218695030395</v>
      </c>
      <c r="H146">
        <f t="shared" si="10"/>
        <v>-4.4503593239214087E-2</v>
      </c>
      <c r="I146">
        <f t="shared" si="11"/>
        <v>2.1101239302368475E-2</v>
      </c>
    </row>
    <row r="147" spans="1:9" x14ac:dyDescent="0.4">
      <c r="A147">
        <v>4.833333333333333</v>
      </c>
      <c r="B147">
        <v>-14.00019739872579</v>
      </c>
      <c r="C147">
        <v>1.9459135957551008</v>
      </c>
      <c r="D147">
        <v>14.380160220043557</v>
      </c>
      <c r="E147">
        <v>2.1804363904106991</v>
      </c>
      <c r="F147">
        <f t="shared" si="8"/>
        <v>2.2448970023491737</v>
      </c>
      <c r="G147">
        <f t="shared" si="9"/>
        <v>2.0801559118513739</v>
      </c>
      <c r="H147">
        <f t="shared" si="10"/>
        <v>-4.2326793759446986E-2</v>
      </c>
      <c r="I147">
        <f t="shared" si="11"/>
        <v>3.0534674106631174E-2</v>
      </c>
    </row>
    <row r="148" spans="1:9" x14ac:dyDescent="0.4">
      <c r="A148">
        <v>4.8666666666666663</v>
      </c>
      <c r="B148">
        <v>-13.992790782654536</v>
      </c>
      <c r="C148">
        <v>1.9469476724998696</v>
      </c>
      <c r="D148">
        <v>14.372790454353664</v>
      </c>
      <c r="E148">
        <v>2.1821207428706644</v>
      </c>
      <c r="F148">
        <f t="shared" si="8"/>
        <v>2.2438455249798634</v>
      </c>
      <c r="G148">
        <f t="shared" si="9"/>
        <v>2.0815622104871423</v>
      </c>
      <c r="H148">
        <f t="shared" si="10"/>
        <v>-3.0409455313625822E-2</v>
      </c>
      <c r="I148">
        <f t="shared" si="11"/>
        <v>3.6336408802156328E-2</v>
      </c>
    </row>
    <row r="149" spans="1:9" x14ac:dyDescent="0.4">
      <c r="A149">
        <v>4.9000000000000004</v>
      </c>
      <c r="B149">
        <v>-13.987956656483302</v>
      </c>
      <c r="C149">
        <v>1.9496026639804613</v>
      </c>
      <c r="D149">
        <v>14.370045163003827</v>
      </c>
      <c r="E149">
        <v>2.1811304276716421</v>
      </c>
      <c r="F149">
        <f t="shared" si="8"/>
        <v>2.2443411451044524</v>
      </c>
      <c r="G149">
        <f t="shared" si="9"/>
        <v>2.0821306055996871</v>
      </c>
      <c r="H149">
        <f t="shared" si="10"/>
        <v>-3.1420430351802213E-4</v>
      </c>
      <c r="I149">
        <f t="shared" si="11"/>
        <v>4.9509867777447432E-2</v>
      </c>
    </row>
    <row r="150" spans="1:9" x14ac:dyDescent="0.4">
      <c r="A150">
        <v>4.9333333333333336</v>
      </c>
      <c r="B150">
        <v>-13.980511764408131</v>
      </c>
      <c r="C150">
        <v>1.950995729982629</v>
      </c>
      <c r="D150">
        <v>14.364189718905305</v>
      </c>
      <c r="E150">
        <v>2.1838577639982475</v>
      </c>
      <c r="F150">
        <f t="shared" si="8"/>
        <v>2.2441728414753954</v>
      </c>
      <c r="G150">
        <f t="shared" si="9"/>
        <v>2.0842874162899312</v>
      </c>
      <c r="H150">
        <f t="shared" si="10"/>
        <v>1.3726365031410521E-2</v>
      </c>
      <c r="I150">
        <f t="shared" si="11"/>
        <v>6.8887764700167553E-2</v>
      </c>
    </row>
    <row r="151" spans="1:9" x14ac:dyDescent="0.4">
      <c r="A151">
        <v>4.9666666666666668</v>
      </c>
      <c r="B151">
        <v>-13.969893241628494</v>
      </c>
      <c r="C151">
        <v>1.9531246883001887</v>
      </c>
      <c r="D151">
        <v>14.35714528406243</v>
      </c>
      <c r="E151">
        <v>2.1870848566558334</v>
      </c>
      <c r="F151">
        <f t="shared" si="8"/>
        <v>2.244680976717488</v>
      </c>
      <c r="G151">
        <f t="shared" si="9"/>
        <v>2.0870449535795541</v>
      </c>
      <c r="H151">
        <f t="shared" si="10"/>
        <v>3.3665487513471093E-2</v>
      </c>
      <c r="I151">
        <f t="shared" si="11"/>
        <v>6.2611260381557829E-2</v>
      </c>
    </row>
    <row r="152" spans="1:9" x14ac:dyDescent="0.4">
      <c r="A152">
        <v>5</v>
      </c>
      <c r="B152">
        <v>-13.964282397466253</v>
      </c>
      <c r="C152">
        <v>1.9565923320409633</v>
      </c>
      <c r="D152">
        <v>14.355194218977307</v>
      </c>
      <c r="E152">
        <v>2.1906813132670298</v>
      </c>
      <c r="F152">
        <f t="shared" si="8"/>
        <v>2.2459633366785807</v>
      </c>
      <c r="G152">
        <f t="shared" si="9"/>
        <v>2.0905863306139034</v>
      </c>
      <c r="H152">
        <f t="shared" si="10"/>
        <v>3.8744327728662896E-2</v>
      </c>
      <c r="I152">
        <f t="shared" si="11"/>
        <v>3.875199867738046E-2</v>
      </c>
    </row>
    <row r="153" spans="1:9" x14ac:dyDescent="0.4">
      <c r="A153">
        <v>5.0333333333333332</v>
      </c>
      <c r="B153">
        <v>-13.950111485142173</v>
      </c>
      <c r="C153">
        <v>1.9557902272360974</v>
      </c>
      <c r="D153">
        <v>14.350012727839566</v>
      </c>
      <c r="E153">
        <v>2.1892365402515481</v>
      </c>
      <c r="F153">
        <f t="shared" si="8"/>
        <v>2.2490568120884382</v>
      </c>
      <c r="G153">
        <f t="shared" si="9"/>
        <v>2.0894163585012939</v>
      </c>
      <c r="H153">
        <f t="shared" si="10"/>
        <v>2.7026393809746901E-2</v>
      </c>
      <c r="I153">
        <f t="shared" si="11"/>
        <v>2.3221625426507048E-2</v>
      </c>
    </row>
    <row r="154" spans="1:9" x14ac:dyDescent="0.4">
      <c r="A154">
        <v>5.0666666666666664</v>
      </c>
      <c r="B154">
        <v>-13.941646923016487</v>
      </c>
      <c r="C154">
        <v>1.9558886025939763</v>
      </c>
      <c r="D154">
        <v>14.34261606851809</v>
      </c>
      <c r="E154">
        <v>2.1894146603976981</v>
      </c>
      <c r="F154">
        <f t="shared" si="8"/>
        <v>2.2484423117446974</v>
      </c>
      <c r="G154">
        <f t="shared" si="9"/>
        <v>2.0895603802752913</v>
      </c>
      <c r="H154">
        <f t="shared" si="10"/>
        <v>-6.3382930746659306E-3</v>
      </c>
      <c r="I154">
        <f t="shared" si="11"/>
        <v>2.0055540243860498E-2</v>
      </c>
    </row>
    <row r="155" spans="1:9" x14ac:dyDescent="0.4">
      <c r="A155">
        <v>5.0999999999999996</v>
      </c>
      <c r="B155">
        <v>-13.936188400114709</v>
      </c>
      <c r="C155">
        <v>1.9560875416026906</v>
      </c>
      <c r="D155">
        <v>14.337671234755954</v>
      </c>
      <c r="E155">
        <v>2.1925291516669003</v>
      </c>
      <c r="F155">
        <f t="shared" si="8"/>
        <v>2.2479458881527208</v>
      </c>
      <c r="G155">
        <f t="shared" si="9"/>
        <v>2.091428199653278</v>
      </c>
      <c r="H155">
        <f t="shared" si="10"/>
        <v>-3.5681768492254462E-2</v>
      </c>
      <c r="I155">
        <f t="shared" si="11"/>
        <v>4.2532964348424067E-2</v>
      </c>
    </row>
    <row r="156" spans="1:9" x14ac:dyDescent="0.4">
      <c r="A156">
        <v>5.1333333333333337</v>
      </c>
      <c r="B156">
        <v>-13.92884478307316</v>
      </c>
      <c r="C156">
        <v>1.9603931720459709</v>
      </c>
      <c r="D156">
        <v>14.327846820296033</v>
      </c>
      <c r="E156">
        <v>2.191924231321924</v>
      </c>
      <c r="F156">
        <f t="shared" si="8"/>
        <v>2.2454624164673285</v>
      </c>
      <c r="G156">
        <f t="shared" si="9"/>
        <v>2.0929230000785548</v>
      </c>
      <c r="H156">
        <f t="shared" si="10"/>
        <v>-3.9582412290148333E-2</v>
      </c>
      <c r="I156">
        <f t="shared" si="11"/>
        <v>5.0130708585276233E-2</v>
      </c>
    </row>
    <row r="157" spans="1:9" x14ac:dyDescent="0.4">
      <c r="A157">
        <v>5.166666666666667</v>
      </c>
      <c r="B157">
        <v>-13.920431246854593</v>
      </c>
      <c r="C157">
        <v>1.9650808659525785</v>
      </c>
      <c r="D157">
        <v>14.320054813353964</v>
      </c>
      <c r="E157">
        <v>2.1917433237087001</v>
      </c>
      <c r="F157">
        <f t="shared" si="8"/>
        <v>2.2445997983117469</v>
      </c>
      <c r="G157">
        <f t="shared" si="9"/>
        <v>2.0948238759910662</v>
      </c>
      <c r="H157">
        <f t="shared" si="10"/>
        <v>-2.9634743252494392E-2</v>
      </c>
      <c r="I157">
        <f t="shared" si="11"/>
        <v>3.2714405163465778E-2</v>
      </c>
    </row>
    <row r="158" spans="1:9" x14ac:dyDescent="0.4">
      <c r="A158">
        <v>5.2</v>
      </c>
      <c r="B158">
        <v>-13.913347339695973</v>
      </c>
      <c r="C158">
        <v>1.9669766542891158</v>
      </c>
      <c r="D158">
        <v>14.312873646785791</v>
      </c>
      <c r="E158">
        <v>2.1927621053499347</v>
      </c>
      <c r="F158">
        <f t="shared" si="8"/>
        <v>2.2435182879501596</v>
      </c>
      <c r="G158">
        <f t="shared" si="9"/>
        <v>2.0962176602039433</v>
      </c>
      <c r="H158">
        <f t="shared" si="10"/>
        <v>-1.9368840905630579E-2</v>
      </c>
      <c r="I158">
        <f t="shared" si="11"/>
        <v>1.0280705168396444E-2</v>
      </c>
    </row>
    <row r="159" spans="1:9" x14ac:dyDescent="0.4">
      <c r="A159">
        <v>5.2333333333333334</v>
      </c>
      <c r="B159">
        <v>-13.908729353338735</v>
      </c>
      <c r="C159">
        <v>1.9660264770541636</v>
      </c>
      <c r="D159">
        <v>14.310228529903181</v>
      </c>
      <c r="E159">
        <v>2.1917521584720929</v>
      </c>
      <c r="F159">
        <f t="shared" si="8"/>
        <v>2.2439788285358895</v>
      </c>
      <c r="G159">
        <f t="shared" si="9"/>
        <v>2.0952332704511614</v>
      </c>
      <c r="H159">
        <f t="shared" si="10"/>
        <v>-1.7882771687175732E-2</v>
      </c>
      <c r="I159">
        <f t="shared" si="11"/>
        <v>-5.7114526753561301E-3</v>
      </c>
    </row>
    <row r="160" spans="1:9" x14ac:dyDescent="0.4">
      <c r="A160">
        <v>5.2666666666666666</v>
      </c>
      <c r="B160">
        <v>-13.903815155805681</v>
      </c>
      <c r="C160">
        <v>1.9646475933352243</v>
      </c>
      <c r="D160">
        <v>14.30405223927602</v>
      </c>
      <c r="E160">
        <v>2.1913819411788085</v>
      </c>
      <c r="F160">
        <f t="shared" si="8"/>
        <v>2.2425447612043188</v>
      </c>
      <c r="G160">
        <f t="shared" si="9"/>
        <v>2.0944317537099066</v>
      </c>
      <c r="H160">
        <f t="shared" si="10"/>
        <v>-2.6079737770780743E-2</v>
      </c>
      <c r="I160">
        <f t="shared" si="11"/>
        <v>-2.4810583366824266E-2</v>
      </c>
    </row>
    <row r="161" spans="1:9" x14ac:dyDescent="0.4">
      <c r="A161">
        <v>5.3</v>
      </c>
      <c r="B161">
        <v>-13.897390489521285</v>
      </c>
      <c r="C161">
        <v>1.964113429526855</v>
      </c>
      <c r="D161">
        <v>14.298486596901999</v>
      </c>
      <c r="E161">
        <v>2.1923630133415415</v>
      </c>
      <c r="F161">
        <f t="shared" si="8"/>
        <v>2.2421060997368047</v>
      </c>
      <c r="G161">
        <f t="shared" si="9"/>
        <v>2.0947649204588585</v>
      </c>
      <c r="H161">
        <f t="shared" si="10"/>
        <v>-4.5528704227364152E-2</v>
      </c>
      <c r="I161">
        <f t="shared" si="11"/>
        <v>-3.0156411136046498E-2</v>
      </c>
    </row>
    <row r="162" spans="1:9" x14ac:dyDescent="0.4">
      <c r="A162">
        <v>5.333333333333333</v>
      </c>
      <c r="B162">
        <v>-13.88832722101268</v>
      </c>
      <c r="C162">
        <v>1.9624966305526423</v>
      </c>
      <c r="D162">
        <v>14.288225585429961</v>
      </c>
      <c r="E162">
        <v>2.1892937782769959</v>
      </c>
      <c r="F162">
        <f t="shared" si="8"/>
        <v>2.2401080293879052</v>
      </c>
      <c r="G162">
        <f t="shared" si="9"/>
        <v>2.0923167379722907</v>
      </c>
      <c r="H162">
        <f t="shared" si="10"/>
        <v>-4.6721064274615975E-2</v>
      </c>
      <c r="I162">
        <f t="shared" si="11"/>
        <v>-3.1413686337802199E-2</v>
      </c>
    </row>
    <row r="163" spans="1:9" x14ac:dyDescent="0.4">
      <c r="A163">
        <v>5.3666666666666663</v>
      </c>
      <c r="B163">
        <v>-13.881406217432366</v>
      </c>
      <c r="C163">
        <v>1.9617677007867369</v>
      </c>
      <c r="D163">
        <v>14.278689823019096</v>
      </c>
      <c r="E163">
        <v>2.1880003920561357</v>
      </c>
      <c r="F163">
        <f t="shared" si="8"/>
        <v>2.2376090770728689</v>
      </c>
      <c r="G163">
        <f t="shared" si="9"/>
        <v>2.091264709797295</v>
      </c>
      <c r="H163">
        <f t="shared" si="10"/>
        <v>-4.5641101140211346E-2</v>
      </c>
      <c r="I163">
        <f t="shared" si="11"/>
        <v>-2.983488780034254E-2</v>
      </c>
    </row>
    <row r="164" spans="1:9" x14ac:dyDescent="0.4">
      <c r="A164">
        <v>5.4</v>
      </c>
      <c r="B164">
        <v>-13.874544166046823</v>
      </c>
      <c r="C164">
        <v>1.9605863133182873</v>
      </c>
      <c r="D164">
        <v>14.27251096190667</v>
      </c>
      <c r="E164">
        <v>2.1883265393238278</v>
      </c>
      <c r="F164">
        <f t="shared" si="8"/>
        <v>2.2370064284905173</v>
      </c>
      <c r="G164">
        <f t="shared" si="9"/>
        <v>2.0909462446510547</v>
      </c>
      <c r="H164">
        <f t="shared" si="10"/>
        <v>-2.6570130438768554E-2</v>
      </c>
      <c r="I164">
        <f t="shared" si="11"/>
        <v>-1.723865117032633E-2</v>
      </c>
    </row>
    <row r="165" spans="1:9" x14ac:dyDescent="0.4">
      <c r="A165">
        <v>5.4333333333333336</v>
      </c>
      <c r="B165">
        <v>-13.866425246505978</v>
      </c>
      <c r="C165">
        <v>1.9630268242772009</v>
      </c>
      <c r="D165">
        <v>14.264775236506905</v>
      </c>
      <c r="E165">
        <v>2.1856848735372321</v>
      </c>
      <c r="F165">
        <f t="shared" si="8"/>
        <v>2.2360500499954634</v>
      </c>
      <c r="G165">
        <f t="shared" si="9"/>
        <v>2.0904776858194194</v>
      </c>
      <c r="H165">
        <f t="shared" si="10"/>
        <v>-1.6355901570372897E-2</v>
      </c>
      <c r="I165">
        <f t="shared" si="11"/>
        <v>-5.4531523167247256E-3</v>
      </c>
    </row>
    <row r="166" spans="1:9" x14ac:dyDescent="0.4">
      <c r="A166">
        <v>5.4666666666666668</v>
      </c>
      <c r="B166">
        <v>-13.854141109825942</v>
      </c>
      <c r="C166">
        <v>1.9615518503258111</v>
      </c>
      <c r="D166">
        <v>14.256313620347912</v>
      </c>
      <c r="E166">
        <v>2.1856676571631364</v>
      </c>
      <c r="F166">
        <f t="shared" si="8"/>
        <v>2.2364591878534799</v>
      </c>
      <c r="G166">
        <f t="shared" si="9"/>
        <v>2.0898371414328407</v>
      </c>
      <c r="H166">
        <f t="shared" si="10"/>
        <v>-1.4565672362489897E-2</v>
      </c>
      <c r="I166">
        <f t="shared" si="11"/>
        <v>4.2196293263079424E-3</v>
      </c>
    </row>
    <row r="167" spans="1:9" x14ac:dyDescent="0.4">
      <c r="A167">
        <v>5.5</v>
      </c>
      <c r="B167">
        <v>-13.844842555454836</v>
      </c>
      <c r="C167">
        <v>1.9628445709081344</v>
      </c>
      <c r="D167">
        <v>14.247092062093458</v>
      </c>
      <c r="E167">
        <v>2.1865769798984678</v>
      </c>
      <c r="F167">
        <f t="shared" si="8"/>
        <v>2.2351567137963255</v>
      </c>
      <c r="G167">
        <f t="shared" si="9"/>
        <v>2.0909104026869478</v>
      </c>
      <c r="H167">
        <f t="shared" si="10"/>
        <v>-1.8751651343229158E-2</v>
      </c>
      <c r="I167">
        <f t="shared" si="11"/>
        <v>2.1873510132047157E-2</v>
      </c>
    </row>
    <row r="168" spans="1:9" x14ac:dyDescent="0.4">
      <c r="A168">
        <v>5.5333333333333332</v>
      </c>
      <c r="B168">
        <v>-13.838554012311397</v>
      </c>
      <c r="C168">
        <v>1.9647979432518961</v>
      </c>
      <c r="D168">
        <v>14.242165192612548</v>
      </c>
      <c r="E168">
        <v>2.1860310482416137</v>
      </c>
      <c r="F168">
        <f t="shared" si="8"/>
        <v>2.2350254845296713</v>
      </c>
      <c r="G168">
        <f t="shared" si="9"/>
        <v>2.0914331577716752</v>
      </c>
      <c r="H168">
        <f t="shared" si="10"/>
        <v>-1.4493896835609249E-2</v>
      </c>
      <c r="I168">
        <f t="shared" si="11"/>
        <v>3.7011640543082827E-2</v>
      </c>
    </row>
    <row r="169" spans="1:9" x14ac:dyDescent="0.4">
      <c r="A169">
        <v>5.5666666666666664</v>
      </c>
      <c r="B169">
        <v>-13.830488922542239</v>
      </c>
      <c r="C169">
        <v>1.9678675389840279</v>
      </c>
      <c r="D169">
        <v>14.233722867101836</v>
      </c>
      <c r="E169">
        <v>2.1870435546103866</v>
      </c>
      <c r="F169">
        <f t="shared" si="8"/>
        <v>2.2336416264334962</v>
      </c>
      <c r="G169">
        <f t="shared" si="9"/>
        <v>2.09332526267201</v>
      </c>
      <c r="H169">
        <f t="shared" si="10"/>
        <v>-2.9909134580230989E-2</v>
      </c>
      <c r="I169">
        <f t="shared" si="11"/>
        <v>3.0035180460582619E-2</v>
      </c>
    </row>
    <row r="170" spans="1:9" x14ac:dyDescent="0.4">
      <c r="A170">
        <v>5.6</v>
      </c>
      <c r="B170">
        <v>-13.820756583901353</v>
      </c>
      <c r="C170">
        <v>1.9728505770238232</v>
      </c>
      <c r="D170">
        <v>14.228478285344471</v>
      </c>
      <c r="E170">
        <v>2.1858946148030545</v>
      </c>
      <c r="F170">
        <f t="shared" si="8"/>
        <v>2.234801082062293</v>
      </c>
      <c r="G170">
        <f t="shared" si="9"/>
        <v>2.0947983181974901</v>
      </c>
      <c r="H170">
        <f t="shared" si="10"/>
        <v>-4.3689922156699874E-2</v>
      </c>
      <c r="I170">
        <f t="shared" si="11"/>
        <v>2.2270808635367189E-2</v>
      </c>
    </row>
    <row r="171" spans="1:9" x14ac:dyDescent="0.4">
      <c r="A171">
        <v>5.6333333333333337</v>
      </c>
      <c r="B171">
        <v>-13.816042584623004</v>
      </c>
      <c r="C171">
        <v>1.9704005988376405</v>
      </c>
      <c r="D171">
        <v>14.217065588084232</v>
      </c>
      <c r="E171">
        <v>2.1867383564799243</v>
      </c>
      <c r="F171">
        <f t="shared" si="8"/>
        <v>2.2302840592666429</v>
      </c>
      <c r="G171">
        <f t="shared" si="9"/>
        <v>2.0942336858841375</v>
      </c>
      <c r="H171">
        <f t="shared" si="10"/>
        <v>-4.979226030579683E-2</v>
      </c>
      <c r="I171">
        <f t="shared" si="11"/>
        <v>5.7251645338686945E-3</v>
      </c>
    </row>
    <row r="172" spans="1:9" x14ac:dyDescent="0.4">
      <c r="A172">
        <v>5.666666666666667</v>
      </c>
      <c r="B172">
        <v>-13.809986169232456</v>
      </c>
      <c r="C172">
        <v>1.9699082518231705</v>
      </c>
      <c r="D172">
        <v>14.211036425968613</v>
      </c>
      <c r="E172">
        <v>2.1879046369110893</v>
      </c>
      <c r="F172">
        <f t="shared" si="8"/>
        <v>2.2294226144203146</v>
      </c>
      <c r="G172">
        <f t="shared" si="9"/>
        <v>2.0946907476048393</v>
      </c>
      <c r="H172">
        <f t="shared" si="10"/>
        <v>-4.3672590668252964E-2</v>
      </c>
      <c r="I172">
        <f t="shared" si="11"/>
        <v>1.8972940579099158E-2</v>
      </c>
    </row>
    <row r="173" spans="1:9" x14ac:dyDescent="0.4">
      <c r="A173">
        <v>5.7</v>
      </c>
      <c r="B173">
        <v>-13.803300446664581</v>
      </c>
      <c r="C173">
        <v>1.9663017820832691</v>
      </c>
      <c r="D173">
        <v>14.203612961880744</v>
      </c>
      <c r="E173">
        <v>2.189974143154688</v>
      </c>
      <c r="F173">
        <f t="shared" si="8"/>
        <v>2.2280321502035192</v>
      </c>
      <c r="G173">
        <f t="shared" si="9"/>
        <v>2.0943332420573135</v>
      </c>
      <c r="H173">
        <f t="shared" si="10"/>
        <v>-1.4837806471978127E-2</v>
      </c>
      <c r="I173">
        <f t="shared" si="11"/>
        <v>3.6229691518721144E-2</v>
      </c>
    </row>
    <row r="174" spans="1:9" x14ac:dyDescent="0.4">
      <c r="A174">
        <v>5.7333333333333334</v>
      </c>
      <c r="B174">
        <v>-13.794335579016725</v>
      </c>
      <c r="C174">
        <v>1.9673914609264473</v>
      </c>
      <c r="D174">
        <v>14.19799247829777</v>
      </c>
      <c r="E174">
        <v>2.1954099938367508</v>
      </c>
      <c r="F174">
        <f t="shared" si="8"/>
        <v>2.2286482714824793</v>
      </c>
      <c r="G174">
        <f t="shared" si="9"/>
        <v>2.0979106968740853</v>
      </c>
      <c r="H174">
        <f t="shared" si="10"/>
        <v>-6.5607044950333447E-3</v>
      </c>
      <c r="I174">
        <f t="shared" si="11"/>
        <v>4.8480383551551209E-2</v>
      </c>
    </row>
    <row r="175" spans="1:9" x14ac:dyDescent="0.4">
      <c r="A175">
        <v>5.7666666666666666</v>
      </c>
      <c r="B175">
        <v>-13.786586119933885</v>
      </c>
      <c r="C175">
        <v>1.9680003724077944</v>
      </c>
      <c r="D175">
        <v>14.191417377835476</v>
      </c>
      <c r="E175">
        <v>2.1962676531454304</v>
      </c>
      <c r="F175">
        <f t="shared" si="8"/>
        <v>2.2281982629902308</v>
      </c>
      <c r="G175">
        <f t="shared" si="9"/>
        <v>2.0986619931693014</v>
      </c>
      <c r="H175">
        <f t="shared" si="10"/>
        <v>8.9605010040809986E-3</v>
      </c>
      <c r="I175">
        <f t="shared" si="11"/>
        <v>6.6849787399492003E-2</v>
      </c>
    </row>
    <row r="176" spans="1:9" x14ac:dyDescent="0.4">
      <c r="A176">
        <v>5.8</v>
      </c>
      <c r="B176">
        <v>-13.776254970044963</v>
      </c>
      <c r="C176">
        <v>1.9717180497549416</v>
      </c>
      <c r="D176">
        <v>14.183783480352895</v>
      </c>
      <c r="E176">
        <v>2.1968874703502346</v>
      </c>
      <c r="F176">
        <f t="shared" si="8"/>
        <v>2.2282461072777866</v>
      </c>
      <c r="G176">
        <f t="shared" si="9"/>
        <v>2.1006064359741039</v>
      </c>
      <c r="H176">
        <f t="shared" si="10"/>
        <v>1.277799801121442E-2</v>
      </c>
      <c r="I176">
        <f t="shared" si="11"/>
        <v>6.7117060578033141E-2</v>
      </c>
    </row>
    <row r="177" spans="1:9" x14ac:dyDescent="0.4">
      <c r="A177">
        <v>5.833333333333333</v>
      </c>
      <c r="B177">
        <v>-13.762485634845406</v>
      </c>
      <c r="C177">
        <v>1.9760406743464856</v>
      </c>
      <c r="D177">
        <v>14.176084159168571</v>
      </c>
      <c r="E177">
        <v>2.1998088928948847</v>
      </c>
      <c r="F177">
        <f t="shared" si="8"/>
        <v>2.2297266491398791</v>
      </c>
      <c r="G177">
        <f t="shared" si="9"/>
        <v>2.1041270037405528</v>
      </c>
      <c r="H177">
        <f t="shared" si="10"/>
        <v>2.111964562201148E-2</v>
      </c>
      <c r="I177">
        <f t="shared" si="11"/>
        <v>6.1726095807162165E-2</v>
      </c>
    </row>
    <row r="178" spans="1:9" x14ac:dyDescent="0.4">
      <c r="A178">
        <v>5.8666666666666663</v>
      </c>
      <c r="B178">
        <v>-13.753777659776405</v>
      </c>
      <c r="C178">
        <v>1.9793314287376009</v>
      </c>
      <c r="D178">
        <v>14.170080765697019</v>
      </c>
      <c r="E178">
        <v>2.2012593638172775</v>
      </c>
      <c r="F178">
        <f t="shared" si="8"/>
        <v>2.2300137447428576</v>
      </c>
      <c r="G178">
        <f t="shared" si="9"/>
        <v>2.106364368351465</v>
      </c>
      <c r="H178">
        <f t="shared" si="10"/>
        <v>3.4155067726015904E-2</v>
      </c>
      <c r="I178">
        <f t="shared" si="11"/>
        <v>4.5555952547368037E-2</v>
      </c>
    </row>
    <row r="179" spans="1:9" x14ac:dyDescent="0.4">
      <c r="A179">
        <v>5.9</v>
      </c>
      <c r="B179">
        <v>-13.745785540704281</v>
      </c>
      <c r="C179">
        <v>1.979798561440689</v>
      </c>
      <c r="D179">
        <v>14.165544233172907</v>
      </c>
      <c r="E179">
        <v>2.2003973855536616</v>
      </c>
      <c r="F179">
        <f t="shared" si="8"/>
        <v>2.2308343851946972</v>
      </c>
      <c r="G179">
        <f t="shared" si="9"/>
        <v>2.1060707096151479</v>
      </c>
      <c r="H179">
        <f t="shared" si="10"/>
        <v>3.2874044234940961E-2</v>
      </c>
      <c r="I179">
        <f t="shared" si="11"/>
        <v>3.1063570734209112E-2</v>
      </c>
    </row>
    <row r="180" spans="1:9" x14ac:dyDescent="0.4">
      <c r="A180">
        <v>5.9333333333333336</v>
      </c>
      <c r="B180">
        <v>-13.734362076363789</v>
      </c>
      <c r="C180">
        <v>1.9817840657126162</v>
      </c>
      <c r="D180">
        <v>14.161466296505292</v>
      </c>
      <c r="E180">
        <v>2.2009346665123406</v>
      </c>
      <c r="F180">
        <f t="shared" si="8"/>
        <v>2.2333847505380469</v>
      </c>
      <c r="G180">
        <f t="shared" si="9"/>
        <v>2.1072272417947011</v>
      </c>
      <c r="H180">
        <f t="shared" si="10"/>
        <v>3.2521003564628573E-2</v>
      </c>
      <c r="I180">
        <f t="shared" si="11"/>
        <v>2.5851828694486566E-2</v>
      </c>
    </row>
    <row r="181" spans="1:9" x14ac:dyDescent="0.4">
      <c r="A181">
        <v>5.9666666666666668</v>
      </c>
      <c r="B181">
        <v>-13.728247784221008</v>
      </c>
      <c r="C181">
        <v>1.9835924128414177</v>
      </c>
      <c r="D181">
        <v>14.157135404048448</v>
      </c>
      <c r="E181">
        <v>2.202458669938923</v>
      </c>
      <c r="F181">
        <f t="shared" si="8"/>
        <v>2.2335201536147746</v>
      </c>
      <c r="G181">
        <f t="shared" si="9"/>
        <v>2.1088728288079697</v>
      </c>
      <c r="H181">
        <f t="shared" si="10"/>
        <v>1.6420260255310348E-2</v>
      </c>
      <c r="I181">
        <f t="shared" si="11"/>
        <v>3.1241573538806851E-2</v>
      </c>
    </row>
    <row r="182" spans="1:9" x14ac:dyDescent="0.4">
      <c r="A182">
        <v>6</v>
      </c>
      <c r="B182">
        <v>-13.722984224787043</v>
      </c>
      <c r="C182">
        <v>1.9838223416665453</v>
      </c>
      <c r="D182">
        <v>14.154200791009824</v>
      </c>
      <c r="E182">
        <v>2.2029841742130296</v>
      </c>
      <c r="F182">
        <f t="shared" si="8"/>
        <v>2.2340910277935904</v>
      </c>
      <c r="G182">
        <f t="shared" si="9"/>
        <v>2.1092719468708019</v>
      </c>
      <c r="H182">
        <f t="shared" si="10"/>
        <v>-6.1117358299678454E-3</v>
      </c>
      <c r="I182">
        <f t="shared" si="11"/>
        <v>2.9850519116264459E-2</v>
      </c>
    </row>
    <row r="183" spans="1:9" x14ac:dyDescent="0.4">
      <c r="A183">
        <v>6.0333333333333332</v>
      </c>
      <c r="B183">
        <v>-13.716418392119492</v>
      </c>
      <c r="C183">
        <v>1.9846150664582098</v>
      </c>
      <c r="D183">
        <v>14.147770777276639</v>
      </c>
      <c r="E183">
        <v>2.2041099043378423</v>
      </c>
      <c r="F183">
        <f t="shared" si="8"/>
        <v>2.2332179566094772</v>
      </c>
      <c r="G183">
        <f t="shared" si="9"/>
        <v>2.1102552860002319</v>
      </c>
      <c r="H183">
        <f t="shared" si="10"/>
        <v>-1.508512177573312E-2</v>
      </c>
      <c r="I183">
        <f t="shared" si="11"/>
        <v>2.60515716362427E-2</v>
      </c>
    </row>
    <row r="184" spans="1:9" x14ac:dyDescent="0.4">
      <c r="A184">
        <v>6.0666666666666664</v>
      </c>
      <c r="B184">
        <v>-13.708564746984635</v>
      </c>
      <c r="C184">
        <v>1.9864003721888173</v>
      </c>
      <c r="D184">
        <v>14.140679835115399</v>
      </c>
      <c r="E184">
        <v>2.2049701817299772</v>
      </c>
      <c r="F184">
        <f t="shared" si="8"/>
        <v>2.2325172264023676</v>
      </c>
      <c r="G184">
        <f t="shared" si="9"/>
        <v>2.1115110997179474</v>
      </c>
      <c r="H184">
        <f t="shared" si="10"/>
        <v>-2.662804785840886E-2</v>
      </c>
      <c r="I184">
        <f t="shared" si="11"/>
        <v>3.3150310538303043E-2</v>
      </c>
    </row>
    <row r="185" spans="1:9" x14ac:dyDescent="0.4">
      <c r="A185">
        <v>6.1</v>
      </c>
      <c r="B185">
        <v>-13.69929313524951</v>
      </c>
      <c r="C185">
        <v>1.9856426791007382</v>
      </c>
      <c r="D185">
        <v>14.132488376538017</v>
      </c>
      <c r="E185">
        <v>2.2065565831270688</v>
      </c>
      <c r="F185">
        <f t="shared" si="8"/>
        <v>2.2317928673477638</v>
      </c>
      <c r="G185">
        <f t="shared" si="9"/>
        <v>2.1120951809904374</v>
      </c>
      <c r="H185">
        <f t="shared" si="10"/>
        <v>-1.7401568004341724E-2</v>
      </c>
      <c r="I185">
        <f t="shared" si="11"/>
        <v>1.7704450008764135E-2</v>
      </c>
    </row>
    <row r="186" spans="1:9" x14ac:dyDescent="0.4">
      <c r="A186">
        <v>6.1333333333333337</v>
      </c>
      <c r="B186">
        <v>-13.689778799950416</v>
      </c>
      <c r="C186">
        <v>1.9892674333684124</v>
      </c>
      <c r="D186">
        <v>14.122887550216571</v>
      </c>
      <c r="E186">
        <v>2.2069617986678294</v>
      </c>
      <c r="F186">
        <f t="shared" si="8"/>
        <v>2.2303655644480456</v>
      </c>
      <c r="G186">
        <f t="shared" si="9"/>
        <v>2.113877051132083</v>
      </c>
      <c r="H186">
        <f t="shared" si="10"/>
        <v>-9.5319207437918295E-3</v>
      </c>
      <c r="I186">
        <f t="shared" si="11"/>
        <v>2.1502398787973134E-2</v>
      </c>
    </row>
    <row r="187" spans="1:9" x14ac:dyDescent="0.4">
      <c r="A187">
        <v>6.166666666666667</v>
      </c>
      <c r="B187">
        <v>-13.681477520394415</v>
      </c>
      <c r="C187">
        <v>1.9866624235576535</v>
      </c>
      <c r="D187">
        <v>14.118482264100177</v>
      </c>
      <c r="E187">
        <v>2.2056688126601678</v>
      </c>
      <c r="F187">
        <f t="shared" si="8"/>
        <v>2.2313935262525812</v>
      </c>
      <c r="G187">
        <f t="shared" si="9"/>
        <v>2.1120230519612915</v>
      </c>
      <c r="H187">
        <f t="shared" si="10"/>
        <v>4.0992784758410641E-3</v>
      </c>
      <c r="I187">
        <f t="shared" si="11"/>
        <v>2.6888743945899518E-2</v>
      </c>
    </row>
    <row r="188" spans="1:9" x14ac:dyDescent="0.4">
      <c r="A188">
        <v>6.2</v>
      </c>
      <c r="B188">
        <v>-13.672113080564573</v>
      </c>
      <c r="C188">
        <v>1.9907201173177469</v>
      </c>
      <c r="D188">
        <v>14.111023473229128</v>
      </c>
      <c r="E188">
        <v>2.2080671109495467</v>
      </c>
      <c r="F188">
        <f t="shared" si="8"/>
        <v>2.2311282434926603</v>
      </c>
      <c r="G188">
        <f t="shared" si="9"/>
        <v>2.1151308973638492</v>
      </c>
      <c r="H188">
        <f t="shared" si="10"/>
        <v>1.4837355210524591E-2</v>
      </c>
      <c r="I188">
        <f t="shared" si="11"/>
        <v>1.4232288918829154E-2</v>
      </c>
    </row>
    <row r="189" spans="1:9" x14ac:dyDescent="0.4">
      <c r="A189">
        <v>6.2333333333333334</v>
      </c>
      <c r="B189">
        <v>-13.663569477587769</v>
      </c>
      <c r="C189">
        <v>1.991388889035941</v>
      </c>
      <c r="D189">
        <v>14.106329789900773</v>
      </c>
      <c r="E189">
        <v>2.2089980148751476</v>
      </c>
      <c r="F189">
        <f t="shared" si="8"/>
        <v>2.2320947409047633</v>
      </c>
      <c r="G189">
        <f t="shared" si="9"/>
        <v>2.1159497151988709</v>
      </c>
      <c r="H189">
        <f t="shared" si="10"/>
        <v>9.4745981358501964E-3</v>
      </c>
      <c r="I189">
        <f t="shared" si="11"/>
        <v>1.6627449970886558E-2</v>
      </c>
    </row>
    <row r="190" spans="1:9" x14ac:dyDescent="0.4">
      <c r="A190">
        <v>6.2666666666666666</v>
      </c>
      <c r="B190">
        <v>-13.655876894897764</v>
      </c>
      <c r="C190">
        <v>1.992192468218007</v>
      </c>
      <c r="D190">
        <v>14.10127011177487</v>
      </c>
      <c r="E190">
        <v>2.2054907978954565</v>
      </c>
      <c r="F190">
        <f t="shared" si="8"/>
        <v>2.2324878496570419</v>
      </c>
      <c r="G190">
        <f t="shared" si="9"/>
        <v>2.1142857676664315</v>
      </c>
      <c r="H190">
        <f t="shared" si="10"/>
        <v>-2.11811136690719E-2</v>
      </c>
      <c r="I190">
        <f t="shared" si="11"/>
        <v>-5.5866783474063566E-3</v>
      </c>
    </row>
    <row r="191" spans="1:9" x14ac:dyDescent="0.4">
      <c r="A191">
        <v>6.3</v>
      </c>
      <c r="B191">
        <v>-13.647825318425994</v>
      </c>
      <c r="C191">
        <v>1.9935034616131999</v>
      </c>
      <c r="D191">
        <v>14.094914782128441</v>
      </c>
      <c r="E191">
        <v>2.2061380973106144</v>
      </c>
      <c r="F191">
        <f t="shared" si="8"/>
        <v>2.2322928228596988</v>
      </c>
      <c r="G191">
        <f t="shared" si="9"/>
        <v>2.1152168584718147</v>
      </c>
      <c r="H191">
        <f t="shared" si="10"/>
        <v>-3.2705517612178991E-2</v>
      </c>
      <c r="I191">
        <f t="shared" si="11"/>
        <v>-1.0129163556458688E-2</v>
      </c>
    </row>
    <row r="192" spans="1:9" x14ac:dyDescent="0.4">
      <c r="A192">
        <v>6.333333333333333</v>
      </c>
      <c r="B192">
        <v>-13.64193603363735</v>
      </c>
      <c r="C192">
        <v>1.9938029488546078</v>
      </c>
      <c r="D192">
        <v>14.08214059052712</v>
      </c>
      <c r="E192">
        <v>2.2047776917313846</v>
      </c>
      <c r="F192">
        <f t="shared" si="8"/>
        <v>2.2274990169036806</v>
      </c>
      <c r="G192">
        <f t="shared" si="9"/>
        <v>2.1145662126694762</v>
      </c>
      <c r="H192">
        <f t="shared" si="10"/>
        <v>-3.8425551775143403E-2</v>
      </c>
      <c r="I192">
        <f t="shared" si="11"/>
        <v>-9.8480232503486299E-3</v>
      </c>
    </row>
    <row r="193" spans="1:9" x14ac:dyDescent="0.4">
      <c r="A193">
        <v>6.3666666666666663</v>
      </c>
      <c r="B193">
        <v>-13.629842033675569</v>
      </c>
      <c r="C193">
        <v>1.994091739022956</v>
      </c>
      <c r="D193">
        <v>14.07596997688926</v>
      </c>
      <c r="E193">
        <v>2.2037846928697022</v>
      </c>
      <c r="F193">
        <f t="shared" si="8"/>
        <v>2.2291382376794142</v>
      </c>
      <c r="G193">
        <f t="shared" si="9"/>
        <v>2.1141212987712721</v>
      </c>
      <c r="H193">
        <f t="shared" si="10"/>
        <v>-2.8797516537646235E-2</v>
      </c>
      <c r="I193">
        <f t="shared" si="11"/>
        <v>-1.4175822301098095E-2</v>
      </c>
    </row>
    <row r="194" spans="1:9" x14ac:dyDescent="0.4">
      <c r="A194">
        <v>6.4</v>
      </c>
      <c r="B194">
        <v>-13.62200243694156</v>
      </c>
      <c r="C194">
        <v>1.9933451574041161</v>
      </c>
      <c r="D194">
        <v>14.067532758668394</v>
      </c>
      <c r="E194">
        <v>2.2027192697977971</v>
      </c>
      <c r="F194">
        <f t="shared" si="8"/>
        <v>2.2276608836179936</v>
      </c>
      <c r="G194">
        <f t="shared" si="9"/>
        <v>2.1131922103083114</v>
      </c>
      <c r="H194">
        <f t="shared" si="10"/>
        <v>-1.4963764461866919E-2</v>
      </c>
      <c r="I194">
        <f t="shared" si="11"/>
        <v>-1.0491929041958918E-2</v>
      </c>
    </row>
    <row r="195" spans="1:9" x14ac:dyDescent="0.4">
      <c r="A195">
        <v>6.4333333333333336</v>
      </c>
      <c r="B195">
        <v>-13.609877825717506</v>
      </c>
      <c r="C195">
        <v>1.9930784076418893</v>
      </c>
      <c r="D195">
        <v>14.058041269119251</v>
      </c>
      <c r="E195">
        <v>2.20352826308326</v>
      </c>
      <c r="F195">
        <f t="shared" ref="F195:F258" si="12">(B195*58.73+D195*78.62)/(58.73+78.62)</f>
        <v>2.2274123034129345</v>
      </c>
      <c r="G195">
        <f t="shared" ref="G195:G258" si="13">(C195*58.73+E195*78.62)/(58.73+78.62)</f>
        <v>2.1135412226022141</v>
      </c>
      <c r="H195">
        <f t="shared" si="10"/>
        <v>-4.8328962435184017E-2</v>
      </c>
      <c r="I195">
        <f t="shared" si="11"/>
        <v>-7.3120877441721424E-3</v>
      </c>
    </row>
    <row r="196" spans="1:9" x14ac:dyDescent="0.4">
      <c r="A196">
        <v>6.4666666666666668</v>
      </c>
      <c r="B196">
        <v>-13.597512492162531</v>
      </c>
      <c r="C196">
        <v>1.9938290570744317</v>
      </c>
      <c r="D196">
        <v>14.046106355431657</v>
      </c>
      <c r="E196">
        <v>2.2022099691778472</v>
      </c>
      <c r="F196">
        <f t="shared" si="12"/>
        <v>2.2258680232932759</v>
      </c>
      <c r="G196">
        <f t="shared" si="13"/>
        <v>2.1131075959136787</v>
      </c>
      <c r="H196">
        <f t="shared" si="10"/>
        <v>-4.8061639933770717E-2</v>
      </c>
      <c r="I196">
        <f t="shared" si="11"/>
        <v>4.0309681065973241E-3</v>
      </c>
    </row>
    <row r="197" spans="1:9" x14ac:dyDescent="0.4">
      <c r="A197">
        <v>6.5</v>
      </c>
      <c r="B197">
        <v>-13.58596735312852</v>
      </c>
      <c r="C197">
        <v>1.9947836702713786</v>
      </c>
      <c r="D197">
        <v>14.030689312883403</v>
      </c>
      <c r="E197">
        <v>2.2012126742491791</v>
      </c>
      <c r="F197">
        <f t="shared" si="12"/>
        <v>2.2219798407692424</v>
      </c>
      <c r="G197">
        <f t="shared" si="13"/>
        <v>2.1129449246778931</v>
      </c>
      <c r="H197">
        <f t="shared" ref="H197:H260" si="14">SLOPE(F195:F199,$A195:$A199)</f>
        <v>-4.6205680244631051E-2</v>
      </c>
      <c r="I197">
        <f t="shared" ref="I197:I260" si="15">SLOPE(G195:G199,$A195:$A199)</f>
        <v>1.132928989420416E-2</v>
      </c>
    </row>
    <row r="198" spans="1:9" x14ac:dyDescent="0.4">
      <c r="A198">
        <v>6.5333333333333332</v>
      </c>
      <c r="B198">
        <v>-13.576661483684179</v>
      </c>
      <c r="C198">
        <v>1.9953898080149803</v>
      </c>
      <c r="D198">
        <v>14.024413821329704</v>
      </c>
      <c r="E198">
        <v>2.2028864538198896</v>
      </c>
      <c r="F198">
        <f t="shared" si="12"/>
        <v>2.2223668416175446</v>
      </c>
      <c r="G198">
        <f t="shared" si="13"/>
        <v>2.1141621872882381</v>
      </c>
      <c r="H198">
        <f t="shared" si="14"/>
        <v>-2.9965145475078548E-2</v>
      </c>
      <c r="I198">
        <f t="shared" si="15"/>
        <v>2.9995918939669786E-2</v>
      </c>
    </row>
    <row r="199" spans="1:9" x14ac:dyDescent="0.4">
      <c r="A199">
        <v>6.5666666666666664</v>
      </c>
      <c r="B199">
        <v>-13.569202916397478</v>
      </c>
      <c r="C199">
        <v>1.9976594626074371</v>
      </c>
      <c r="D199">
        <v>14.017261330133611</v>
      </c>
      <c r="E199">
        <v>2.2024837058084406</v>
      </c>
      <c r="F199">
        <f t="shared" si="12"/>
        <v>2.2214619475433617</v>
      </c>
      <c r="G199">
        <f t="shared" si="13"/>
        <v>2.1149021418973017</v>
      </c>
      <c r="H199">
        <f t="shared" si="14"/>
        <v>-2.7130324597634686E-2</v>
      </c>
      <c r="I199">
        <f t="shared" si="15"/>
        <v>2.8502452408597605E-2</v>
      </c>
    </row>
    <row r="200" spans="1:9" x14ac:dyDescent="0.4">
      <c r="A200">
        <v>6.6</v>
      </c>
      <c r="B200">
        <v>-13.56312158406117</v>
      </c>
      <c r="C200">
        <v>2.0014587838922253</v>
      </c>
      <c r="D200">
        <v>14.012143447299639</v>
      </c>
      <c r="E200">
        <v>2.203534706257158</v>
      </c>
      <c r="F200">
        <f t="shared" si="12"/>
        <v>2.2211327789937032</v>
      </c>
      <c r="G200">
        <f t="shared" si="13"/>
        <v>2.1171283071272526</v>
      </c>
      <c r="H200">
        <f t="shared" si="14"/>
        <v>-4.9988181037821378E-2</v>
      </c>
      <c r="I200">
        <f t="shared" si="15"/>
        <v>2.9539709633072325E-2</v>
      </c>
    </row>
    <row r="201" spans="1:9" x14ac:dyDescent="0.4">
      <c r="A201">
        <v>6.6333333333333337</v>
      </c>
      <c r="B201">
        <v>-13.55787857290915</v>
      </c>
      <c r="C201">
        <v>2.0015597137997645</v>
      </c>
      <c r="D201">
        <v>14.002885151616058</v>
      </c>
      <c r="E201">
        <v>2.2018589897332008</v>
      </c>
      <c r="F201">
        <f t="shared" si="12"/>
        <v>2.2180751513148906</v>
      </c>
      <c r="G201">
        <f t="shared" si="13"/>
        <v>2.1162122734931521</v>
      </c>
      <c r="H201">
        <f t="shared" si="14"/>
        <v>-4.7758755348952096E-2</v>
      </c>
      <c r="I201">
        <f t="shared" si="15"/>
        <v>4.5487538680227292E-2</v>
      </c>
    </row>
    <row r="202" spans="1:9" x14ac:dyDescent="0.4">
      <c r="A202">
        <v>6.666666666666667</v>
      </c>
      <c r="B202">
        <v>-13.550988557141972</v>
      </c>
      <c r="C202">
        <v>2.0025087158926644</v>
      </c>
      <c r="D202">
        <v>13.993639266223825</v>
      </c>
      <c r="E202">
        <v>2.2050251772916392</v>
      </c>
      <c r="F202">
        <f t="shared" si="12"/>
        <v>2.2157288762254765</v>
      </c>
      <c r="G202">
        <f t="shared" si="13"/>
        <v>2.1184304064291584</v>
      </c>
      <c r="H202">
        <f t="shared" si="14"/>
        <v>-3.8851981548598619E-2</v>
      </c>
      <c r="I202">
        <f t="shared" si="15"/>
        <v>6.0425604467841718E-2</v>
      </c>
    </row>
    <row r="203" spans="1:9" x14ac:dyDescent="0.4">
      <c r="A203">
        <v>6.7</v>
      </c>
      <c r="B203">
        <v>-13.54188495897248</v>
      </c>
      <c r="C203">
        <v>2.0042238166241013</v>
      </c>
      <c r="D203">
        <v>13.987669011069439</v>
      </c>
      <c r="E203">
        <v>2.2096872086321215</v>
      </c>
      <c r="F203">
        <f t="shared" si="12"/>
        <v>2.2162041063693163</v>
      </c>
      <c r="G203">
        <f t="shared" si="13"/>
        <v>2.1218323486930535</v>
      </c>
      <c r="H203">
        <f t="shared" si="14"/>
        <v>-3.1753938128743379E-2</v>
      </c>
      <c r="I203">
        <f t="shared" si="15"/>
        <v>7.5712861679416751E-2</v>
      </c>
    </row>
    <row r="204" spans="1:9" x14ac:dyDescent="0.4">
      <c r="A204">
        <v>6.7333333333333334</v>
      </c>
      <c r="B204">
        <v>-13.532662200066977</v>
      </c>
      <c r="C204">
        <v>2.0073720074065888</v>
      </c>
      <c r="D204">
        <v>13.979711849470947</v>
      </c>
      <c r="E204">
        <v>2.2118023291808142</v>
      </c>
      <c r="F204">
        <f t="shared" si="12"/>
        <v>2.2155929712083906</v>
      </c>
      <c r="G204">
        <f t="shared" si="13"/>
        <v>2.1243892036052756</v>
      </c>
      <c r="H204">
        <f t="shared" si="14"/>
        <v>-3.7202456119807568E-2</v>
      </c>
      <c r="I204">
        <f t="shared" si="15"/>
        <v>5.9392593822077393E-2</v>
      </c>
    </row>
    <row r="205" spans="1:9" x14ac:dyDescent="0.4">
      <c r="A205">
        <v>6.7666666666666666</v>
      </c>
      <c r="B205">
        <v>-13.525903741683065</v>
      </c>
      <c r="C205">
        <v>2.0108313426983853</v>
      </c>
      <c r="D205">
        <v>13.969872570493484</v>
      </c>
      <c r="E205">
        <v>2.211773139194646</v>
      </c>
      <c r="F205">
        <f t="shared" si="12"/>
        <v>2.2128507808019764</v>
      </c>
      <c r="G205">
        <f t="shared" si="13"/>
        <v>2.1258516851849962</v>
      </c>
      <c r="H205">
        <f t="shared" si="14"/>
        <v>-5.0982989586480801E-2</v>
      </c>
      <c r="I205">
        <f t="shared" si="15"/>
        <v>4.4516175528479245E-2</v>
      </c>
    </row>
    <row r="206" spans="1:9" x14ac:dyDescent="0.4">
      <c r="A206">
        <v>6.8</v>
      </c>
      <c r="B206">
        <v>-13.517397475062811</v>
      </c>
      <c r="C206">
        <v>2.0104732684065199</v>
      </c>
      <c r="D206">
        <v>13.960643325727158</v>
      </c>
      <c r="E206">
        <v>2.2128579088805589</v>
      </c>
      <c r="F206">
        <f t="shared" si="12"/>
        <v>2.2112051296558453</v>
      </c>
      <c r="G206">
        <f t="shared" si="13"/>
        <v>2.1263195038201999</v>
      </c>
      <c r="H206">
        <f t="shared" si="14"/>
        <v>-5.5443345740498994E-2</v>
      </c>
      <c r="I206">
        <f t="shared" si="15"/>
        <v>4.7133554759531904E-2</v>
      </c>
    </row>
    <row r="207" spans="1:9" x14ac:dyDescent="0.4">
      <c r="A207">
        <v>6.833333333333333</v>
      </c>
      <c r="B207">
        <v>-13.508662126012338</v>
      </c>
      <c r="C207">
        <v>2.0131985264033898</v>
      </c>
      <c r="D207">
        <v>13.951839354946163</v>
      </c>
      <c r="E207">
        <v>2.2142585820596872</v>
      </c>
      <c r="F207">
        <f t="shared" si="12"/>
        <v>2.2099008622145089</v>
      </c>
      <c r="G207">
        <f t="shared" si="13"/>
        <v>2.1282865611736712</v>
      </c>
      <c r="H207">
        <f t="shared" si="14"/>
        <v>-4.5473848217627906E-2</v>
      </c>
      <c r="I207">
        <f t="shared" si="15"/>
        <v>4.4266347515179529E-2</v>
      </c>
    </row>
    <row r="208" spans="1:9" x14ac:dyDescent="0.4">
      <c r="A208">
        <v>6.8666666666666663</v>
      </c>
      <c r="B208">
        <v>-13.498182067932333</v>
      </c>
      <c r="C208">
        <v>2.0179363198936553</v>
      </c>
      <c r="D208">
        <v>13.940388228371361</v>
      </c>
      <c r="E208">
        <v>2.2155076006573169</v>
      </c>
      <c r="F208">
        <f t="shared" si="12"/>
        <v>2.2078273728787079</v>
      </c>
      <c r="G208">
        <f t="shared" si="13"/>
        <v>2.1310273580708601</v>
      </c>
      <c r="H208">
        <f t="shared" si="14"/>
        <v>-3.0050872388856689E-2</v>
      </c>
      <c r="I208">
        <f t="shared" si="15"/>
        <v>4.3365863624120954E-2</v>
      </c>
    </row>
    <row r="209" spans="1:9" x14ac:dyDescent="0.4">
      <c r="A209">
        <v>6.9</v>
      </c>
      <c r="B209">
        <v>-13.489235118973625</v>
      </c>
      <c r="C209">
        <v>2.0171527072557711</v>
      </c>
      <c r="D209">
        <v>13.932190645531589</v>
      </c>
      <c r="E209">
        <v>2.2158276398401422</v>
      </c>
      <c r="F209">
        <f t="shared" si="12"/>
        <v>2.2069606844876071</v>
      </c>
      <c r="G209">
        <f t="shared" si="13"/>
        <v>2.1308754826455294</v>
      </c>
      <c r="H209">
        <f t="shared" si="14"/>
        <v>-1.6959147252397277E-2</v>
      </c>
      <c r="I209">
        <f t="shared" si="15"/>
        <v>3.0849845972964311E-2</v>
      </c>
    </row>
    <row r="210" spans="1:9" x14ac:dyDescent="0.4">
      <c r="A210">
        <v>6.9333333333333336</v>
      </c>
      <c r="B210">
        <v>-13.482629304856411</v>
      </c>
      <c r="C210">
        <v>2.0177878855239251</v>
      </c>
      <c r="D210">
        <v>13.928489516459859</v>
      </c>
      <c r="E210">
        <v>2.217759145835664</v>
      </c>
      <c r="F210">
        <f t="shared" si="12"/>
        <v>2.20766673978782</v>
      </c>
      <c r="G210">
        <f t="shared" si="13"/>
        <v>2.1322526870216243</v>
      </c>
      <c r="H210">
        <f t="shared" si="14"/>
        <v>-4.6476296860120747E-3</v>
      </c>
      <c r="I210">
        <f t="shared" si="15"/>
        <v>1.8394131857342122E-2</v>
      </c>
    </row>
    <row r="211" spans="1:9" x14ac:dyDescent="0.4">
      <c r="A211">
        <v>6.9666666666666668</v>
      </c>
      <c r="B211">
        <v>-13.474769575666594</v>
      </c>
      <c r="C211">
        <v>2.0174868530358743</v>
      </c>
      <c r="D211">
        <v>13.921723593687682</v>
      </c>
      <c r="E211">
        <v>2.2189673266782521</v>
      </c>
      <c r="F211">
        <f t="shared" si="12"/>
        <v>2.2071546542178866</v>
      </c>
      <c r="G211">
        <f t="shared" si="13"/>
        <v>2.1328155376937832</v>
      </c>
      <c r="H211">
        <f t="shared" si="14"/>
        <v>-1.2081857563492934E-2</v>
      </c>
      <c r="I211">
        <f t="shared" si="15"/>
        <v>6.8622986927331627E-3</v>
      </c>
    </row>
    <row r="212" spans="1:9" x14ac:dyDescent="0.4">
      <c r="A212">
        <v>7</v>
      </c>
      <c r="B212">
        <v>-13.465503095050019</v>
      </c>
      <c r="C212">
        <v>2.0161319856852051</v>
      </c>
      <c r="D212">
        <v>13.914454001226009</v>
      </c>
      <c r="E212">
        <v>2.2205166009463579</v>
      </c>
      <c r="F212">
        <f t="shared" si="12"/>
        <v>2.2069557830658995</v>
      </c>
      <c r="G212">
        <f t="shared" si="13"/>
        <v>2.1331230191896235</v>
      </c>
      <c r="H212">
        <f t="shared" si="14"/>
        <v>-1.5706644444220486E-2</v>
      </c>
      <c r="I212">
        <f t="shared" si="15"/>
        <v>-1.1971407949151787E-2</v>
      </c>
    </row>
    <row r="213" spans="1:9" x14ac:dyDescent="0.4">
      <c r="A213">
        <v>7.0333333333333332</v>
      </c>
      <c r="B213">
        <v>-13.457758966799551</v>
      </c>
      <c r="C213">
        <v>2.0148102127081593</v>
      </c>
      <c r="D213">
        <v>13.90578078391415</v>
      </c>
      <c r="E213">
        <v>2.2188153541289375</v>
      </c>
      <c r="F213">
        <f t="shared" si="12"/>
        <v>2.2053025199213185</v>
      </c>
      <c r="G213">
        <f t="shared" si="13"/>
        <v>2.1315840330103186</v>
      </c>
      <c r="H213">
        <f t="shared" si="14"/>
        <v>-1.4268710681089973E-2</v>
      </c>
      <c r="I213">
        <f t="shared" si="15"/>
        <v>-3.8835566599843795E-2</v>
      </c>
    </row>
    <row r="214" spans="1:9" x14ac:dyDescent="0.4">
      <c r="A214">
        <v>7.0666666666666664</v>
      </c>
      <c r="B214">
        <v>-13.447543111539382</v>
      </c>
      <c r="C214">
        <v>2.0146766257264472</v>
      </c>
      <c r="D214">
        <v>13.899324315750608</v>
      </c>
      <c r="E214">
        <v>2.2176733202409067</v>
      </c>
      <c r="F214">
        <f t="shared" si="12"/>
        <v>2.2059750328620673</v>
      </c>
      <c r="G214">
        <f t="shared" si="13"/>
        <v>2.1308732047051646</v>
      </c>
      <c r="H214">
        <f t="shared" si="14"/>
        <v>-6.2712161496127419E-3</v>
      </c>
      <c r="I214">
        <f t="shared" si="15"/>
        <v>-4.5512557452418764E-2</v>
      </c>
    </row>
    <row r="215" spans="1:9" x14ac:dyDescent="0.4">
      <c r="A215">
        <v>7.1</v>
      </c>
      <c r="B215">
        <v>-13.438919107944363</v>
      </c>
      <c r="C215">
        <v>2.0117321096455094</v>
      </c>
      <c r="D215">
        <v>13.891644993868896</v>
      </c>
      <c r="E215">
        <v>2.2139237149207043</v>
      </c>
      <c r="F215">
        <f t="shared" si="12"/>
        <v>2.2052669108729543</v>
      </c>
      <c r="G215">
        <f t="shared" si="13"/>
        <v>2.1274678505027054</v>
      </c>
      <c r="H215">
        <f t="shared" si="14"/>
        <v>2.2767791924369524E-2</v>
      </c>
      <c r="I215">
        <f t="shared" si="15"/>
        <v>-3.2075572670230014E-2</v>
      </c>
    </row>
    <row r="216" spans="1:9" x14ac:dyDescent="0.4">
      <c r="A216">
        <v>7.1333333333333337</v>
      </c>
      <c r="B216">
        <v>-13.426721665415151</v>
      </c>
      <c r="C216">
        <v>2.0107204142622837</v>
      </c>
      <c r="D216">
        <v>13.883688973233754</v>
      </c>
      <c r="E216">
        <v>2.2149027893084825</v>
      </c>
      <c r="F216">
        <f t="shared" si="12"/>
        <v>2.2059283848984794</v>
      </c>
      <c r="G216">
        <f t="shared" si="13"/>
        <v>2.1275956842013604</v>
      </c>
      <c r="H216">
        <f t="shared" si="14"/>
        <v>2.78240301022795E-2</v>
      </c>
      <c r="I216">
        <f t="shared" si="15"/>
        <v>-5.2589807925214121E-3</v>
      </c>
    </row>
    <row r="217" spans="1:9" x14ac:dyDescent="0.4">
      <c r="A217">
        <v>7.166666666666667</v>
      </c>
      <c r="B217">
        <v>-13.411148518791265</v>
      </c>
      <c r="C217">
        <v>2.0135473247303168</v>
      </c>
      <c r="D217">
        <v>13.877632280236224</v>
      </c>
      <c r="E217">
        <v>2.21328228129541</v>
      </c>
      <c r="F217">
        <f t="shared" si="12"/>
        <v>2.2091204758905074</v>
      </c>
      <c r="G217">
        <f t="shared" si="13"/>
        <v>2.1278768644838491</v>
      </c>
      <c r="H217">
        <f t="shared" si="14"/>
        <v>2.6567565912214861E-2</v>
      </c>
      <c r="I217">
        <f t="shared" si="15"/>
        <v>3.226090576091234E-2</v>
      </c>
    </row>
    <row r="218" spans="1:9" x14ac:dyDescent="0.4">
      <c r="A218">
        <v>7.2</v>
      </c>
      <c r="B218">
        <v>-13.398419888376859</v>
      </c>
      <c r="C218">
        <v>2.0127551310397607</v>
      </c>
      <c r="D218">
        <v>13.867364101409589</v>
      </c>
      <c r="E218">
        <v>2.2172201723457818</v>
      </c>
      <c r="F218">
        <f t="shared" si="12"/>
        <v>2.2086855887036707</v>
      </c>
      <c r="G218">
        <f t="shared" si="13"/>
        <v>2.1297922009158392</v>
      </c>
      <c r="H218">
        <f t="shared" si="14"/>
        <v>2.1963518425573612E-2</v>
      </c>
      <c r="I218">
        <f t="shared" si="15"/>
        <v>4.2164385423503571E-2</v>
      </c>
    </row>
    <row r="219" spans="1:9" x14ac:dyDescent="0.4">
      <c r="A219">
        <v>7.2333333333333334</v>
      </c>
      <c r="B219">
        <v>-13.393173108512373</v>
      </c>
      <c r="C219">
        <v>2.0166776671663849</v>
      </c>
      <c r="D219">
        <v>13.862799437331688</v>
      </c>
      <c r="E219">
        <v>2.2177040192004767</v>
      </c>
      <c r="F219">
        <f t="shared" si="12"/>
        <v>2.2083162366223945</v>
      </c>
      <c r="G219">
        <f t="shared" si="13"/>
        <v>2.1317464097722847</v>
      </c>
      <c r="H219">
        <f t="shared" si="14"/>
        <v>1.3712242303221035E-3</v>
      </c>
      <c r="I219">
        <f t="shared" si="15"/>
        <v>5.6537298869358418E-2</v>
      </c>
    </row>
    <row r="220" spans="1:9" x14ac:dyDescent="0.4">
      <c r="A220">
        <v>7.2666666666666666</v>
      </c>
      <c r="B220">
        <v>-13.378485469625634</v>
      </c>
      <c r="C220">
        <v>2.0179331239797365</v>
      </c>
      <c r="D220">
        <v>13.854753599227712</v>
      </c>
      <c r="E220">
        <v>2.2184116877049513</v>
      </c>
      <c r="F220">
        <f t="shared" si="12"/>
        <v>2.2099910909367981</v>
      </c>
      <c r="G220">
        <f t="shared" si="13"/>
        <v>2.1326883091277264</v>
      </c>
      <c r="H220">
        <f t="shared" si="14"/>
        <v>-1.7149122979889304E-2</v>
      </c>
      <c r="I220">
        <f t="shared" si="15"/>
        <v>6.0424605857635649E-2</v>
      </c>
    </row>
    <row r="221" spans="1:9" x14ac:dyDescent="0.4">
      <c r="A221">
        <v>7.3</v>
      </c>
      <c r="B221">
        <v>-13.368759968568488</v>
      </c>
      <c r="C221">
        <v>2.0198581109983111</v>
      </c>
      <c r="D221">
        <v>13.845226463491914</v>
      </c>
      <c r="E221">
        <v>2.2225001684867149</v>
      </c>
      <c r="F221">
        <f t="shared" si="12"/>
        <v>2.2086962621456641</v>
      </c>
      <c r="G221">
        <f t="shared" si="13"/>
        <v>2.1358516935227985</v>
      </c>
      <c r="H221">
        <f t="shared" si="14"/>
        <v>-4.2134711250103742E-2</v>
      </c>
      <c r="I221">
        <f t="shared" si="15"/>
        <v>5.4336292979447275E-2</v>
      </c>
    </row>
    <row r="222" spans="1:9" x14ac:dyDescent="0.4">
      <c r="A222">
        <v>7.333333333333333</v>
      </c>
      <c r="B222">
        <v>-13.362502381465537</v>
      </c>
      <c r="C222">
        <v>2.0235976936121447</v>
      </c>
      <c r="D222">
        <v>13.835208092244063</v>
      </c>
      <c r="E222">
        <v>2.2231284129247064</v>
      </c>
      <c r="F222">
        <f t="shared" si="12"/>
        <v>2.2056373887787211</v>
      </c>
      <c r="G222">
        <f t="shared" si="13"/>
        <v>2.1378103266835216</v>
      </c>
      <c r="H222">
        <f t="shared" si="14"/>
        <v>-6.27400282003759E-2</v>
      </c>
      <c r="I222">
        <f t="shared" si="15"/>
        <v>5.3530956695452374E-2</v>
      </c>
    </row>
    <row r="223" spans="1:9" x14ac:dyDescent="0.4">
      <c r="A223">
        <v>7.3666666666666663</v>
      </c>
      <c r="B223">
        <v>-13.354257593417293</v>
      </c>
      <c r="C223">
        <v>2.0240120769425451</v>
      </c>
      <c r="D223">
        <v>13.8252638042757</v>
      </c>
      <c r="E223">
        <v>2.2235720408869399</v>
      </c>
      <c r="F223">
        <f t="shared" si="12"/>
        <v>2.2034706358264158</v>
      </c>
      <c r="G223">
        <f t="shared" si="13"/>
        <v>2.138241449824295</v>
      </c>
      <c r="H223">
        <f t="shared" si="14"/>
        <v>-5.4605407245305215E-2</v>
      </c>
      <c r="I223">
        <f t="shared" si="15"/>
        <v>4.0530462525063808E-2</v>
      </c>
    </row>
    <row r="224" spans="1:9" x14ac:dyDescent="0.4">
      <c r="A224">
        <v>7.4</v>
      </c>
      <c r="B224">
        <v>-13.345552776931724</v>
      </c>
      <c r="C224">
        <v>2.0275370014193035</v>
      </c>
      <c r="D224">
        <v>13.816449211455398</v>
      </c>
      <c r="E224">
        <v>2.2247365488215762</v>
      </c>
      <c r="F224">
        <f t="shared" si="12"/>
        <v>2.2021472327296929</v>
      </c>
      <c r="G224">
        <f t="shared" si="13"/>
        <v>2.1404152570928869</v>
      </c>
      <c r="H224">
        <f t="shared" si="14"/>
        <v>-4.3409051712836953E-2</v>
      </c>
      <c r="I224">
        <f t="shared" si="15"/>
        <v>2.4317862760212923E-2</v>
      </c>
    </row>
    <row r="225" spans="1:9" x14ac:dyDescent="0.4">
      <c r="A225">
        <v>7.4333333333333336</v>
      </c>
      <c r="B225">
        <v>-13.335246852707543</v>
      </c>
      <c r="C225">
        <v>2.0264220738880123</v>
      </c>
      <c r="D225">
        <v>13.807341095790267</v>
      </c>
      <c r="E225">
        <v>2.2271225890106816</v>
      </c>
      <c r="F225">
        <f t="shared" si="12"/>
        <v>2.2013404389626272</v>
      </c>
      <c r="G225">
        <f t="shared" si="13"/>
        <v>2.1413043054056264</v>
      </c>
      <c r="H225">
        <f t="shared" si="14"/>
        <v>-3.8383838706985182E-2</v>
      </c>
      <c r="I225">
        <f t="shared" si="15"/>
        <v>1.9804371736165585E-2</v>
      </c>
    </row>
    <row r="226" spans="1:9" x14ac:dyDescent="0.4">
      <c r="A226">
        <v>7.4666666666666668</v>
      </c>
      <c r="B226">
        <v>-13.324426725814302</v>
      </c>
      <c r="C226">
        <v>2.0258289263233604</v>
      </c>
      <c r="D226">
        <v>13.795986551555908</v>
      </c>
      <c r="E226">
        <v>2.2258668319551682</v>
      </c>
      <c r="F226">
        <f t="shared" si="12"/>
        <v>2.1994676452584758</v>
      </c>
      <c r="G226">
        <f t="shared" si="13"/>
        <v>2.140331876019558</v>
      </c>
      <c r="H226">
        <f t="shared" si="14"/>
        <v>-4.1146218707478838E-2</v>
      </c>
      <c r="I226">
        <f t="shared" si="15"/>
        <v>2.0559979586952951E-2</v>
      </c>
    </row>
    <row r="227" spans="1:9" x14ac:dyDescent="0.4">
      <c r="A227">
        <v>7.5</v>
      </c>
      <c r="B227">
        <v>-13.314980714597711</v>
      </c>
      <c r="C227">
        <v>2.0265746037534957</v>
      </c>
      <c r="D227">
        <v>13.787088016123125</v>
      </c>
      <c r="E227">
        <v>2.2274970481615624</v>
      </c>
      <c r="F227">
        <f t="shared" si="12"/>
        <v>2.1984131231108601</v>
      </c>
      <c r="G227">
        <f t="shared" si="13"/>
        <v>2.1415838689836537</v>
      </c>
      <c r="H227">
        <f t="shared" si="14"/>
        <v>-4.3210101212136788E-2</v>
      </c>
      <c r="I227">
        <f t="shared" si="15"/>
        <v>4.0597490976015088E-2</v>
      </c>
    </row>
    <row r="228" spans="1:9" x14ac:dyDescent="0.4">
      <c r="A228">
        <v>7.5333333333333332</v>
      </c>
      <c r="B228">
        <v>-13.308873663796112</v>
      </c>
      <c r="C228">
        <v>2.0300788784026338</v>
      </c>
      <c r="D228">
        <v>13.779626056767281</v>
      </c>
      <c r="E228">
        <v>2.2285799568020646</v>
      </c>
      <c r="F228">
        <f t="shared" si="12"/>
        <v>2.1967531875376634</v>
      </c>
      <c r="G228">
        <f t="shared" si="13"/>
        <v>2.1437021385683654</v>
      </c>
      <c r="H228">
        <f t="shared" si="14"/>
        <v>-3.5737952594406722E-2</v>
      </c>
      <c r="I228">
        <f t="shared" si="15"/>
        <v>6.2626274381345257E-2</v>
      </c>
    </row>
    <row r="229" spans="1:9" x14ac:dyDescent="0.4">
      <c r="A229">
        <v>7.5666666666666664</v>
      </c>
      <c r="B229">
        <v>-13.299531492759852</v>
      </c>
      <c r="C229">
        <v>2.033612557881364</v>
      </c>
      <c r="D229">
        <v>13.770451004982174</v>
      </c>
      <c r="E229">
        <v>2.2306279861800675</v>
      </c>
      <c r="F229">
        <f t="shared" si="12"/>
        <v>2.1954959842876773</v>
      </c>
      <c r="G229">
        <f t="shared" si="13"/>
        <v>2.1463854226272252</v>
      </c>
      <c r="H229">
        <f t="shared" si="14"/>
        <v>-4.1800135756747868E-2</v>
      </c>
      <c r="I229">
        <f t="shared" si="15"/>
        <v>6.008614424993592E-2</v>
      </c>
    </row>
    <row r="230" spans="1:9" x14ac:dyDescent="0.4">
      <c r="A230">
        <v>7.6</v>
      </c>
      <c r="B230">
        <v>-13.288478566956403</v>
      </c>
      <c r="C230">
        <v>2.0381834875526499</v>
      </c>
      <c r="D230">
        <v>13.761275254695281</v>
      </c>
      <c r="E230">
        <v>2.2306784539374185</v>
      </c>
      <c r="F230">
        <f t="shared" si="12"/>
        <v>2.1949698892376661</v>
      </c>
      <c r="G230">
        <f t="shared" si="13"/>
        <v>2.1483688115946631</v>
      </c>
      <c r="H230">
        <f t="shared" si="14"/>
        <v>-5.6237687071005522E-2</v>
      </c>
      <c r="I230">
        <f t="shared" si="15"/>
        <v>6.2608704314928279E-2</v>
      </c>
    </row>
    <row r="231" spans="1:9" x14ac:dyDescent="0.4">
      <c r="A231">
        <v>7.6333333333333337</v>
      </c>
      <c r="B231">
        <v>-13.280982601477785</v>
      </c>
      <c r="C231">
        <v>2.037790170633381</v>
      </c>
      <c r="D231">
        <v>13.751077892145183</v>
      </c>
      <c r="E231">
        <v>2.2325377244846116</v>
      </c>
      <c r="F231">
        <f t="shared" si="12"/>
        <v>2.1923380829680674</v>
      </c>
      <c r="G231">
        <f t="shared" si="13"/>
        <v>2.1492648898454942</v>
      </c>
      <c r="H231">
        <f t="shared" si="14"/>
        <v>-4.8046677125876361E-2</v>
      </c>
      <c r="I231">
        <f t="shared" si="15"/>
        <v>6.2452074190933467E-2</v>
      </c>
    </row>
    <row r="232" spans="1:9" x14ac:dyDescent="0.4">
      <c r="A232">
        <v>7.666666666666667</v>
      </c>
      <c r="B232">
        <v>-13.272943302613143</v>
      </c>
      <c r="C232">
        <v>2.0419346328170964</v>
      </c>
      <c r="D232">
        <v>13.739169485593466</v>
      </c>
      <c r="E232">
        <v>2.2354380300866379</v>
      </c>
      <c r="F232">
        <f t="shared" si="12"/>
        <v>2.1889591903523007</v>
      </c>
      <c r="G232">
        <f t="shared" si="13"/>
        <v>2.152697189011719</v>
      </c>
      <c r="H232">
        <f t="shared" si="14"/>
        <v>-2.3966957863181457E-2</v>
      </c>
      <c r="I232">
        <f t="shared" si="15"/>
        <v>7.01045390508786E-2</v>
      </c>
    </row>
    <row r="233" spans="1:9" x14ac:dyDescent="0.4">
      <c r="A233">
        <v>7.7</v>
      </c>
      <c r="B233">
        <v>-13.265665626433373</v>
      </c>
      <c r="C233">
        <v>2.0435396648096935</v>
      </c>
      <c r="D233">
        <v>13.736413532321169</v>
      </c>
      <c r="E233">
        <v>2.2376155434937743</v>
      </c>
      <c r="F233">
        <f t="shared" si="12"/>
        <v>2.1904935542093806</v>
      </c>
      <c r="G233">
        <f t="shared" si="13"/>
        <v>2.1546299129505195</v>
      </c>
      <c r="H233">
        <f t="shared" si="14"/>
        <v>9.1622099524291453E-3</v>
      </c>
      <c r="I233">
        <f t="shared" si="15"/>
        <v>4.896580007592205E-2</v>
      </c>
    </row>
    <row r="234" spans="1:9" x14ac:dyDescent="0.4">
      <c r="A234">
        <v>7.7333333333333334</v>
      </c>
      <c r="B234">
        <v>-13.25652537607173</v>
      </c>
      <c r="C234">
        <v>2.0451364204552753</v>
      </c>
      <c r="D234">
        <v>13.732038654611687</v>
      </c>
      <c r="E234">
        <v>2.2412103927400668</v>
      </c>
      <c r="F234">
        <f t="shared" si="12"/>
        <v>2.1918976606398126</v>
      </c>
      <c r="G234">
        <f t="shared" si="13"/>
        <v>2.1573703898839636</v>
      </c>
      <c r="H234">
        <f t="shared" si="14"/>
        <v>2.1768899729562717E-2</v>
      </c>
      <c r="I234">
        <f t="shared" si="15"/>
        <v>2.3079317552222447E-2</v>
      </c>
    </row>
    <row r="235" spans="1:9" x14ac:dyDescent="0.4">
      <c r="A235">
        <v>7.7666666666666666</v>
      </c>
      <c r="B235">
        <v>-13.244535692653313</v>
      </c>
      <c r="C235">
        <v>2.043214433848231</v>
      </c>
      <c r="D235">
        <v>13.723952629539038</v>
      </c>
      <c r="E235">
        <v>2.2386609720665898</v>
      </c>
      <c r="F235">
        <f t="shared" si="12"/>
        <v>2.192395882816383</v>
      </c>
      <c r="G235">
        <f t="shared" si="13"/>
        <v>2.1550892560886923</v>
      </c>
      <c r="H235">
        <f t="shared" si="14"/>
        <v>9.8634212527937484E-3</v>
      </c>
      <c r="I235">
        <f t="shared" si="15"/>
        <v>-1.953432785768434E-3</v>
      </c>
    </row>
    <row r="236" spans="1:9" x14ac:dyDescent="0.4">
      <c r="A236">
        <v>7.8</v>
      </c>
      <c r="B236">
        <v>-13.232134756277322</v>
      </c>
      <c r="C236">
        <v>2.0447380376562228</v>
      </c>
      <c r="D236">
        <v>13.713361778304233</v>
      </c>
      <c r="E236">
        <v>2.2396625872996081</v>
      </c>
      <c r="F236">
        <f t="shared" si="12"/>
        <v>2.1916361760037266</v>
      </c>
      <c r="G236">
        <f t="shared" si="13"/>
        <v>2.156314070368003</v>
      </c>
      <c r="H236">
        <f t="shared" si="14"/>
        <v>-1.1164814051651856E-3</v>
      </c>
      <c r="I236">
        <f t="shared" si="15"/>
        <v>-9.9031671724705613E-3</v>
      </c>
    </row>
    <row r="237" spans="1:9" x14ac:dyDescent="0.4">
      <c r="A237">
        <v>7.833333333333333</v>
      </c>
      <c r="B237">
        <v>-13.221304172900288</v>
      </c>
      <c r="C237">
        <v>2.0429999430958188</v>
      </c>
      <c r="D237">
        <v>13.706375367005691</v>
      </c>
      <c r="E237">
        <v>2.2383726443183347</v>
      </c>
      <c r="F237">
        <f t="shared" si="12"/>
        <v>2.1922682000695559</v>
      </c>
      <c r="G237">
        <f t="shared" si="13"/>
        <v>2.1548325005775384</v>
      </c>
      <c r="H237">
        <f t="shared" si="14"/>
        <v>-2.9588574310145249E-2</v>
      </c>
      <c r="I237">
        <f t="shared" si="15"/>
        <v>4.2608125563288208E-3</v>
      </c>
    </row>
    <row r="238" spans="1:9" x14ac:dyDescent="0.4">
      <c r="A238">
        <v>7.8666666666666663</v>
      </c>
      <c r="B238">
        <v>-13.211268876150807</v>
      </c>
      <c r="C238">
        <v>2.0471343379659817</v>
      </c>
      <c r="D238">
        <v>13.698018001496909</v>
      </c>
      <c r="E238">
        <v>2.2370587136185747</v>
      </c>
      <c r="F238">
        <f t="shared" si="12"/>
        <v>2.191775421779032</v>
      </c>
      <c r="G238">
        <f t="shared" si="13"/>
        <v>2.1558482397774621</v>
      </c>
      <c r="H238">
        <f t="shared" si="14"/>
        <v>-3.9610616156621356E-2</v>
      </c>
      <c r="I238">
        <f t="shared" si="15"/>
        <v>6.0289410593097259E-3</v>
      </c>
    </row>
    <row r="239" spans="1:9" x14ac:dyDescent="0.4">
      <c r="A239">
        <v>7.9</v>
      </c>
      <c r="B239">
        <v>-13.205405799887787</v>
      </c>
      <c r="C239">
        <v>2.0469063604659214</v>
      </c>
      <c r="D239">
        <v>13.685985279170326</v>
      </c>
      <c r="E239">
        <v>2.2375505824242219</v>
      </c>
      <c r="F239">
        <f t="shared" si="12"/>
        <v>2.1873948308770395</v>
      </c>
      <c r="G239">
        <f t="shared" si="13"/>
        <v>2.1560323068100176</v>
      </c>
      <c r="H239">
        <f t="shared" si="14"/>
        <v>-3.7077525841453025E-2</v>
      </c>
      <c r="I239">
        <f t="shared" si="15"/>
        <v>1.192467425147598E-2</v>
      </c>
    </row>
    <row r="240" spans="1:9" x14ac:dyDescent="0.4">
      <c r="A240">
        <v>7.9333333333333336</v>
      </c>
      <c r="B240">
        <v>-13.192951761872294</v>
      </c>
      <c r="C240">
        <v>2.0475814976166244</v>
      </c>
      <c r="D240">
        <v>13.676815204231097</v>
      </c>
      <c r="E240">
        <v>2.2382458919624524</v>
      </c>
      <c r="F240">
        <f t="shared" si="12"/>
        <v>2.1874710912405479</v>
      </c>
      <c r="G240">
        <f t="shared" si="13"/>
        <v>2.1567189907616484</v>
      </c>
      <c r="H240">
        <f t="shared" si="14"/>
        <v>-1.6153174919991593E-2</v>
      </c>
      <c r="I240">
        <f t="shared" si="15"/>
        <v>1.0676681421251529E-2</v>
      </c>
    </row>
    <row r="241" spans="1:9" x14ac:dyDescent="0.4">
      <c r="A241">
        <v>7.9666666666666668</v>
      </c>
      <c r="B241">
        <v>-13.182332232247983</v>
      </c>
      <c r="C241">
        <v>2.0482859093992682</v>
      </c>
      <c r="D241">
        <v>13.670226950099472</v>
      </c>
      <c r="E241">
        <v>2.2371354533139178</v>
      </c>
      <c r="F241">
        <f t="shared" si="12"/>
        <v>2.1882407776985557</v>
      </c>
      <c r="G241">
        <f t="shared" si="13"/>
        <v>2.1563845707940246</v>
      </c>
      <c r="H241">
        <f t="shared" si="14"/>
        <v>1.5766285096554585E-2</v>
      </c>
      <c r="I241">
        <f t="shared" si="15"/>
        <v>6.5071176524913689E-3</v>
      </c>
    </row>
    <row r="242" spans="1:9" x14ac:dyDescent="0.4">
      <c r="A242">
        <v>8</v>
      </c>
      <c r="B242">
        <v>-13.170229338013556</v>
      </c>
      <c r="C242">
        <v>2.049138686777535</v>
      </c>
      <c r="D242">
        <v>13.661918782867485</v>
      </c>
      <c r="E242">
        <v>2.2383624518200151</v>
      </c>
      <c r="F242">
        <f t="shared" si="12"/>
        <v>2.1886602525482752</v>
      </c>
      <c r="G242">
        <f t="shared" si="13"/>
        <v>2.1574515546890005</v>
      </c>
      <c r="H242">
        <f t="shared" si="14"/>
        <v>1.4931884342184227E-2</v>
      </c>
      <c r="I242">
        <f t="shared" si="15"/>
        <v>3.702817124007675E-3</v>
      </c>
    </row>
    <row r="243" spans="1:9" x14ac:dyDescent="0.4">
      <c r="A243">
        <v>8.0333333333333332</v>
      </c>
      <c r="B243">
        <v>-13.159299661435842</v>
      </c>
      <c r="C243">
        <v>2.0486189301324416</v>
      </c>
      <c r="D243">
        <v>13.655095395920657</v>
      </c>
      <c r="E243">
        <v>2.237526043172581</v>
      </c>
      <c r="F243">
        <f t="shared" si="12"/>
        <v>2.1894279644059349</v>
      </c>
      <c r="G243">
        <f t="shared" si="13"/>
        <v>2.1567505444550901</v>
      </c>
      <c r="H243">
        <f t="shared" si="14"/>
        <v>1.4802896253551407E-2</v>
      </c>
      <c r="I243">
        <f t="shared" si="15"/>
        <v>1.2631864124565561E-2</v>
      </c>
    </row>
    <row r="244" spans="1:9" x14ac:dyDescent="0.4">
      <c r="A244">
        <v>8.0666666666666664</v>
      </c>
      <c r="B244">
        <v>-13.147589481127161</v>
      </c>
      <c r="C244">
        <v>2.047699825196942</v>
      </c>
      <c r="D244">
        <v>13.64623976444193</v>
      </c>
      <c r="E244">
        <v>2.2389159636409657</v>
      </c>
      <c r="F244">
        <f t="shared" si="12"/>
        <v>2.1893661452772224</v>
      </c>
      <c r="G244">
        <f t="shared" si="13"/>
        <v>2.1571531401184503</v>
      </c>
      <c r="H244">
        <f t="shared" si="14"/>
        <v>1.6431559134094942E-2</v>
      </c>
      <c r="I244">
        <f t="shared" si="15"/>
        <v>1.8590660452425363E-2</v>
      </c>
    </row>
    <row r="245" spans="1:9" x14ac:dyDescent="0.4">
      <c r="A245">
        <v>8.1</v>
      </c>
      <c r="B245">
        <v>-13.136611759944197</v>
      </c>
      <c r="C245">
        <v>2.0485158730432809</v>
      </c>
      <c r="D245">
        <v>13.639766792953401</v>
      </c>
      <c r="E245">
        <v>2.2409023355161293</v>
      </c>
      <c r="F245">
        <f t="shared" si="12"/>
        <v>2.190354980709674</v>
      </c>
      <c r="G245">
        <f t="shared" si="13"/>
        <v>2.1586390887667273</v>
      </c>
      <c r="H245">
        <f t="shared" si="14"/>
        <v>6.8415694698402947E-3</v>
      </c>
      <c r="I245">
        <f t="shared" si="15"/>
        <v>2.1434565733832921E-2</v>
      </c>
    </row>
    <row r="246" spans="1:9" x14ac:dyDescent="0.4">
      <c r="A246">
        <v>8.1333333333333329</v>
      </c>
      <c r="B246">
        <v>-13.125571994773003</v>
      </c>
      <c r="C246">
        <v>2.0490174316277541</v>
      </c>
      <c r="D246">
        <v>13.632533857420198</v>
      </c>
      <c r="E246">
        <v>2.2422163914859401</v>
      </c>
      <c r="F246">
        <f t="shared" si="12"/>
        <v>2.1909353375854215</v>
      </c>
      <c r="G246">
        <f t="shared" si="13"/>
        <v>2.1596057259419195</v>
      </c>
      <c r="H246">
        <f t="shared" si="14"/>
        <v>1.0390135714110774E-2</v>
      </c>
      <c r="I246">
        <f t="shared" si="15"/>
        <v>2.3223292393972438E-2</v>
      </c>
    </row>
    <row r="247" spans="1:9" x14ac:dyDescent="0.4">
      <c r="A247">
        <v>8.1666666666666661</v>
      </c>
      <c r="B247">
        <v>-13.116640523879477</v>
      </c>
      <c r="C247">
        <v>2.0464253216297439</v>
      </c>
      <c r="D247">
        <v>13.623849904917472</v>
      </c>
      <c r="E247">
        <v>2.2432634157223181</v>
      </c>
      <c r="F247">
        <f t="shared" si="12"/>
        <v>2.1897836298301421</v>
      </c>
      <c r="G247">
        <f t="shared" si="13"/>
        <v>2.1590966791656609</v>
      </c>
      <c r="H247">
        <f t="shared" si="14"/>
        <v>2.9378547794462244E-2</v>
      </c>
      <c r="I247">
        <f t="shared" si="15"/>
        <v>9.0145869029565652E-3</v>
      </c>
    </row>
    <row r="248" spans="1:9" x14ac:dyDescent="0.4">
      <c r="A248">
        <v>8.1999999999999993</v>
      </c>
      <c r="B248">
        <v>-13.104654013825581</v>
      </c>
      <c r="C248">
        <v>2.0480346628365704</v>
      </c>
      <c r="D248">
        <v>13.617690858952473</v>
      </c>
      <c r="E248">
        <v>2.2450280195194088</v>
      </c>
      <c r="F248">
        <f t="shared" si="12"/>
        <v>2.1913835100026735</v>
      </c>
      <c r="G248">
        <f t="shared" si="13"/>
        <v>2.1607948936513122</v>
      </c>
      <c r="H248">
        <f t="shared" si="14"/>
        <v>4.5692758196948784E-2</v>
      </c>
      <c r="I248">
        <f t="shared" si="15"/>
        <v>6.7035303070132916E-3</v>
      </c>
    </row>
    <row r="249" spans="1:9" x14ac:dyDescent="0.4">
      <c r="A249">
        <v>8.2333333333333325</v>
      </c>
      <c r="B249">
        <v>-13.090471272201635</v>
      </c>
      <c r="C249">
        <v>2.0465232862648151</v>
      </c>
      <c r="D249">
        <v>13.613461970228727</v>
      </c>
      <c r="E249">
        <v>2.2439768387923564</v>
      </c>
      <c r="F249">
        <f t="shared" si="12"/>
        <v>2.1950273191334584</v>
      </c>
      <c r="G249">
        <f t="shared" si="13"/>
        <v>2.1595469360625237</v>
      </c>
      <c r="H249">
        <f t="shared" si="14"/>
        <v>6.1499805986876814E-2</v>
      </c>
      <c r="I249">
        <f t="shared" si="15"/>
        <v>1.0174128310685201E-2</v>
      </c>
    </row>
    <row r="250" spans="1:9" x14ac:dyDescent="0.4">
      <c r="A250">
        <v>8.2666666666666675</v>
      </c>
      <c r="B250">
        <v>-13.079214964650312</v>
      </c>
      <c r="C250">
        <v>2.0465080624127365</v>
      </c>
      <c r="D250">
        <v>13.606628548945435</v>
      </c>
      <c r="E250">
        <v>2.2456494726724578</v>
      </c>
      <c r="F250">
        <f t="shared" si="12"/>
        <v>2.1959289526332548</v>
      </c>
      <c r="G250">
        <f t="shared" si="13"/>
        <v>2.160497852544657</v>
      </c>
      <c r="H250">
        <f t="shared" si="14"/>
        <v>4.083391604546581E-2</v>
      </c>
      <c r="I250">
        <f t="shared" si="15"/>
        <v>1.1766080638842737E-2</v>
      </c>
    </row>
    <row r="251" spans="1:9" x14ac:dyDescent="0.4">
      <c r="A251">
        <v>8.3000000000000007</v>
      </c>
      <c r="B251">
        <v>-13.066342341495798</v>
      </c>
      <c r="C251">
        <v>2.0479678717577579</v>
      </c>
      <c r="D251">
        <v>13.600212949113192</v>
      </c>
      <c r="E251">
        <v>2.245332966509566</v>
      </c>
      <c r="F251">
        <f t="shared" si="12"/>
        <v>2.197760876179331</v>
      </c>
      <c r="G251">
        <f t="shared" si="13"/>
        <v>2.1609408877707694</v>
      </c>
      <c r="H251">
        <f t="shared" si="14"/>
        <v>3.6070704411003155E-3</v>
      </c>
      <c r="I251">
        <f t="shared" si="15"/>
        <v>3.0371856351696567E-2</v>
      </c>
    </row>
    <row r="252" spans="1:9" x14ac:dyDescent="0.4">
      <c r="A252">
        <v>8.3333333333333339</v>
      </c>
      <c r="B252">
        <v>-13.057705248206352</v>
      </c>
      <c r="C252">
        <v>2.0520492614339854</v>
      </c>
      <c r="D252">
        <v>13.592121390113308</v>
      </c>
      <c r="E252">
        <v>2.2442373579417891</v>
      </c>
      <c r="F252">
        <f t="shared" si="12"/>
        <v>2.1968223841539816</v>
      </c>
      <c r="G252">
        <f t="shared" si="13"/>
        <v>2.1620589312369964</v>
      </c>
      <c r="H252">
        <f t="shared" si="14"/>
        <v>-2.0953077600617116E-2</v>
      </c>
      <c r="I252">
        <f t="shared" si="15"/>
        <v>2.333874316287873E-2</v>
      </c>
    </row>
    <row r="253" spans="1:9" x14ac:dyDescent="0.4">
      <c r="A253">
        <v>8.3666666666666671</v>
      </c>
      <c r="B253">
        <v>-13.050155383633799</v>
      </c>
      <c r="C253">
        <v>2.0542010437914038</v>
      </c>
      <c r="D253">
        <v>13.583615408398478</v>
      </c>
      <c r="E253">
        <v>2.2457211867053295</v>
      </c>
      <c r="F253">
        <f t="shared" si="12"/>
        <v>2.1951817817799451</v>
      </c>
      <c r="G253">
        <f t="shared" si="13"/>
        <v>2.1638283727749701</v>
      </c>
      <c r="H253">
        <f t="shared" si="14"/>
        <v>-4.4767703396594229E-2</v>
      </c>
      <c r="I253">
        <f t="shared" si="15"/>
        <v>3.2989133679783511E-2</v>
      </c>
    </row>
    <row r="254" spans="1:9" x14ac:dyDescent="0.4">
      <c r="A254">
        <v>8.4</v>
      </c>
      <c r="B254">
        <v>-13.041874187092169</v>
      </c>
      <c r="C254">
        <v>2.0565041228285597</v>
      </c>
      <c r="D254">
        <v>13.574886556752787</v>
      </c>
      <c r="E254">
        <v>2.2424555788543294</v>
      </c>
      <c r="F254">
        <f t="shared" si="12"/>
        <v>2.193726320232845</v>
      </c>
      <c r="G254">
        <f t="shared" si="13"/>
        <v>2.1629439005697031</v>
      </c>
      <c r="H254">
        <f t="shared" si="14"/>
        <v>-5.1074780713721249E-2</v>
      </c>
      <c r="I254">
        <f t="shared" si="15"/>
        <v>5.2757324443479102E-2</v>
      </c>
    </row>
    <row r="255" spans="1:9" x14ac:dyDescent="0.4">
      <c r="A255">
        <v>8.4333333333333336</v>
      </c>
      <c r="B255">
        <v>-13.031318655413216</v>
      </c>
      <c r="C255">
        <v>2.0592699591466253</v>
      </c>
      <c r="D255">
        <v>13.563719356675735</v>
      </c>
      <c r="E255">
        <v>2.2457225542804622</v>
      </c>
      <c r="F255">
        <f t="shared" si="12"/>
        <v>2.191847624240467</v>
      </c>
      <c r="G255">
        <f t="shared" si="13"/>
        <v>2.1659965920510467</v>
      </c>
      <c r="H255">
        <f t="shared" si="14"/>
        <v>-5.2682714046890136E-2</v>
      </c>
      <c r="I255">
        <f t="shared" si="15"/>
        <v>9.4205468130723488E-2</v>
      </c>
    </row>
    <row r="256" spans="1:9" x14ac:dyDescent="0.4">
      <c r="A256">
        <v>8.4666666666666668</v>
      </c>
      <c r="B256">
        <v>-13.022389424631816</v>
      </c>
      <c r="C256">
        <v>2.0610169067544706</v>
      </c>
      <c r="D256">
        <v>13.553781121674229</v>
      </c>
      <c r="E256">
        <v>2.2510057478798289</v>
      </c>
      <c r="F256">
        <f t="shared" si="12"/>
        <v>2.1899769994714338</v>
      </c>
      <c r="G256">
        <f t="shared" si="13"/>
        <v>2.1697677090062046</v>
      </c>
      <c r="H256">
        <f t="shared" si="14"/>
        <v>-3.6142446397281827E-2</v>
      </c>
      <c r="I256">
        <f t="shared" si="15"/>
        <v>0.11350297075332122</v>
      </c>
    </row>
    <row r="257" spans="1:9" x14ac:dyDescent="0.4">
      <c r="A257">
        <v>8.5</v>
      </c>
      <c r="B257">
        <v>-13.010360337980439</v>
      </c>
      <c r="C257">
        <v>2.068755398768928</v>
      </c>
      <c r="D257">
        <v>13.541823579894427</v>
      </c>
      <c r="E257">
        <v>2.2563179542252865</v>
      </c>
      <c r="F257">
        <f t="shared" si="12"/>
        <v>2.1882759898195023</v>
      </c>
      <c r="G257">
        <f t="shared" si="13"/>
        <v>2.1761173799118398</v>
      </c>
      <c r="H257">
        <f t="shared" si="14"/>
        <v>-1.8115611376235803E-2</v>
      </c>
      <c r="I257">
        <f t="shared" si="15"/>
        <v>0.10331427396906837</v>
      </c>
    </row>
    <row r="258" spans="1:9" x14ac:dyDescent="0.4">
      <c r="A258">
        <v>8.5333333333333332</v>
      </c>
      <c r="B258">
        <v>-13.00030477146931</v>
      </c>
      <c r="C258">
        <v>2.068526731060381</v>
      </c>
      <c r="D258">
        <v>13.53643004923415</v>
      </c>
      <c r="E258">
        <v>2.2576824840230727</v>
      </c>
      <c r="F258">
        <f t="shared" si="12"/>
        <v>2.1894883963771137</v>
      </c>
      <c r="G258">
        <f t="shared" si="13"/>
        <v>2.1768006684315266</v>
      </c>
      <c r="H258">
        <f t="shared" si="14"/>
        <v>-8.1435215817502737E-3</v>
      </c>
      <c r="I258">
        <f t="shared" si="15"/>
        <v>7.5597066595889648E-2</v>
      </c>
    </row>
    <row r="259" spans="1:9" x14ac:dyDescent="0.4">
      <c r="A259">
        <v>8.5666666666666664</v>
      </c>
      <c r="B259">
        <v>-12.988893651877319</v>
      </c>
      <c r="C259">
        <v>2.0709873120539091</v>
      </c>
      <c r="D259">
        <v>13.527179517229685</v>
      </c>
      <c r="E259">
        <v>2.2609080960869972</v>
      </c>
      <c r="F259">
        <f t="shared" ref="F259:F322" si="16">(B259*58.73+D259*78.62)/(58.73+78.62)</f>
        <v>2.1890726572249211</v>
      </c>
      <c r="G259">
        <f t="shared" ref="G259:G322" si="17">(C259*58.73+E259*78.62)/(58.73+78.62)</f>
        <v>2.179699157999897</v>
      </c>
      <c r="H259">
        <f t="shared" si="14"/>
        <v>-1.1016609236858026E-2</v>
      </c>
      <c r="I259">
        <f t="shared" si="15"/>
        <v>4.202430237798286E-2</v>
      </c>
    </row>
    <row r="260" spans="1:9" x14ac:dyDescent="0.4">
      <c r="A260">
        <v>8.6</v>
      </c>
      <c r="B260">
        <v>-12.975796928902176</v>
      </c>
      <c r="C260">
        <v>2.073430997595278</v>
      </c>
      <c r="D260">
        <v>13.515908987486856</v>
      </c>
      <c r="E260">
        <v>2.2606150671906007</v>
      </c>
      <c r="F260">
        <f t="shared" si="16"/>
        <v>2.188221412171766</v>
      </c>
      <c r="G260">
        <f t="shared" si="17"/>
        <v>2.180576331061491</v>
      </c>
      <c r="H260">
        <f t="shared" si="14"/>
        <v>-2.8235375178772597E-2</v>
      </c>
      <c r="I260">
        <f t="shared" si="15"/>
        <v>3.1917679308879454E-2</v>
      </c>
    </row>
    <row r="261" spans="1:9" x14ac:dyDescent="0.4">
      <c r="A261">
        <v>8.6333333333333329</v>
      </c>
      <c r="B261">
        <v>-12.964635203693826</v>
      </c>
      <c r="C261">
        <v>2.0731433945042568</v>
      </c>
      <c r="D261">
        <v>13.505565432568076</v>
      </c>
      <c r="E261">
        <v>2.2619781641119228</v>
      </c>
      <c r="F261">
        <f t="shared" si="16"/>
        <v>2.1870733803826998</v>
      </c>
      <c r="G261">
        <f t="shared" si="17"/>
        <v>2.1812335989931881</v>
      </c>
      <c r="H261">
        <f t="shared" ref="H261:H324" si="18">SLOPE(F259:F263,$A259:$A263)</f>
        <v>-3.8188124736240912E-2</v>
      </c>
      <c r="I261">
        <f t="shared" ref="I261:I324" si="19">SLOPE(G259:G263,$A259:$A263)</f>
        <v>1.5835452238643077E-2</v>
      </c>
    </row>
    <row r="262" spans="1:9" x14ac:dyDescent="0.4">
      <c r="A262">
        <v>8.6666666666666661</v>
      </c>
      <c r="B262">
        <v>-12.953973062073148</v>
      </c>
      <c r="C262">
        <v>2.0765498884722504</v>
      </c>
      <c r="D262">
        <v>13.495344883214084</v>
      </c>
      <c r="E262">
        <v>2.2596421775552415</v>
      </c>
      <c r="F262">
        <f t="shared" si="16"/>
        <v>2.1857821389350955</v>
      </c>
      <c r="G262">
        <f t="shared" si="17"/>
        <v>2.1813530611530276</v>
      </c>
      <c r="H262">
        <f t="shared" si="18"/>
        <v>-4.0496522198283064E-2</v>
      </c>
      <c r="I262">
        <f t="shared" si="19"/>
        <v>1.6606091405267757E-2</v>
      </c>
    </row>
    <row r="263" spans="1:9" x14ac:dyDescent="0.4">
      <c r="A263">
        <v>8.6999999999999993</v>
      </c>
      <c r="B263">
        <v>-12.943612837916952</v>
      </c>
      <c r="C263">
        <v>2.0762005716442391</v>
      </c>
      <c r="D263">
        <v>13.484365793794792</v>
      </c>
      <c r="E263">
        <v>2.2609460408769571</v>
      </c>
      <c r="F263">
        <f t="shared" si="16"/>
        <v>2.1839276063872162</v>
      </c>
      <c r="G263">
        <f t="shared" si="17"/>
        <v>2.1819500349939025</v>
      </c>
      <c r="H263">
        <f t="shared" si="18"/>
        <v>-3.4328002644363878E-2</v>
      </c>
      <c r="I263">
        <f t="shared" si="19"/>
        <v>1.6103469624290635E-2</v>
      </c>
    </row>
    <row r="264" spans="1:9" x14ac:dyDescent="0.4">
      <c r="A264">
        <v>8.7333333333333325</v>
      </c>
      <c r="B264">
        <v>-12.933868055787917</v>
      </c>
      <c r="C264">
        <v>2.0765272829607153</v>
      </c>
      <c r="D264">
        <v>13.475544200203942</v>
      </c>
      <c r="E264">
        <v>2.2625114679439013</v>
      </c>
      <c r="F264">
        <f t="shared" si="16"/>
        <v>2.1830448788031274</v>
      </c>
      <c r="G264">
        <f t="shared" si="17"/>
        <v>2.1829857949620117</v>
      </c>
      <c r="H264">
        <f t="shared" si="18"/>
        <v>-2.423826256704906E-2</v>
      </c>
      <c r="I264">
        <f t="shared" si="19"/>
        <v>1.6175813482349304E-2</v>
      </c>
    </row>
    <row r="265" spans="1:9" x14ac:dyDescent="0.4">
      <c r="A265">
        <v>8.7666666666666675</v>
      </c>
      <c r="B265">
        <v>-12.924211319898561</v>
      </c>
      <c r="C265">
        <v>2.0774509567616577</v>
      </c>
      <c r="D265">
        <v>13.467764128197684</v>
      </c>
      <c r="E265">
        <v>2.2620229890051684</v>
      </c>
      <c r="F265">
        <f t="shared" si="16"/>
        <v>2.1827206766746232</v>
      </c>
      <c r="G265">
        <f t="shared" si="17"/>
        <v>2.1831011436927446</v>
      </c>
      <c r="H265">
        <f t="shared" si="18"/>
        <v>-2.1972668831229072E-2</v>
      </c>
      <c r="I265">
        <f t="shared" si="19"/>
        <v>8.9200302988951072E-3</v>
      </c>
    </row>
    <row r="266" spans="1:9" x14ac:dyDescent="0.4">
      <c r="A266">
        <v>8.8000000000000007</v>
      </c>
      <c r="B266">
        <v>-12.911871501151969</v>
      </c>
      <c r="C266">
        <v>2.0785974778426528</v>
      </c>
      <c r="D266">
        <v>13.457891398068416</v>
      </c>
      <c r="E266">
        <v>2.2618169933360019</v>
      </c>
      <c r="F266">
        <f t="shared" si="16"/>
        <v>2.1823458933635504</v>
      </c>
      <c r="G266">
        <f t="shared" si="17"/>
        <v>2.1834734757173315</v>
      </c>
      <c r="H266">
        <f t="shared" si="18"/>
        <v>-2.6296563092249783E-2</v>
      </c>
      <c r="I266">
        <f t="shared" si="19"/>
        <v>1.184780787924865E-2</v>
      </c>
    </row>
    <row r="267" spans="1:9" x14ac:dyDescent="0.4">
      <c r="A267">
        <v>8.8333333333333339</v>
      </c>
      <c r="B267">
        <v>-12.901249646219384</v>
      </c>
      <c r="C267">
        <v>2.0760215068864309</v>
      </c>
      <c r="D267">
        <v>13.446932845003179</v>
      </c>
      <c r="E267">
        <v>2.2632510441536469</v>
      </c>
      <c r="F267">
        <f t="shared" si="16"/>
        <v>2.1806149876351331</v>
      </c>
      <c r="G267">
        <f t="shared" si="17"/>
        <v>2.1831928663327251</v>
      </c>
      <c r="H267">
        <f t="shared" si="18"/>
        <v>-3.3357296559140999E-2</v>
      </c>
      <c r="I267">
        <f t="shared" si="19"/>
        <v>2.2048570006928687E-2</v>
      </c>
    </row>
    <row r="268" spans="1:9" x14ac:dyDescent="0.4">
      <c r="A268">
        <v>8.8666666666666671</v>
      </c>
      <c r="B268">
        <v>-12.890024977925361</v>
      </c>
      <c r="C268">
        <v>2.0777216059737103</v>
      </c>
      <c r="D268">
        <v>13.436975541785372</v>
      </c>
      <c r="E268">
        <v>2.2649888836886052</v>
      </c>
      <c r="F268">
        <f t="shared" si="16"/>
        <v>2.1797149628074974</v>
      </c>
      <c r="G268">
        <f t="shared" si="17"/>
        <v>2.1849145682885629</v>
      </c>
      <c r="H268">
        <f t="shared" si="18"/>
        <v>-4.585497458756798E-2</v>
      </c>
      <c r="I268">
        <f t="shared" si="19"/>
        <v>1.9977662731802751E-2</v>
      </c>
    </row>
    <row r="269" spans="1:9" x14ac:dyDescent="0.4">
      <c r="A269">
        <v>8.9</v>
      </c>
      <c r="B269">
        <v>-12.881080224355125</v>
      </c>
      <c r="C269">
        <v>2.078405356622139</v>
      </c>
      <c r="D269">
        <v>13.428130266596794</v>
      </c>
      <c r="E269">
        <v>2.266471088457469</v>
      </c>
      <c r="F269">
        <f t="shared" si="16"/>
        <v>2.1784765925261262</v>
      </c>
      <c r="G269">
        <f t="shared" si="17"/>
        <v>2.1860553590749503</v>
      </c>
      <c r="H269">
        <f t="shared" si="18"/>
        <v>-5.2038408610014922E-2</v>
      </c>
      <c r="I269">
        <f t="shared" si="19"/>
        <v>2.2769330621692587E-2</v>
      </c>
    </row>
    <row r="270" spans="1:9" x14ac:dyDescent="0.4">
      <c r="A270">
        <v>8.9333333333333336</v>
      </c>
      <c r="B270">
        <v>-12.870891288651148</v>
      </c>
      <c r="C270">
        <v>2.0791924865630009</v>
      </c>
      <c r="D270">
        <v>13.415795107184044</v>
      </c>
      <c r="E270">
        <v>2.264688978133981</v>
      </c>
      <c r="F270">
        <f t="shared" si="16"/>
        <v>2.1757725951534592</v>
      </c>
      <c r="G270">
        <f t="shared" si="17"/>
        <v>2.1853718398015194</v>
      </c>
      <c r="H270">
        <f t="shared" si="18"/>
        <v>-7.0585619461050145E-2</v>
      </c>
      <c r="I270">
        <f t="shared" si="19"/>
        <v>1.3460724434414087E-2</v>
      </c>
    </row>
    <row r="271" spans="1:9" x14ac:dyDescent="0.4">
      <c r="A271">
        <v>8.9666666666666668</v>
      </c>
      <c r="B271">
        <v>-12.860433111277398</v>
      </c>
      <c r="C271">
        <v>2.0827994824418226</v>
      </c>
      <c r="D271">
        <v>13.404734181784328</v>
      </c>
      <c r="E271">
        <v>2.264418104714502</v>
      </c>
      <c r="F271">
        <f t="shared" si="16"/>
        <v>2.173913103360483</v>
      </c>
      <c r="G271">
        <f t="shared" si="17"/>
        <v>2.1867591190131956</v>
      </c>
      <c r="H271">
        <f t="shared" si="18"/>
        <v>-7.1354758441917882E-2</v>
      </c>
      <c r="I271">
        <f t="shared" si="19"/>
        <v>3.94839948617244E-3</v>
      </c>
    </row>
    <row r="272" spans="1:9" x14ac:dyDescent="0.4">
      <c r="A272">
        <v>9</v>
      </c>
      <c r="B272">
        <v>-12.850903129591408</v>
      </c>
      <c r="C272">
        <v>2.0843879324376671</v>
      </c>
      <c r="D272">
        <v>13.39118501766473</v>
      </c>
      <c r="E272">
        <v>2.2633136655489112</v>
      </c>
      <c r="F272">
        <f t="shared" si="16"/>
        <v>2.170232437480144</v>
      </c>
      <c r="G272">
        <f t="shared" si="17"/>
        <v>2.1868061423918426</v>
      </c>
      <c r="H272">
        <f t="shared" si="18"/>
        <v>-5.6996653831695471E-2</v>
      </c>
      <c r="I272">
        <f t="shared" si="19"/>
        <v>-5.6475474831128225E-3</v>
      </c>
    </row>
    <row r="273" spans="1:9" x14ac:dyDescent="0.4">
      <c r="A273">
        <v>9.0333333333333332</v>
      </c>
      <c r="B273">
        <v>-12.842580367767418</v>
      </c>
      <c r="C273">
        <v>2.0846496024488688</v>
      </c>
      <c r="D273">
        <v>13.383433553362067</v>
      </c>
      <c r="E273">
        <v>2.2617033468791172</v>
      </c>
      <c r="F273">
        <f t="shared" si="16"/>
        <v>2.1693542116224642</v>
      </c>
      <c r="G273">
        <f t="shared" si="17"/>
        <v>2.1859962743608174</v>
      </c>
      <c r="H273">
        <f t="shared" si="18"/>
        <v>-3.817521603440812E-2</v>
      </c>
      <c r="I273">
        <f t="shared" si="19"/>
        <v>-1.1091387893431599E-2</v>
      </c>
    </row>
    <row r="274" spans="1:9" x14ac:dyDescent="0.4">
      <c r="A274">
        <v>9.0666666666666664</v>
      </c>
      <c r="B274">
        <v>-12.830774006510447</v>
      </c>
      <c r="C274">
        <v>2.08481857815682</v>
      </c>
      <c r="D274">
        <v>13.373213645842839</v>
      </c>
      <c r="E274">
        <v>2.2595081872757969</v>
      </c>
      <c r="F274">
        <f t="shared" si="16"/>
        <v>2.1685525987171861</v>
      </c>
      <c r="G274">
        <f t="shared" si="17"/>
        <v>2.1848120042138564</v>
      </c>
      <c r="H274">
        <f t="shared" si="18"/>
        <v>-8.6965179985512321E-3</v>
      </c>
      <c r="I274">
        <f t="shared" si="19"/>
        <v>2.1376249789755238E-3</v>
      </c>
    </row>
    <row r="275" spans="1:9" x14ac:dyDescent="0.4">
      <c r="A275">
        <v>9.1</v>
      </c>
      <c r="B275">
        <v>-12.820659111865176</v>
      </c>
      <c r="C275">
        <v>2.086063594079282</v>
      </c>
      <c r="D275">
        <v>13.365374497495072</v>
      </c>
      <c r="E275">
        <v>2.2604922055587915</v>
      </c>
      <c r="F275">
        <f t="shared" si="16"/>
        <v>2.1683904867362274</v>
      </c>
      <c r="G275">
        <f t="shared" si="17"/>
        <v>2.1859076234532835</v>
      </c>
      <c r="H275">
        <f t="shared" si="18"/>
        <v>1.3127774809623507E-2</v>
      </c>
      <c r="I275">
        <f t="shared" si="19"/>
        <v>1.6424935872422497E-2</v>
      </c>
    </row>
    <row r="276" spans="1:9" x14ac:dyDescent="0.4">
      <c r="A276">
        <v>9.1333333333333329</v>
      </c>
      <c r="B276">
        <v>-12.807817424986826</v>
      </c>
      <c r="C276">
        <v>2.0847511990376688</v>
      </c>
      <c r="D276">
        <v>13.357309191970907</v>
      </c>
      <c r="E276">
        <v>2.2637421475144905</v>
      </c>
      <c r="F276">
        <f t="shared" si="16"/>
        <v>2.1692648802568373</v>
      </c>
      <c r="G276">
        <f t="shared" si="17"/>
        <v>2.1872067386754388</v>
      </c>
      <c r="H276">
        <f t="shared" si="18"/>
        <v>2.9013256739015437E-2</v>
      </c>
      <c r="I276">
        <f t="shared" si="19"/>
        <v>4.3914976693995619E-2</v>
      </c>
    </row>
    <row r="277" spans="1:9" x14ac:dyDescent="0.4">
      <c r="A277">
        <v>9.1666666666666661</v>
      </c>
      <c r="B277">
        <v>-12.790749622813793</v>
      </c>
      <c r="C277">
        <v>2.0828542567806911</v>
      </c>
      <c r="D277">
        <v>13.34791563246605</v>
      </c>
      <c r="E277">
        <v>2.2657350998548966</v>
      </c>
      <c r="F277">
        <f t="shared" si="16"/>
        <v>2.1711860333209092</v>
      </c>
      <c r="G277">
        <f t="shared" si="17"/>
        <v>2.1875363964420966</v>
      </c>
      <c r="H277">
        <f t="shared" si="18"/>
        <v>1.8389715595771135E-2</v>
      </c>
      <c r="I277">
        <f t="shared" si="19"/>
        <v>5.6769584312282816E-2</v>
      </c>
    </row>
    <row r="278" spans="1:9" x14ac:dyDescent="0.4">
      <c r="A278">
        <v>9.1999999999999993</v>
      </c>
      <c r="B278">
        <v>-12.775671805965473</v>
      </c>
      <c r="C278">
        <v>2.0847905342243718</v>
      </c>
      <c r="D278">
        <v>13.338057520206545</v>
      </c>
      <c r="E278">
        <v>2.2708930517288537</v>
      </c>
      <c r="F278">
        <f t="shared" si="16"/>
        <v>2.1719903682146811</v>
      </c>
      <c r="G278">
        <f t="shared" si="17"/>
        <v>2.1913167805017824</v>
      </c>
      <c r="H278">
        <f t="shared" si="18"/>
        <v>6.7812066855944819E-3</v>
      </c>
      <c r="I278">
        <f t="shared" si="19"/>
        <v>7.0717980321119076E-2</v>
      </c>
    </row>
    <row r="279" spans="1:9" x14ac:dyDescent="0.4">
      <c r="A279">
        <v>9.2333333333333325</v>
      </c>
      <c r="B279">
        <v>-12.761849904219115</v>
      </c>
      <c r="C279">
        <v>2.085840567028785</v>
      </c>
      <c r="D279">
        <v>13.324417153167357</v>
      </c>
      <c r="E279">
        <v>2.2735981793203481</v>
      </c>
      <c r="F279">
        <f t="shared" si="16"/>
        <v>2.1700926953566007</v>
      </c>
      <c r="G279">
        <f t="shared" si="17"/>
        <v>2.1933141999254921</v>
      </c>
      <c r="H279">
        <f t="shared" si="18"/>
        <v>-5.1220445478058511E-3</v>
      </c>
      <c r="I279">
        <f t="shared" si="19"/>
        <v>6.909462881344465E-2</v>
      </c>
    </row>
    <row r="280" spans="1:9" x14ac:dyDescent="0.4">
      <c r="A280">
        <v>9.2666666666666675</v>
      </c>
      <c r="B280">
        <v>-12.748221342450163</v>
      </c>
      <c r="C280">
        <v>2.0923960391330896</v>
      </c>
      <c r="D280">
        <v>13.315719776814015</v>
      </c>
      <c r="E280">
        <v>2.2735752729256413</v>
      </c>
      <c r="F280">
        <f t="shared" si="16"/>
        <v>2.1709417503532573</v>
      </c>
      <c r="G280">
        <f t="shared" si="17"/>
        <v>2.196104166987261</v>
      </c>
      <c r="H280">
        <f t="shared" si="18"/>
        <v>9.1135880824014491E-3</v>
      </c>
      <c r="I280">
        <f t="shared" si="19"/>
        <v>6.0264761333076844E-2</v>
      </c>
    </row>
    <row r="281" spans="1:9" x14ac:dyDescent="0.4">
      <c r="A281">
        <v>9.3000000000000007</v>
      </c>
      <c r="B281">
        <v>-12.738237100159434</v>
      </c>
      <c r="C281">
        <v>2.0946863825176987</v>
      </c>
      <c r="D281">
        <v>13.308112799086537</v>
      </c>
      <c r="E281">
        <v>2.2728327429460915</v>
      </c>
      <c r="F281">
        <f t="shared" si="16"/>
        <v>2.1708566681603201</v>
      </c>
      <c r="G281">
        <f t="shared" si="17"/>
        <v>2.1966584746682649</v>
      </c>
      <c r="H281">
        <f t="shared" si="18"/>
        <v>3.0036369724424545E-2</v>
      </c>
      <c r="I281">
        <f t="shared" si="19"/>
        <v>7.4800992137521963E-2</v>
      </c>
    </row>
    <row r="282" spans="1:9" x14ac:dyDescent="0.4">
      <c r="A282">
        <v>9.3333333333333339</v>
      </c>
      <c r="B282">
        <v>-12.724484892932342</v>
      </c>
      <c r="C282">
        <v>2.0971670730654104</v>
      </c>
      <c r="D282">
        <v>13.301806591508864</v>
      </c>
      <c r="E282">
        <v>2.2762735990970664</v>
      </c>
      <c r="F282">
        <f t="shared" si="16"/>
        <v>2.1731273131598883</v>
      </c>
      <c r="G282">
        <f t="shared" si="17"/>
        <v>2.1996887700192422</v>
      </c>
      <c r="H282">
        <f t="shared" si="18"/>
        <v>2.6778362466670737E-2</v>
      </c>
      <c r="I282">
        <f t="shared" si="19"/>
        <v>8.8531448022004369E-2</v>
      </c>
    </row>
    <row r="283" spans="1:9" x14ac:dyDescent="0.4">
      <c r="A283">
        <v>9.3666666666666671</v>
      </c>
      <c r="B283">
        <v>-12.712900711281218</v>
      </c>
      <c r="C283">
        <v>2.1012643537066067</v>
      </c>
      <c r="D283">
        <v>13.294688113948585</v>
      </c>
      <c r="E283">
        <v>2.28072496351697</v>
      </c>
      <c r="F283">
        <f t="shared" si="16"/>
        <v>2.1740059755740226</v>
      </c>
      <c r="G283">
        <f t="shared" si="17"/>
        <v>2.2039887304324219</v>
      </c>
      <c r="H283">
        <f t="shared" si="18"/>
        <v>4.8062295048634405E-3</v>
      </c>
      <c r="I283">
        <f t="shared" si="19"/>
        <v>8.4609487386699225E-2</v>
      </c>
    </row>
    <row r="284" spans="1:9" x14ac:dyDescent="0.4">
      <c r="A284">
        <v>9.4</v>
      </c>
      <c r="B284">
        <v>-12.702589813405222</v>
      </c>
      <c r="C284">
        <v>2.1057123685200896</v>
      </c>
      <c r="D284">
        <v>13.286678603575917</v>
      </c>
      <c r="E284">
        <v>2.2830023787274096</v>
      </c>
      <c r="F284">
        <f t="shared" si="16"/>
        <v>2.1738301570575178</v>
      </c>
      <c r="G284">
        <f t="shared" si="17"/>
        <v>2.2071942804421831</v>
      </c>
      <c r="H284">
        <f t="shared" si="18"/>
        <v>-4.3906415750265694E-2</v>
      </c>
      <c r="I284">
        <f t="shared" si="19"/>
        <v>5.7909100088886251E-2</v>
      </c>
    </row>
    <row r="285" spans="1:9" x14ac:dyDescent="0.4">
      <c r="A285">
        <v>9.4333333333333336</v>
      </c>
      <c r="B285">
        <v>-12.694320314501995</v>
      </c>
      <c r="C285">
        <v>2.1060998069542149</v>
      </c>
      <c r="D285">
        <v>13.276091964406019</v>
      </c>
      <c r="E285">
        <v>2.2823863023030211</v>
      </c>
      <c r="F285">
        <f t="shared" si="16"/>
        <v>2.1713062844623159</v>
      </c>
      <c r="G285">
        <f t="shared" si="17"/>
        <v>2.207007300687911</v>
      </c>
      <c r="H285">
        <f t="shared" si="18"/>
        <v>-5.7712238348638339E-2</v>
      </c>
      <c r="I285">
        <f t="shared" si="19"/>
        <v>3.5551344925017894E-2</v>
      </c>
    </row>
    <row r="286" spans="1:9" x14ac:dyDescent="0.4">
      <c r="A286">
        <v>9.4666666666666668</v>
      </c>
      <c r="B286">
        <v>-12.681134846215299</v>
      </c>
      <c r="C286">
        <v>2.1058784990971722</v>
      </c>
      <c r="D286">
        <v>13.258997662604278</v>
      </c>
      <c r="E286">
        <v>2.2839906361494746</v>
      </c>
      <c r="F286">
        <f t="shared" si="16"/>
        <v>2.1671594227573641</v>
      </c>
      <c r="G286">
        <f t="shared" si="17"/>
        <v>2.2078310015729787</v>
      </c>
      <c r="H286">
        <f t="shared" si="18"/>
        <v>-4.9566529564370299E-2</v>
      </c>
      <c r="I286">
        <f t="shared" si="19"/>
        <v>8.4965592161246051E-3</v>
      </c>
    </row>
    <row r="287" spans="1:9" x14ac:dyDescent="0.4">
      <c r="A287">
        <v>9.5</v>
      </c>
      <c r="B287">
        <v>-12.668997078713483</v>
      </c>
      <c r="C287">
        <v>2.1076046421956938</v>
      </c>
      <c r="D287">
        <v>13.250914557785977</v>
      </c>
      <c r="E287">
        <v>2.2857839506824962</v>
      </c>
      <c r="F287">
        <f t="shared" si="16"/>
        <v>2.1677226363326598</v>
      </c>
      <c r="G287">
        <f t="shared" si="17"/>
        <v>2.2095955940211938</v>
      </c>
      <c r="H287">
        <f t="shared" si="18"/>
        <v>-1.974331043246165E-2</v>
      </c>
      <c r="I287">
        <f t="shared" si="19"/>
        <v>-6.9092714609389153E-3</v>
      </c>
    </row>
    <row r="288" spans="1:9" x14ac:dyDescent="0.4">
      <c r="A288">
        <v>9.5333333333333332</v>
      </c>
      <c r="B288">
        <v>-12.66038600963032</v>
      </c>
      <c r="C288">
        <v>2.1062314559965105</v>
      </c>
      <c r="D288">
        <v>13.243850025186109</v>
      </c>
      <c r="E288">
        <v>2.2828276566367931</v>
      </c>
      <c r="F288">
        <f t="shared" si="16"/>
        <v>2.1673608928616175</v>
      </c>
      <c r="G288">
        <f t="shared" si="17"/>
        <v>2.2073162269782292</v>
      </c>
      <c r="H288">
        <f t="shared" si="18"/>
        <v>-1.282864210622674E-2</v>
      </c>
      <c r="I288">
        <f t="shared" si="19"/>
        <v>-1.2019704426028217E-2</v>
      </c>
    </row>
    <row r="289" spans="1:9" x14ac:dyDescent="0.4">
      <c r="A289">
        <v>9.5666666666666664</v>
      </c>
      <c r="B289">
        <v>-12.645282748429906</v>
      </c>
      <c r="C289">
        <v>2.1055563701972679</v>
      </c>
      <c r="D289">
        <v>13.233535751023421</v>
      </c>
      <c r="E289">
        <v>2.2812301517921663</v>
      </c>
      <c r="F289">
        <f t="shared" si="16"/>
        <v>2.1679149976714456</v>
      </c>
      <c r="G289">
        <f t="shared" si="17"/>
        <v>2.2061131427417959</v>
      </c>
      <c r="H289">
        <f t="shared" si="18"/>
        <v>-3.2975127548829815E-2</v>
      </c>
      <c r="I289">
        <f t="shared" si="19"/>
        <v>-1.3075049429713426E-2</v>
      </c>
    </row>
    <row r="290" spans="1:9" x14ac:dyDescent="0.4">
      <c r="A290">
        <v>9.6</v>
      </c>
      <c r="B290">
        <v>-12.636446857657088</v>
      </c>
      <c r="C290">
        <v>2.1079891319192248</v>
      </c>
      <c r="D290">
        <v>13.221711921293586</v>
      </c>
      <c r="E290">
        <v>2.2819561513977704</v>
      </c>
      <c r="F290">
        <f t="shared" si="16"/>
        <v>2.1649251350702667</v>
      </c>
      <c r="G290">
        <f t="shared" si="17"/>
        <v>2.207568943141673</v>
      </c>
      <c r="H290">
        <f t="shared" si="18"/>
        <v>-2.2170284684516057E-2</v>
      </c>
      <c r="I290">
        <f t="shared" si="19"/>
        <v>8.5014733203641352E-3</v>
      </c>
    </row>
    <row r="291" spans="1:9" x14ac:dyDescent="0.4">
      <c r="A291">
        <v>9.6333333333333329</v>
      </c>
      <c r="B291">
        <v>-12.625804399930075</v>
      </c>
      <c r="C291">
        <v>2.1092632468768047</v>
      </c>
      <c r="D291">
        <v>13.211175483927327</v>
      </c>
      <c r="E291">
        <v>2.2805171634955039</v>
      </c>
      <c r="F291">
        <f t="shared" si="16"/>
        <v>2.1634446606368636</v>
      </c>
      <c r="G291">
        <f t="shared" si="17"/>
        <v>2.2072900610345196</v>
      </c>
      <c r="H291">
        <f t="shared" si="18"/>
        <v>-2.3905152990497743E-3</v>
      </c>
      <c r="I291">
        <f t="shared" si="19"/>
        <v>4.0171888580151777E-2</v>
      </c>
    </row>
    <row r="292" spans="1:9" x14ac:dyDescent="0.4">
      <c r="A292">
        <v>9.6666666666666661</v>
      </c>
      <c r="B292">
        <v>-12.607162209370651</v>
      </c>
      <c r="C292">
        <v>2.1093992138980031</v>
      </c>
      <c r="D292">
        <v>13.201540839733251</v>
      </c>
      <c r="E292">
        <v>2.2819086234151942</v>
      </c>
      <c r="F292">
        <f t="shared" si="16"/>
        <v>2.1659010139314891</v>
      </c>
      <c r="G292">
        <f t="shared" si="17"/>
        <v>2.208144680051928</v>
      </c>
      <c r="H292">
        <f t="shared" si="18"/>
        <v>-2.549636897637883E-3</v>
      </c>
      <c r="I292">
        <f t="shared" si="19"/>
        <v>5.3222125559342984E-2</v>
      </c>
    </row>
    <row r="293" spans="1:9" x14ac:dyDescent="0.4">
      <c r="A293">
        <v>9.6999999999999993</v>
      </c>
      <c r="B293">
        <v>-12.596658074341029</v>
      </c>
      <c r="C293">
        <v>2.1127714164158431</v>
      </c>
      <c r="D293">
        <v>13.195664109336551</v>
      </c>
      <c r="E293">
        <v>2.287034312133283</v>
      </c>
      <c r="F293">
        <f t="shared" si="16"/>
        <v>2.1670286390243261</v>
      </c>
      <c r="G293">
        <f t="shared" si="17"/>
        <v>2.212520589050027</v>
      </c>
      <c r="H293">
        <f t="shared" si="18"/>
        <v>-2.2326080642006963E-2</v>
      </c>
      <c r="I293">
        <f t="shared" si="19"/>
        <v>6.375780822757128E-2</v>
      </c>
    </row>
    <row r="294" spans="1:9" x14ac:dyDescent="0.4">
      <c r="A294">
        <v>9.7333333333333325</v>
      </c>
      <c r="B294">
        <v>-12.586459406626631</v>
      </c>
      <c r="C294">
        <v>2.1160237854420956</v>
      </c>
      <c r="D294">
        <v>13.180497749928037</v>
      </c>
      <c r="E294">
        <v>2.2868818884205733</v>
      </c>
      <c r="F294">
        <f t="shared" si="16"/>
        <v>2.1627082063935958</v>
      </c>
      <c r="G294">
        <f t="shared" si="17"/>
        <v>2.2138240333938097</v>
      </c>
      <c r="H294">
        <f t="shared" si="18"/>
        <v>-5.1704483471746894E-2</v>
      </c>
      <c r="I294">
        <f t="shared" si="19"/>
        <v>5.7287867740264689E-2</v>
      </c>
    </row>
    <row r="295" spans="1:9" x14ac:dyDescent="0.4">
      <c r="A295">
        <v>9.7666666666666675</v>
      </c>
      <c r="B295">
        <v>-12.574102487760202</v>
      </c>
      <c r="C295">
        <v>2.1174917014159238</v>
      </c>
      <c r="D295">
        <v>13.16884187364875</v>
      </c>
      <c r="E295">
        <v>2.2879737364732029</v>
      </c>
      <c r="F295">
        <f t="shared" si="16"/>
        <v>2.1613200509654757</v>
      </c>
      <c r="G295">
        <f t="shared" si="17"/>
        <v>2.2150766857348407</v>
      </c>
      <c r="H295">
        <f t="shared" si="18"/>
        <v>-5.7995256465425082E-2</v>
      </c>
      <c r="I295">
        <f t="shared" si="19"/>
        <v>1.4487460574013459E-2</v>
      </c>
    </row>
    <row r="296" spans="1:9" x14ac:dyDescent="0.4">
      <c r="A296">
        <v>9.8000000000000007</v>
      </c>
      <c r="B296">
        <v>-12.56257480332871</v>
      </c>
      <c r="C296">
        <v>2.1175596454574461</v>
      </c>
      <c r="D296">
        <v>13.158165326216219</v>
      </c>
      <c r="E296">
        <v>2.2902603492742446</v>
      </c>
      <c r="F296">
        <f t="shared" si="16"/>
        <v>2.1601378940489564</v>
      </c>
      <c r="G296">
        <f t="shared" si="17"/>
        <v>2.216414609666232</v>
      </c>
      <c r="H296">
        <f t="shared" si="18"/>
        <v>-3.0223408177380954E-2</v>
      </c>
      <c r="I296">
        <f t="shared" si="19"/>
        <v>-1.068600514642854E-2</v>
      </c>
    </row>
    <row r="297" spans="1:9" x14ac:dyDescent="0.4">
      <c r="A297">
        <v>9.8333333333333339</v>
      </c>
      <c r="B297">
        <v>-12.549805826344075</v>
      </c>
      <c r="C297">
        <v>2.113827245199738</v>
      </c>
      <c r="D297">
        <v>13.146023758231905</v>
      </c>
      <c r="E297">
        <v>2.2882010059557212</v>
      </c>
      <c r="F297">
        <f t="shared" si="16"/>
        <v>2.1586479191190748</v>
      </c>
      <c r="G297">
        <f t="shared" si="17"/>
        <v>2.2136398776761514</v>
      </c>
      <c r="H297">
        <f t="shared" si="18"/>
        <v>-2.0111423737181403E-2</v>
      </c>
      <c r="I297">
        <f t="shared" si="19"/>
        <v>-2.2366653512433023E-2</v>
      </c>
    </row>
    <row r="298" spans="1:9" x14ac:dyDescent="0.4">
      <c r="A298">
        <v>9.8666666666666671</v>
      </c>
      <c r="B298">
        <v>-12.535813472862841</v>
      </c>
      <c r="C298">
        <v>2.1127215858989099</v>
      </c>
      <c r="D298">
        <v>13.136198701073765</v>
      </c>
      <c r="E298">
        <v>2.2874922993184552</v>
      </c>
      <c r="F298">
        <f t="shared" si="16"/>
        <v>2.1590070376205661</v>
      </c>
      <c r="G298">
        <f t="shared" si="17"/>
        <v>2.2127614365654162</v>
      </c>
      <c r="H298">
        <f t="shared" si="18"/>
        <v>-1.1238212837562364E-2</v>
      </c>
      <c r="I298">
        <f t="shared" si="19"/>
        <v>-3.7477565443033971E-4</v>
      </c>
    </row>
    <row r="299" spans="1:9" x14ac:dyDescent="0.4">
      <c r="A299">
        <v>9.9</v>
      </c>
      <c r="B299">
        <v>-12.524296134301613</v>
      </c>
      <c r="C299">
        <v>2.1133783572258968</v>
      </c>
      <c r="D299">
        <v>13.126767979197123</v>
      </c>
      <c r="E299">
        <v>2.2877250515370964</v>
      </c>
      <c r="F299">
        <f t="shared" si="16"/>
        <v>2.158533575223474</v>
      </c>
      <c r="G299">
        <f t="shared" si="17"/>
        <v>2.2131754966998431</v>
      </c>
      <c r="H299">
        <f t="shared" si="18"/>
        <v>-1.2539299541279234E-2</v>
      </c>
      <c r="I299">
        <f t="shared" si="19"/>
        <v>4.2309534321391208E-2</v>
      </c>
    </row>
    <row r="300" spans="1:9" x14ac:dyDescent="0.4">
      <c r="A300">
        <v>9.9333333333333336</v>
      </c>
      <c r="B300">
        <v>-12.513763364103612</v>
      </c>
      <c r="C300">
        <v>2.1153062093116763</v>
      </c>
      <c r="D300">
        <v>13.118530313740182</v>
      </c>
      <c r="E300">
        <v>2.2922402071861376</v>
      </c>
      <c r="F300">
        <f t="shared" si="16"/>
        <v>2.1583220305238298</v>
      </c>
      <c r="G300">
        <f t="shared" si="17"/>
        <v>2.2165843375453145</v>
      </c>
      <c r="H300">
        <f t="shared" si="18"/>
        <v>-2.535849621001782E-2</v>
      </c>
      <c r="I300">
        <f t="shared" si="19"/>
        <v>6.7030984752516579E-2</v>
      </c>
    </row>
    <row r="301" spans="1:9" x14ac:dyDescent="0.4">
      <c r="A301">
        <v>9.9666666666666668</v>
      </c>
      <c r="B301">
        <v>-12.503611861721039</v>
      </c>
      <c r="C301">
        <v>2.1175219148040889</v>
      </c>
      <c r="D301">
        <v>13.108463669892107</v>
      </c>
      <c r="E301">
        <v>2.2944209256434482</v>
      </c>
      <c r="F301">
        <f t="shared" si="16"/>
        <v>2.1569005394105631</v>
      </c>
      <c r="G301">
        <f t="shared" si="17"/>
        <v>2.2187800162397675</v>
      </c>
      <c r="H301">
        <f t="shared" si="18"/>
        <v>-4.7625226853599649E-2</v>
      </c>
      <c r="I301">
        <f t="shared" si="19"/>
        <v>7.2965187295698244E-2</v>
      </c>
    </row>
    <row r="302" spans="1:9" x14ac:dyDescent="0.4">
      <c r="A302">
        <v>10</v>
      </c>
      <c r="B302">
        <v>-12.491212249248854</v>
      </c>
      <c r="C302">
        <v>2.1191848990859352</v>
      </c>
      <c r="D302">
        <v>13.096923969824648</v>
      </c>
      <c r="E302">
        <v>2.2972858657953661</v>
      </c>
      <c r="F302">
        <f t="shared" si="16"/>
        <v>2.1555971394920186</v>
      </c>
      <c r="G302">
        <f t="shared" si="17"/>
        <v>2.2211310075875401</v>
      </c>
      <c r="H302">
        <f t="shared" si="18"/>
        <v>-7.1963326242706654E-2</v>
      </c>
      <c r="I302">
        <f t="shared" si="19"/>
        <v>6.8095748592085018E-2</v>
      </c>
    </row>
    <row r="303" spans="1:9" x14ac:dyDescent="0.4">
      <c r="A303">
        <v>10.033333333333333</v>
      </c>
      <c r="B303">
        <v>-12.482306812724735</v>
      </c>
      <c r="C303">
        <v>2.1253030458952269</v>
      </c>
      <c r="D303">
        <v>13.083914738512087</v>
      </c>
      <c r="E303">
        <v>2.2960908009029635</v>
      </c>
      <c r="F303">
        <f t="shared" si="16"/>
        <v>2.1519584829304463</v>
      </c>
      <c r="G303">
        <f t="shared" si="17"/>
        <v>2.2230630262280133</v>
      </c>
      <c r="H303">
        <f t="shared" si="18"/>
        <v>-8.078471119355185E-2</v>
      </c>
      <c r="I303">
        <f t="shared" si="19"/>
        <v>5.9222801505833124E-2</v>
      </c>
    </row>
    <row r="304" spans="1:9" x14ac:dyDescent="0.4">
      <c r="A304">
        <v>10.066666666666666</v>
      </c>
      <c r="B304">
        <v>-12.473353415292491</v>
      </c>
      <c r="C304">
        <v>2.1301964829065345</v>
      </c>
      <c r="D304">
        <v>13.071707100289688</v>
      </c>
      <c r="E304">
        <v>2.2972031135587958</v>
      </c>
      <c r="F304">
        <f t="shared" si="16"/>
        <v>2.1487991710567704</v>
      </c>
      <c r="G304">
        <f t="shared" si="17"/>
        <v>2.2257921239832057</v>
      </c>
      <c r="H304">
        <f t="shared" si="18"/>
        <v>-6.7065507909046099E-2</v>
      </c>
      <c r="I304">
        <f t="shared" si="19"/>
        <v>4.9930088074024943E-2</v>
      </c>
    </row>
    <row r="305" spans="1:9" x14ac:dyDescent="0.4">
      <c r="A305">
        <v>10.1</v>
      </c>
      <c r="B305">
        <v>-12.463562258665009</v>
      </c>
      <c r="C305">
        <v>2.1330709858674055</v>
      </c>
      <c r="D305">
        <v>13.060962278571886</v>
      </c>
      <c r="E305">
        <v>2.2959779024828881</v>
      </c>
      <c r="F305">
        <f t="shared" si="16"/>
        <v>2.1468354050959286</v>
      </c>
      <c r="G305">
        <f t="shared" si="17"/>
        <v>2.2263199249595735</v>
      </c>
      <c r="H305">
        <f t="shared" si="18"/>
        <v>-3.6842194788497942E-2</v>
      </c>
      <c r="I305">
        <f t="shared" si="19"/>
        <v>4.4199753391048688E-2</v>
      </c>
    </row>
    <row r="306" spans="1:9" x14ac:dyDescent="0.4">
      <c r="A306">
        <v>10.133333333333333</v>
      </c>
      <c r="B306">
        <v>-12.449214382640729</v>
      </c>
      <c r="C306">
        <v>2.1338219760946502</v>
      </c>
      <c r="D306">
        <v>13.050498777920625</v>
      </c>
      <c r="E306">
        <v>2.2980449586434473</v>
      </c>
      <c r="F306">
        <f t="shared" si="16"/>
        <v>2.1469810937577698</v>
      </c>
      <c r="G306">
        <f t="shared" si="17"/>
        <v>2.2278242395674308</v>
      </c>
      <c r="H306">
        <f t="shared" si="18"/>
        <v>-2.0233049688378538E-2</v>
      </c>
      <c r="I306">
        <f t="shared" si="19"/>
        <v>4.2754691470475205E-2</v>
      </c>
    </row>
    <row r="307" spans="1:9" x14ac:dyDescent="0.4">
      <c r="A307">
        <v>10.166666666666666</v>
      </c>
      <c r="B307">
        <v>-12.434061184906913</v>
      </c>
      <c r="C307">
        <v>2.1363258791039899</v>
      </c>
      <c r="D307">
        <v>13.038735541035637</v>
      </c>
      <c r="E307">
        <v>2.2989511352870822</v>
      </c>
      <c r="F307">
        <f t="shared" si="16"/>
        <v>2.1467271557818637</v>
      </c>
      <c r="G307">
        <f t="shared" si="17"/>
        <v>2.2294135940010755</v>
      </c>
      <c r="H307">
        <f t="shared" si="18"/>
        <v>-2.9531197394634481E-3</v>
      </c>
      <c r="I307">
        <f t="shared" si="19"/>
        <v>4.3691261814451522E-2</v>
      </c>
    </row>
    <row r="308" spans="1:9" x14ac:dyDescent="0.4">
      <c r="A308">
        <v>10.199999999999999</v>
      </c>
      <c r="B308">
        <v>-12.421946704196623</v>
      </c>
      <c r="C308">
        <v>2.1391621504344065</v>
      </c>
      <c r="D308">
        <v>13.027509054625311</v>
      </c>
      <c r="E308">
        <v>2.3002521439612531</v>
      </c>
      <c r="F308">
        <f t="shared" si="16"/>
        <v>2.1454811207657398</v>
      </c>
      <c r="G308">
        <f t="shared" si="17"/>
        <v>2.2313710713742005</v>
      </c>
      <c r="H308">
        <f t="shared" si="18"/>
        <v>-3.7706022328456274E-3</v>
      </c>
      <c r="I308">
        <f t="shared" si="19"/>
        <v>4.4773810607710615E-2</v>
      </c>
    </row>
    <row r="309" spans="1:9" x14ac:dyDescent="0.4">
      <c r="A309">
        <v>10.233333333333333</v>
      </c>
      <c r="B309">
        <v>-12.407383893443724</v>
      </c>
      <c r="C309">
        <v>2.1377797209352378</v>
      </c>
      <c r="D309">
        <v>13.019446804431452</v>
      </c>
      <c r="E309">
        <v>2.3020837676169355</v>
      </c>
      <c r="F309">
        <f t="shared" si="16"/>
        <v>2.1470932049686997</v>
      </c>
      <c r="G309">
        <f t="shared" si="17"/>
        <v>2.2318283860252639</v>
      </c>
      <c r="H309">
        <f t="shared" si="18"/>
        <v>2.4616778966523542E-3</v>
      </c>
      <c r="I309">
        <f t="shared" si="19"/>
        <v>4.8061263827429257E-2</v>
      </c>
    </row>
    <row r="310" spans="1:9" x14ac:dyDescent="0.4">
      <c r="A310">
        <v>10.266666666666667</v>
      </c>
      <c r="B310">
        <v>-12.394087337677941</v>
      </c>
      <c r="C310">
        <v>2.1394973413915208</v>
      </c>
      <c r="D310">
        <v>13.007900645791175</v>
      </c>
      <c r="E310">
        <v>2.3047327874615822</v>
      </c>
      <c r="F310">
        <f t="shared" si="16"/>
        <v>2.1461696354588775</v>
      </c>
      <c r="G310">
        <f t="shared" si="17"/>
        <v>2.2340791453232884</v>
      </c>
      <c r="H310">
        <f t="shared" si="18"/>
        <v>1.0520554805105293E-2</v>
      </c>
      <c r="I310">
        <f t="shared" si="19"/>
        <v>3.5690306280559914E-2</v>
      </c>
    </row>
    <row r="311" spans="1:9" x14ac:dyDescent="0.4">
      <c r="A311">
        <v>10.3</v>
      </c>
      <c r="B311">
        <v>-12.380427047092624</v>
      </c>
      <c r="C311">
        <v>2.1409424921155025</v>
      </c>
      <c r="D311">
        <v>12.998785595086343</v>
      </c>
      <c r="E311">
        <v>2.3071308830675004</v>
      </c>
      <c r="F311">
        <f t="shared" si="16"/>
        <v>2.1467931780847369</v>
      </c>
      <c r="G311">
        <f t="shared" si="17"/>
        <v>2.2360697676644365</v>
      </c>
      <c r="H311">
        <f t="shared" si="18"/>
        <v>1.7420079697586476E-2</v>
      </c>
      <c r="I311">
        <f t="shared" si="19"/>
        <v>3.4409573625203339E-2</v>
      </c>
    </row>
    <row r="312" spans="1:9" x14ac:dyDescent="0.4">
      <c r="A312">
        <v>10.333333333333334</v>
      </c>
      <c r="B312">
        <v>-12.368405668020015</v>
      </c>
      <c r="C312">
        <v>2.1385472587187846</v>
      </c>
      <c r="D312">
        <v>12.990838644110822</v>
      </c>
      <c r="E312">
        <v>2.3073984973191028</v>
      </c>
      <c r="F312">
        <f t="shared" si="16"/>
        <v>2.1473845600085721</v>
      </c>
      <c r="G312">
        <f t="shared" si="17"/>
        <v>2.2351987649347076</v>
      </c>
      <c r="H312">
        <f t="shared" si="18"/>
        <v>2.428967168001081E-2</v>
      </c>
      <c r="I312">
        <f t="shared" si="19"/>
        <v>1.9430281703298812E-2</v>
      </c>
    </row>
    <row r="313" spans="1:9" x14ac:dyDescent="0.4">
      <c r="A313">
        <v>10.366666666666667</v>
      </c>
      <c r="B313">
        <v>-12.35448551106934</v>
      </c>
      <c r="C313">
        <v>2.1394386734396513</v>
      </c>
      <c r="D313">
        <v>12.983942069217079</v>
      </c>
      <c r="E313">
        <v>2.3098855016817015</v>
      </c>
      <c r="F313">
        <f t="shared" si="16"/>
        <v>2.1493890893101169</v>
      </c>
      <c r="G313">
        <f t="shared" si="17"/>
        <v>2.2370035051570882</v>
      </c>
      <c r="H313">
        <f t="shared" si="18"/>
        <v>2.2533929105396835E-2</v>
      </c>
      <c r="I313">
        <f t="shared" si="19"/>
        <v>1.8985474315101735E-2</v>
      </c>
    </row>
    <row r="314" spans="1:9" x14ac:dyDescent="0.4">
      <c r="A314">
        <v>10.4</v>
      </c>
      <c r="B314">
        <v>-12.34316221141547</v>
      </c>
      <c r="C314">
        <v>2.1402837399187016</v>
      </c>
      <c r="D314">
        <v>12.97466386378588</v>
      </c>
      <c r="E314">
        <v>2.3089872001324316</v>
      </c>
      <c r="F314">
        <f t="shared" si="16"/>
        <v>2.1489199584595227</v>
      </c>
      <c r="G314">
        <f t="shared" si="17"/>
        <v>2.2368506568608457</v>
      </c>
      <c r="H314">
        <f t="shared" si="18"/>
        <v>2.2589245563660119E-2</v>
      </c>
      <c r="I314">
        <f t="shared" si="19"/>
        <v>3.4932859176007761E-2</v>
      </c>
    </row>
    <row r="315" spans="1:9" x14ac:dyDescent="0.4">
      <c r="A315">
        <v>10.433333333333334</v>
      </c>
      <c r="B315">
        <v>-12.328754691428664</v>
      </c>
      <c r="C315">
        <v>2.1426722431488132</v>
      </c>
      <c r="D315">
        <v>12.965405771339302</v>
      </c>
      <c r="E315">
        <v>2.3099237753762769</v>
      </c>
      <c r="F315">
        <f t="shared" si="16"/>
        <v>2.1497811337101611</v>
      </c>
      <c r="G315">
        <f t="shared" si="17"/>
        <v>2.2384080674205511</v>
      </c>
      <c r="H315">
        <f t="shared" si="18"/>
        <v>5.5492967395998271E-3</v>
      </c>
      <c r="I315">
        <f t="shared" si="19"/>
        <v>4.4520791727065287E-2</v>
      </c>
    </row>
    <row r="316" spans="1:9" x14ac:dyDescent="0.4">
      <c r="A316">
        <v>10.466666666666667</v>
      </c>
      <c r="B316">
        <v>-12.314892774981891</v>
      </c>
      <c r="C316">
        <v>2.1467099364812117</v>
      </c>
      <c r="D316">
        <v>12.957098751238684</v>
      </c>
      <c r="E316">
        <v>2.3102453427724239</v>
      </c>
      <c r="F316">
        <f t="shared" si="16"/>
        <v>2.15095341206916</v>
      </c>
      <c r="G316">
        <f t="shared" si="17"/>
        <v>2.2403186269989774</v>
      </c>
      <c r="H316">
        <f t="shared" si="18"/>
        <v>1.5853868480098898E-2</v>
      </c>
      <c r="I316">
        <f t="shared" si="19"/>
        <v>3.3201276854726403E-2</v>
      </c>
    </row>
    <row r="317" spans="1:9" x14ac:dyDescent="0.4">
      <c r="A317">
        <v>10.5</v>
      </c>
      <c r="B317">
        <v>-12.299584784160333</v>
      </c>
      <c r="C317">
        <v>2.1499184488361647</v>
      </c>
      <c r="D317">
        <v>12.942770173175225</v>
      </c>
      <c r="E317">
        <v>2.3119907556333503</v>
      </c>
      <c r="F317">
        <f t="shared" si="16"/>
        <v>2.1492972452952315</v>
      </c>
      <c r="G317">
        <f t="shared" si="17"/>
        <v>2.2426896520425332</v>
      </c>
      <c r="H317">
        <f t="shared" si="18"/>
        <v>1.1144269836810532E-2</v>
      </c>
      <c r="I317">
        <f t="shared" si="19"/>
        <v>1.7129209703346918E-2</v>
      </c>
    </row>
    <row r="318" spans="1:9" x14ac:dyDescent="0.4">
      <c r="A318">
        <v>10.533333333333333</v>
      </c>
      <c r="B318">
        <v>-12.285196611686393</v>
      </c>
      <c r="C318">
        <v>2.1489764838401166</v>
      </c>
      <c r="D318">
        <v>12.93640175283994</v>
      </c>
      <c r="E318">
        <v>2.3084208033917402</v>
      </c>
      <c r="F318">
        <f t="shared" si="16"/>
        <v>2.1518042140803373</v>
      </c>
      <c r="G318">
        <f t="shared" si="17"/>
        <v>2.240243410692309</v>
      </c>
      <c r="H318">
        <f t="shared" si="18"/>
        <v>5.3728927306768886E-3</v>
      </c>
      <c r="I318">
        <f t="shared" si="19"/>
        <v>2.0442055051681581E-3</v>
      </c>
    </row>
    <row r="319" spans="1:9" x14ac:dyDescent="0.4">
      <c r="A319">
        <v>10.566666666666666</v>
      </c>
      <c r="B319">
        <v>-12.26812827562089</v>
      </c>
      <c r="C319">
        <v>2.147783897367709</v>
      </c>
      <c r="D319">
        <v>12.922618855565194</v>
      </c>
      <c r="E319">
        <v>2.311158501735691</v>
      </c>
      <c r="F319">
        <f t="shared" si="16"/>
        <v>2.1512131110107076</v>
      </c>
      <c r="G319">
        <f t="shared" si="17"/>
        <v>2.2413005438577764</v>
      </c>
      <c r="H319">
        <f t="shared" si="18"/>
        <v>2.9520460288949934E-3</v>
      </c>
      <c r="I319">
        <f t="shared" si="19"/>
        <v>6.4262177380598699E-3</v>
      </c>
    </row>
    <row r="320" spans="1:9" x14ac:dyDescent="0.4">
      <c r="A320">
        <v>10.6</v>
      </c>
      <c r="B320">
        <v>-12.252758916129741</v>
      </c>
      <c r="C320">
        <v>2.1498016213932973</v>
      </c>
      <c r="D320">
        <v>12.910574976894109</v>
      </c>
      <c r="E320">
        <v>2.3097444221507488</v>
      </c>
      <c r="F320">
        <f t="shared" si="16"/>
        <v>2.1508909613332015</v>
      </c>
      <c r="G320">
        <f t="shared" si="17"/>
        <v>2.2413538820088839</v>
      </c>
      <c r="H320">
        <f t="shared" si="18"/>
        <v>-1.64848649250256E-2</v>
      </c>
      <c r="I320">
        <f t="shared" si="19"/>
        <v>2.9027376782104864E-2</v>
      </c>
    </row>
    <row r="321" spans="1:9" x14ac:dyDescent="0.4">
      <c r="A321">
        <v>10.633333333333333</v>
      </c>
      <c r="B321">
        <v>-12.241542326362858</v>
      </c>
      <c r="C321">
        <v>2.1512583413865021</v>
      </c>
      <c r="D321">
        <v>12.901069096345436</v>
      </c>
      <c r="E321">
        <v>2.3118909505867968</v>
      </c>
      <c r="F321">
        <f t="shared" si="16"/>
        <v>2.1502458793402819</v>
      </c>
      <c r="G321">
        <f t="shared" si="17"/>
        <v>2.2432054526739225</v>
      </c>
      <c r="H321">
        <f t="shared" si="18"/>
        <v>-2.7368862820943293E-2</v>
      </c>
      <c r="I321">
        <f t="shared" si="19"/>
        <v>3.5682049385828425E-2</v>
      </c>
    </row>
    <row r="322" spans="1:9" x14ac:dyDescent="0.4">
      <c r="A322">
        <v>10.666666666666666</v>
      </c>
      <c r="B322">
        <v>-12.22975528736692</v>
      </c>
      <c r="C322">
        <v>2.1516504563406431</v>
      </c>
      <c r="D322">
        <v>12.89103148604746</v>
      </c>
      <c r="E322">
        <v>2.313211225874555</v>
      </c>
      <c r="F322">
        <f t="shared" si="16"/>
        <v>2.1495403524280459</v>
      </c>
      <c r="G322">
        <f t="shared" si="17"/>
        <v>2.2441288524145868</v>
      </c>
      <c r="H322">
        <f t="shared" si="18"/>
        <v>-4.4697287317746394E-2</v>
      </c>
      <c r="I322">
        <f t="shared" si="19"/>
        <v>4.8621715625841659E-2</v>
      </c>
    </row>
    <row r="323" spans="1:9" x14ac:dyDescent="0.4">
      <c r="A323">
        <v>10.7</v>
      </c>
      <c r="B323">
        <v>-12.216028183300187</v>
      </c>
      <c r="C323">
        <v>2.1529566204080557</v>
      </c>
      <c r="D323">
        <v>12.876910330505716</v>
      </c>
      <c r="E323">
        <v>2.3152599576470707</v>
      </c>
      <c r="F323">
        <f t="shared" ref="F323:F386" si="20">(B323*58.73+D323*78.62)/(58.73+78.62)</f>
        <v>2.1473269383264615</v>
      </c>
      <c r="G323">
        <f t="shared" ref="G323:G386" si="21">(C323*58.73+E323*78.62)/(58.73+78.62)</f>
        <v>2.2458600668858963</v>
      </c>
      <c r="H323">
        <f t="shared" si="18"/>
        <v>-5.767975606250892E-2</v>
      </c>
      <c r="I323">
        <f t="shared" si="19"/>
        <v>3.098582764697036E-2</v>
      </c>
    </row>
    <row r="324" spans="1:9" x14ac:dyDescent="0.4">
      <c r="A324">
        <v>10.733333333333333</v>
      </c>
      <c r="B324">
        <v>-12.203299459770198</v>
      </c>
      <c r="C324">
        <v>2.1534763730099833</v>
      </c>
      <c r="D324">
        <v>12.863163491266356</v>
      </c>
      <c r="E324">
        <v>2.3188376339723322</v>
      </c>
      <c r="F324">
        <f t="shared" si="20"/>
        <v>2.1449008839538206</v>
      </c>
      <c r="G324">
        <f t="shared" si="21"/>
        <v>2.2481301941738705</v>
      </c>
      <c r="H324">
        <f t="shared" si="18"/>
        <v>-5.8817174539174268E-2</v>
      </c>
      <c r="I324">
        <f t="shared" si="19"/>
        <v>6.385217378890494E-3</v>
      </c>
    </row>
    <row r="325" spans="1:9" x14ac:dyDescent="0.4">
      <c r="A325">
        <v>10.766666666666667</v>
      </c>
      <c r="B325">
        <v>-12.194400006484866</v>
      </c>
      <c r="C325">
        <v>2.1535573895296642</v>
      </c>
      <c r="D325">
        <v>12.853111341344615</v>
      </c>
      <c r="E325">
        <v>2.3157004392044329</v>
      </c>
      <c r="F325">
        <f t="shared" si="20"/>
        <v>2.1429523209003096</v>
      </c>
      <c r="G325">
        <f t="shared" si="21"/>
        <v>2.2463690864021091</v>
      </c>
      <c r="H325">
        <f t="shared" ref="H325:H388" si="22">SLOPE(F323:F327,$A323:$A327)</f>
        <v>-4.0187399022738851E-2</v>
      </c>
      <c r="I325">
        <f t="shared" ref="I325:I388" si="23">SLOPE(G323:G327,$A323:$A327)</f>
        <v>-4.8050697728037614E-3</v>
      </c>
    </row>
    <row r="326" spans="1:9" x14ac:dyDescent="0.4">
      <c r="A326">
        <v>10.8</v>
      </c>
      <c r="B326">
        <v>-12.181466806425565</v>
      </c>
      <c r="C326">
        <v>2.1530272608101275</v>
      </c>
      <c r="D326">
        <v>12.841655006935646</v>
      </c>
      <c r="E326">
        <v>2.3135972806451357</v>
      </c>
      <c r="F326">
        <f t="shared" si="20"/>
        <v>2.141924798717926</v>
      </c>
      <c r="G326">
        <f t="shared" si="21"/>
        <v>2.2449385455529622</v>
      </c>
      <c r="H326">
        <f t="shared" si="22"/>
        <v>-2.3312454635712795E-2</v>
      </c>
      <c r="I326">
        <f t="shared" si="23"/>
        <v>-2.2876516329117394E-3</v>
      </c>
    </row>
    <row r="327" spans="1:9" x14ac:dyDescent="0.4">
      <c r="A327">
        <v>10.833333333333334</v>
      </c>
      <c r="B327">
        <v>-12.166195844621324</v>
      </c>
      <c r="C327">
        <v>2.1521216791305458</v>
      </c>
      <c r="D327">
        <v>12.830583350861053</v>
      </c>
      <c r="E327">
        <v>2.3172725055320873</v>
      </c>
      <c r="F327">
        <f t="shared" si="20"/>
        <v>2.1421170811072856</v>
      </c>
      <c r="G327">
        <f t="shared" si="21"/>
        <v>2.2466550462342165</v>
      </c>
      <c r="H327">
        <f t="shared" si="22"/>
        <v>-1.4293701419191554E-2</v>
      </c>
      <c r="I327">
        <f t="shared" si="23"/>
        <v>1.587189332915756E-2</v>
      </c>
    </row>
    <row r="328" spans="1:9" x14ac:dyDescent="0.4">
      <c r="A328">
        <v>10.866666666666667</v>
      </c>
      <c r="B328">
        <v>-12.153546210829456</v>
      </c>
      <c r="C328">
        <v>2.1548499198184712</v>
      </c>
      <c r="D328">
        <v>12.819939004390161</v>
      </c>
      <c r="E328">
        <v>2.3168956999331245</v>
      </c>
      <c r="F328">
        <f t="shared" si="20"/>
        <v>2.1414330947443805</v>
      </c>
      <c r="G328">
        <f t="shared" si="21"/>
        <v>2.2476059389856649</v>
      </c>
      <c r="H328">
        <f t="shared" si="22"/>
        <v>-1.2983121766854169E-2</v>
      </c>
      <c r="I328">
        <f t="shared" si="23"/>
        <v>4.3243639445271466E-2</v>
      </c>
    </row>
    <row r="329" spans="1:9" x14ac:dyDescent="0.4">
      <c r="A329">
        <v>10.9</v>
      </c>
      <c r="B329">
        <v>-12.140063848836524</v>
      </c>
      <c r="C329">
        <v>2.154976394296201</v>
      </c>
      <c r="D329">
        <v>12.808789267869356</v>
      </c>
      <c r="E329">
        <v>2.3169318395800422</v>
      </c>
      <c r="F329">
        <f t="shared" si="20"/>
        <v>2.1408158893172171</v>
      </c>
      <c r="G329">
        <f t="shared" si="21"/>
        <v>2.2476807052406174</v>
      </c>
      <c r="H329">
        <f t="shared" si="22"/>
        <v>-1.9969718735432695E-2</v>
      </c>
      <c r="I329">
        <f t="shared" si="23"/>
        <v>4.7635145178505034E-2</v>
      </c>
    </row>
    <row r="330" spans="1:9" x14ac:dyDescent="0.4">
      <c r="A330">
        <v>10.933333333333334</v>
      </c>
      <c r="B330">
        <v>-12.122734424546422</v>
      </c>
      <c r="C330">
        <v>2.158526247149064</v>
      </c>
      <c r="D330">
        <v>12.795137597404246</v>
      </c>
      <c r="E330">
        <v>2.321184744136414</v>
      </c>
      <c r="F330">
        <f t="shared" si="20"/>
        <v>2.1404115409851512</v>
      </c>
      <c r="G330">
        <f t="shared" si="21"/>
        <v>2.2516329892906404</v>
      </c>
      <c r="H330">
        <f t="shared" si="22"/>
        <v>-1.9843894107352055E-2</v>
      </c>
      <c r="I330">
        <f t="shared" si="23"/>
        <v>5.6873096650619653E-2</v>
      </c>
    </row>
    <row r="331" spans="1:9" x14ac:dyDescent="0.4">
      <c r="A331">
        <v>10.966666666666667</v>
      </c>
      <c r="B331">
        <v>-12.108577075414294</v>
      </c>
      <c r="C331">
        <v>2.1595811526773909</v>
      </c>
      <c r="D331">
        <v>12.782619279939754</v>
      </c>
      <c r="E331">
        <v>2.3220524000111533</v>
      </c>
      <c r="F331">
        <f t="shared" si="20"/>
        <v>2.1392995715309948</v>
      </c>
      <c r="G331">
        <f t="shared" si="21"/>
        <v>2.2525807119448129</v>
      </c>
      <c r="H331">
        <f t="shared" si="22"/>
        <v>-1.6615078102171724E-2</v>
      </c>
      <c r="I331">
        <f t="shared" si="23"/>
        <v>6.9806949233250717E-2</v>
      </c>
    </row>
    <row r="332" spans="1:9" x14ac:dyDescent="0.4">
      <c r="A332">
        <v>11</v>
      </c>
      <c r="B332">
        <v>-12.093251950989112</v>
      </c>
      <c r="C332">
        <v>2.1620895527018269</v>
      </c>
      <c r="D332">
        <v>12.770445127949959</v>
      </c>
      <c r="E332">
        <v>2.3237670859821828</v>
      </c>
      <c r="F332">
        <f t="shared" si="20"/>
        <v>2.138883937952933</v>
      </c>
      <c r="G332">
        <f t="shared" si="21"/>
        <v>2.254634785075337</v>
      </c>
      <c r="H332">
        <f t="shared" si="22"/>
        <v>-2.6160300336348731E-2</v>
      </c>
      <c r="I332">
        <f t="shared" si="23"/>
        <v>8.1366362577391993E-2</v>
      </c>
    </row>
    <row r="333" spans="1:9" x14ac:dyDescent="0.4">
      <c r="A333">
        <v>11.033333333333333</v>
      </c>
      <c r="B333">
        <v>-12.081586136232538</v>
      </c>
      <c r="C333">
        <v>2.1643667197075125</v>
      </c>
      <c r="D333">
        <v>12.761602359289478</v>
      </c>
      <c r="E333">
        <v>2.3276206627286564</v>
      </c>
      <c r="F333">
        <f t="shared" si="20"/>
        <v>2.1388105111496309</v>
      </c>
      <c r="G333">
        <f t="shared" si="21"/>
        <v>2.2578142988871441</v>
      </c>
      <c r="H333">
        <f t="shared" si="22"/>
        <v>-3.2713279437814546E-2</v>
      </c>
      <c r="I333">
        <f t="shared" si="23"/>
        <v>9.6758081939197896E-2</v>
      </c>
    </row>
    <row r="334" spans="1:9" x14ac:dyDescent="0.4">
      <c r="A334">
        <v>11.066666666666666</v>
      </c>
      <c r="B334">
        <v>-12.069750426523534</v>
      </c>
      <c r="C334">
        <v>2.1695638490689437</v>
      </c>
      <c r="D334">
        <v>12.748368113082272</v>
      </c>
      <c r="E334">
        <v>2.3320592888576268</v>
      </c>
      <c r="F334">
        <f t="shared" si="20"/>
        <v>2.136296021119775</v>
      </c>
      <c r="G334">
        <f t="shared" si="21"/>
        <v>2.26257725624904</v>
      </c>
      <c r="H334">
        <f t="shared" si="22"/>
        <v>-6.0062811042514076E-2</v>
      </c>
      <c r="I334">
        <f t="shared" si="23"/>
        <v>6.7678951604871931E-2</v>
      </c>
    </row>
    <row r="335" spans="1:9" x14ac:dyDescent="0.4">
      <c r="A335">
        <v>11.1</v>
      </c>
      <c r="B335">
        <v>-12.057470076502971</v>
      </c>
      <c r="C335">
        <v>2.1700299859834704</v>
      </c>
      <c r="D335">
        <v>12.737177276047502</v>
      </c>
      <c r="E335">
        <v>2.3354821198170304</v>
      </c>
      <c r="F335">
        <f t="shared" si="20"/>
        <v>2.1351413167079381</v>
      </c>
      <c r="G335">
        <f t="shared" si="21"/>
        <v>2.2647358233478276</v>
      </c>
      <c r="H335">
        <f t="shared" si="22"/>
        <v>-7.1159264573184694E-2</v>
      </c>
      <c r="I335">
        <f t="shared" si="23"/>
        <v>2.1503327919186598E-2</v>
      </c>
    </row>
    <row r="336" spans="1:9" x14ac:dyDescent="0.4">
      <c r="A336">
        <v>11.133333333333333</v>
      </c>
      <c r="B336">
        <v>-12.048624748632825</v>
      </c>
      <c r="C336">
        <v>2.1676975583372138</v>
      </c>
      <c r="D336">
        <v>12.72282478305617</v>
      </c>
      <c r="E336">
        <v>2.3332378330845041</v>
      </c>
      <c r="F336">
        <f t="shared" si="20"/>
        <v>2.1307080666666938</v>
      </c>
      <c r="G336">
        <f t="shared" si="21"/>
        <v>2.2624538481124739</v>
      </c>
      <c r="H336">
        <f t="shared" si="22"/>
        <v>-6.3240728643669586E-2</v>
      </c>
      <c r="I336">
        <f t="shared" si="23"/>
        <v>-6.0913379894778274E-3</v>
      </c>
    </row>
    <row r="337" spans="1:9" x14ac:dyDescent="0.4">
      <c r="A337">
        <v>11.166666666666666</v>
      </c>
      <c r="B337">
        <v>-12.033898090705604</v>
      </c>
      <c r="C337">
        <v>2.1661562716728819</v>
      </c>
      <c r="D337">
        <v>12.710140640813441</v>
      </c>
      <c r="E337">
        <v>2.3326527370329382</v>
      </c>
      <c r="F337">
        <f t="shared" si="20"/>
        <v>2.1297446109473075</v>
      </c>
      <c r="G337">
        <f t="shared" si="21"/>
        <v>2.2614598909419583</v>
      </c>
      <c r="H337">
        <f t="shared" si="22"/>
        <v>-5.6811167133454549E-2</v>
      </c>
      <c r="I337">
        <f t="shared" si="23"/>
        <v>-1.6340067024938126E-3</v>
      </c>
    </row>
    <row r="338" spans="1:9" x14ac:dyDescent="0.4">
      <c r="A338">
        <v>11.2</v>
      </c>
      <c r="B338">
        <v>-12.020310165454928</v>
      </c>
      <c r="C338">
        <v>2.167590253762357</v>
      </c>
      <c r="D338">
        <v>12.697736041798681</v>
      </c>
      <c r="E338">
        <v>2.3346215253307858</v>
      </c>
      <c r="F338">
        <f t="shared" si="20"/>
        <v>2.1284542525594787</v>
      </c>
      <c r="G338">
        <f t="shared" si="21"/>
        <v>2.2631999994537284</v>
      </c>
      <c r="H338">
        <f t="shared" si="22"/>
        <v>-2.0726791008737522E-2</v>
      </c>
      <c r="I338">
        <f t="shared" si="23"/>
        <v>2.429640735955672E-2</v>
      </c>
    </row>
    <row r="339" spans="1:9" x14ac:dyDescent="0.4">
      <c r="A339">
        <v>11.233333333333333</v>
      </c>
      <c r="B339">
        <v>-12.005419880943029</v>
      </c>
      <c r="C339">
        <v>2.1701886426407753</v>
      </c>
      <c r="D339">
        <v>12.683722307815682</v>
      </c>
      <c r="E339">
        <v>2.3342360630171219</v>
      </c>
      <c r="F339">
        <f t="shared" si="20"/>
        <v>2.1267996959059698</v>
      </c>
      <c r="G339">
        <f t="shared" si="21"/>
        <v>2.2640904132267847</v>
      </c>
      <c r="H339">
        <f t="shared" si="22"/>
        <v>-1.6637531077098609E-2</v>
      </c>
      <c r="I339">
        <f t="shared" si="23"/>
        <v>3.3687295833276572E-2</v>
      </c>
    </row>
    <row r="340" spans="1:9" x14ac:dyDescent="0.4">
      <c r="A340">
        <v>11.266666666666667</v>
      </c>
      <c r="B340">
        <v>-11.991246117308501</v>
      </c>
      <c r="C340">
        <v>2.1751775561813611</v>
      </c>
      <c r="D340">
        <v>12.676499728769025</v>
      </c>
      <c r="E340">
        <v>2.3324267655085089</v>
      </c>
      <c r="F340">
        <f t="shared" si="20"/>
        <v>2.1287260590192396</v>
      </c>
      <c r="G340">
        <f t="shared" si="21"/>
        <v>2.2651879881966535</v>
      </c>
      <c r="H340">
        <f t="shared" si="22"/>
        <v>-1.1670832506306794E-2</v>
      </c>
      <c r="I340">
        <f t="shared" si="23"/>
        <v>4.0493884999962648E-2</v>
      </c>
    </row>
    <row r="341" spans="1:9" x14ac:dyDescent="0.4">
      <c r="A341">
        <v>11.3</v>
      </c>
      <c r="B341">
        <v>-11.977180895295186</v>
      </c>
      <c r="C341">
        <v>2.1768530990942669</v>
      </c>
      <c r="D341">
        <v>12.662690526203276</v>
      </c>
      <c r="E341">
        <v>2.3327342499525323</v>
      </c>
      <c r="F341">
        <f t="shared" si="20"/>
        <v>2.1268357858712439</v>
      </c>
      <c r="G341">
        <f t="shared" si="21"/>
        <v>2.266080445876042</v>
      </c>
      <c r="H341">
        <f t="shared" si="22"/>
        <v>-9.5459473461512335E-3</v>
      </c>
      <c r="I341">
        <f t="shared" si="23"/>
        <v>4.4197549451743791E-2</v>
      </c>
    </row>
    <row r="342" spans="1:9" x14ac:dyDescent="0.4">
      <c r="A342">
        <v>11.333333333333334</v>
      </c>
      <c r="B342">
        <v>-11.962736536332917</v>
      </c>
      <c r="C342">
        <v>2.1790951918198713</v>
      </c>
      <c r="D342">
        <v>12.651298207606899</v>
      </c>
      <c r="E342">
        <v>2.3360794496903878</v>
      </c>
      <c r="F342">
        <f t="shared" si="20"/>
        <v>2.1264910688257905</v>
      </c>
      <c r="G342">
        <f t="shared" si="21"/>
        <v>2.268953963962427</v>
      </c>
      <c r="H342">
        <f t="shared" si="22"/>
        <v>-1.0023343160695343E-2</v>
      </c>
      <c r="I342">
        <f t="shared" si="23"/>
        <v>4.3010224039894109E-2</v>
      </c>
    </row>
    <row r="343" spans="1:9" x14ac:dyDescent="0.4">
      <c r="A343">
        <v>11.366666666666667</v>
      </c>
      <c r="B343">
        <v>-11.951553131459583</v>
      </c>
      <c r="C343">
        <v>2.1823782261829865</v>
      </c>
      <c r="D343">
        <v>12.642656053805338</v>
      </c>
      <c r="E343">
        <v>2.334709644070089</v>
      </c>
      <c r="F343">
        <f t="shared" si="20"/>
        <v>2.1263261997783358</v>
      </c>
      <c r="G343">
        <f t="shared" si="21"/>
        <v>2.2695736835858553</v>
      </c>
      <c r="H343">
        <f t="shared" si="22"/>
        <v>-1.4295498974364268E-2</v>
      </c>
      <c r="I343">
        <f t="shared" si="23"/>
        <v>2.7755737660065099E-2</v>
      </c>
    </row>
    <row r="344" spans="1:9" x14ac:dyDescent="0.4">
      <c r="A344">
        <v>11.4</v>
      </c>
      <c r="B344">
        <v>-11.936661090665057</v>
      </c>
      <c r="C344">
        <v>2.1823852478803465</v>
      </c>
      <c r="D344">
        <v>12.633250761326144</v>
      </c>
      <c r="E344">
        <v>2.3365144007002812</v>
      </c>
      <c r="F344">
        <f t="shared" si="20"/>
        <v>2.1273102948722444</v>
      </c>
      <c r="G344">
        <f t="shared" si="21"/>
        <v>2.2706097400150624</v>
      </c>
      <c r="H344">
        <f t="shared" si="22"/>
        <v>-3.249080492451617E-2</v>
      </c>
      <c r="I344">
        <f t="shared" si="23"/>
        <v>1.422576517864909E-2</v>
      </c>
    </row>
    <row r="345" spans="1:9" x14ac:dyDescent="0.4">
      <c r="A345">
        <v>11.433333333333334</v>
      </c>
      <c r="B345">
        <v>-11.925744434404224</v>
      </c>
      <c r="C345">
        <v>2.1801937193410046</v>
      </c>
      <c r="D345">
        <v>12.619388929990846</v>
      </c>
      <c r="E345">
        <v>2.3368740368654808</v>
      </c>
      <c r="F345">
        <f t="shared" si="20"/>
        <v>2.1240435896856229</v>
      </c>
      <c r="G345">
        <f t="shared" si="21"/>
        <v>2.2698785141264017</v>
      </c>
      <c r="H345">
        <f t="shared" si="22"/>
        <v>-4.691326545976765E-2</v>
      </c>
      <c r="I345">
        <f t="shared" si="23"/>
        <v>1.6317321848298649E-2</v>
      </c>
    </row>
    <row r="346" spans="1:9" x14ac:dyDescent="0.4">
      <c r="A346">
        <v>11.466666666666667</v>
      </c>
      <c r="B346">
        <v>-11.912153083747418</v>
      </c>
      <c r="C346">
        <v>2.1811404419142537</v>
      </c>
      <c r="D346">
        <v>12.606045389007395</v>
      </c>
      <c r="E346">
        <v>2.3384274489161934</v>
      </c>
      <c r="F346">
        <f t="shared" si="20"/>
        <v>2.122217239718061</v>
      </c>
      <c r="G346">
        <f t="shared" si="21"/>
        <v>2.271172509555262</v>
      </c>
      <c r="H346">
        <f t="shared" si="22"/>
        <v>-4.1965511524450751E-2</v>
      </c>
      <c r="I346">
        <f t="shared" si="23"/>
        <v>4.3127763681957518E-2</v>
      </c>
    </row>
    <row r="347" spans="1:9" x14ac:dyDescent="0.4">
      <c r="A347">
        <v>11.5</v>
      </c>
      <c r="B347">
        <v>-11.896683357536533</v>
      </c>
      <c r="C347">
        <v>2.1828185279947974</v>
      </c>
      <c r="D347">
        <v>12.592456879359434</v>
      </c>
      <c r="E347">
        <v>2.3386402414888519</v>
      </c>
      <c r="F347">
        <f t="shared" si="20"/>
        <v>2.1210538497787996</v>
      </c>
      <c r="G347">
        <f t="shared" si="21"/>
        <v>2.2720118524571387</v>
      </c>
      <c r="H347">
        <f t="shared" si="22"/>
        <v>-1.8939151842173606E-2</v>
      </c>
      <c r="I347">
        <f t="shared" si="23"/>
        <v>6.4123750642443897E-2</v>
      </c>
    </row>
    <row r="348" spans="1:9" x14ac:dyDescent="0.4">
      <c r="A348">
        <v>11.533333333333333</v>
      </c>
      <c r="B348">
        <v>-11.877418222520911</v>
      </c>
      <c r="C348">
        <v>2.1833851104206943</v>
      </c>
      <c r="D348">
        <v>12.579388210329979</v>
      </c>
      <c r="E348">
        <v>2.3464614555645409</v>
      </c>
      <c r="F348">
        <f t="shared" si="20"/>
        <v>2.1218109129049143</v>
      </c>
      <c r="G348">
        <f t="shared" si="21"/>
        <v>2.2767310314633535</v>
      </c>
      <c r="H348">
        <f t="shared" si="22"/>
        <v>-2.4194176495985067E-2</v>
      </c>
      <c r="I348">
        <f t="shared" si="23"/>
        <v>6.4589062637510741E-2</v>
      </c>
    </row>
    <row r="349" spans="1:9" x14ac:dyDescent="0.4">
      <c r="A349">
        <v>11.566666666666666</v>
      </c>
      <c r="B349">
        <v>-11.864785417773382</v>
      </c>
      <c r="C349">
        <v>2.1842765929511465</v>
      </c>
      <c r="D349">
        <v>12.568692322209658</v>
      </c>
      <c r="E349">
        <v>2.3476395019629299</v>
      </c>
      <c r="F349">
        <f t="shared" si="20"/>
        <v>2.1210902277851673</v>
      </c>
      <c r="G349">
        <f t="shared" si="21"/>
        <v>2.2777865449460966</v>
      </c>
      <c r="H349">
        <f t="shared" si="22"/>
        <v>-2.8753540747586397E-2</v>
      </c>
      <c r="I349">
        <f t="shared" si="23"/>
        <v>6.0962995496477428E-2</v>
      </c>
    </row>
    <row r="350" spans="1:9" x14ac:dyDescent="0.4">
      <c r="A350">
        <v>11.6</v>
      </c>
      <c r="B350">
        <v>-11.854231067445735</v>
      </c>
      <c r="C350">
        <v>2.1834670715288782</v>
      </c>
      <c r="D350">
        <v>12.555700651019533</v>
      </c>
      <c r="E350">
        <v>2.3504515054954891</v>
      </c>
      <c r="F350">
        <f t="shared" si="20"/>
        <v>2.1181666879655463</v>
      </c>
      <c r="G350">
        <f t="shared" si="21"/>
        <v>2.2790500070837014</v>
      </c>
      <c r="H350">
        <f t="shared" si="22"/>
        <v>-2.9050887408296078E-2</v>
      </c>
      <c r="I350">
        <f t="shared" si="23"/>
        <v>4.0706902601032408E-2</v>
      </c>
    </row>
    <row r="351" spans="1:9" x14ac:dyDescent="0.4">
      <c r="A351">
        <v>11.633333333333333</v>
      </c>
      <c r="B351">
        <v>-11.835994944031244</v>
      </c>
      <c r="C351">
        <v>2.1852185223435074</v>
      </c>
      <c r="D351">
        <v>12.541933095999795</v>
      </c>
      <c r="E351">
        <v>2.3525722849012114</v>
      </c>
      <c r="F351">
        <f t="shared" si="20"/>
        <v>2.1180837054572192</v>
      </c>
      <c r="G351">
        <f t="shared" si="21"/>
        <v>2.2810128638963776</v>
      </c>
      <c r="H351">
        <f t="shared" si="22"/>
        <v>-2.0604091062537206E-2</v>
      </c>
      <c r="I351">
        <f t="shared" si="23"/>
        <v>4.7276237210315653E-2</v>
      </c>
    </row>
    <row r="352" spans="1:9" x14ac:dyDescent="0.4">
      <c r="A352">
        <v>11.666666666666666</v>
      </c>
      <c r="B352">
        <v>-11.817230031294816</v>
      </c>
      <c r="C352">
        <v>2.186825836019032</v>
      </c>
      <c r="D352">
        <v>12.528594483787645</v>
      </c>
      <c r="E352">
        <v>2.3529255560106663</v>
      </c>
      <c r="F352">
        <f t="shared" si="20"/>
        <v>2.118472359500839</v>
      </c>
      <c r="G352">
        <f t="shared" si="21"/>
        <v>2.2819023557550517</v>
      </c>
      <c r="H352">
        <f t="shared" si="22"/>
        <v>-7.7014247288534066E-3</v>
      </c>
      <c r="I352">
        <f t="shared" si="23"/>
        <v>8.3664271323150644E-2</v>
      </c>
    </row>
    <row r="353" spans="1:9" x14ac:dyDescent="0.4">
      <c r="A353">
        <v>11.7</v>
      </c>
      <c r="B353">
        <v>-11.804147720759204</v>
      </c>
      <c r="C353">
        <v>2.1892356509290352</v>
      </c>
      <c r="D353">
        <v>12.517129031407036</v>
      </c>
      <c r="E353">
        <v>2.3552088398340363</v>
      </c>
      <c r="F353">
        <f t="shared" si="20"/>
        <v>2.1175033768404314</v>
      </c>
      <c r="G353">
        <f t="shared" si="21"/>
        <v>2.2842397434788073</v>
      </c>
      <c r="H353">
        <f t="shared" si="22"/>
        <v>2.2121684753896072E-4</v>
      </c>
      <c r="I353">
        <f t="shared" si="23"/>
        <v>9.6832229551172475E-2</v>
      </c>
    </row>
    <row r="354" spans="1:9" x14ac:dyDescent="0.4">
      <c r="A354">
        <v>11.733333333333333</v>
      </c>
      <c r="B354">
        <v>-11.792384063482533</v>
      </c>
      <c r="C354">
        <v>2.195126692399004</v>
      </c>
      <c r="D354">
        <v>12.507764770546977</v>
      </c>
      <c r="E354">
        <v>2.3632833437302043</v>
      </c>
      <c r="F354">
        <f t="shared" si="20"/>
        <v>2.117173281485798</v>
      </c>
      <c r="G354">
        <f t="shared" si="21"/>
        <v>2.2913806125130116</v>
      </c>
      <c r="H354">
        <f t="shared" si="22"/>
        <v>6.415273588402692E-3</v>
      </c>
      <c r="I354">
        <f t="shared" si="23"/>
        <v>9.7815037556294698E-2</v>
      </c>
    </row>
    <row r="355" spans="1:9" x14ac:dyDescent="0.4">
      <c r="A355">
        <v>11.766666666666667</v>
      </c>
      <c r="B355">
        <v>-11.774469631822965</v>
      </c>
      <c r="C355">
        <v>2.1945895418363697</v>
      </c>
      <c r="D355">
        <v>12.497172177900403</v>
      </c>
      <c r="E355">
        <v>2.3654872157560436</v>
      </c>
      <c r="F355">
        <f t="shared" si="20"/>
        <v>2.1187701139393296</v>
      </c>
      <c r="G355">
        <f t="shared" si="21"/>
        <v>2.2924124404425932</v>
      </c>
      <c r="H355">
        <f t="shared" si="22"/>
        <v>7.6669954149188981E-3</v>
      </c>
      <c r="I355">
        <f t="shared" si="23"/>
        <v>8.3040234766749391E-2</v>
      </c>
    </row>
    <row r="356" spans="1:9" x14ac:dyDescent="0.4">
      <c r="A356">
        <v>11.8</v>
      </c>
      <c r="B356">
        <v>-11.757004618699737</v>
      </c>
      <c r="C356">
        <v>2.1956377575177966</v>
      </c>
      <c r="D356">
        <v>12.484366865530019</v>
      </c>
      <c r="E356">
        <v>2.3676847155262575</v>
      </c>
      <c r="F356">
        <f t="shared" si="20"/>
        <v>2.1189082032161237</v>
      </c>
      <c r="G356">
        <f t="shared" si="21"/>
        <v>2.2941185135325415</v>
      </c>
      <c r="H356">
        <f t="shared" si="22"/>
        <v>7.3029745659987629E-3</v>
      </c>
      <c r="I356">
        <f t="shared" si="23"/>
        <v>4.680371058864416E-2</v>
      </c>
    </row>
    <row r="357" spans="1:9" x14ac:dyDescent="0.4">
      <c r="A357">
        <v>11.833333333333334</v>
      </c>
      <c r="B357">
        <v>-11.743539526621019</v>
      </c>
      <c r="C357">
        <v>2.1977878646619167</v>
      </c>
      <c r="D357">
        <v>12.472570971267217</v>
      </c>
      <c r="E357">
        <v>2.3706073708586333</v>
      </c>
      <c r="F357">
        <f t="shared" si="20"/>
        <v>2.1179137485444217</v>
      </c>
      <c r="G357">
        <f t="shared" si="21"/>
        <v>2.2967108320968341</v>
      </c>
      <c r="H357">
        <f t="shared" si="22"/>
        <v>-1.2331805186935482E-2</v>
      </c>
      <c r="I357">
        <f t="shared" si="23"/>
        <v>2.5936599052189455E-2</v>
      </c>
    </row>
    <row r="358" spans="1:9" x14ac:dyDescent="0.4">
      <c r="A358">
        <v>11.866666666666667</v>
      </c>
      <c r="B358">
        <v>-11.725107490481976</v>
      </c>
      <c r="C358">
        <v>2.1978992627149032</v>
      </c>
      <c r="D358">
        <v>12.460382870529331</v>
      </c>
      <c r="E358">
        <v>2.3710853004848547</v>
      </c>
      <c r="F358">
        <f t="shared" si="20"/>
        <v>2.1188186266109184</v>
      </c>
      <c r="G358">
        <f t="shared" si="21"/>
        <v>2.2970320351173319</v>
      </c>
      <c r="H358">
        <f t="shared" si="22"/>
        <v>-1.5881220133954044E-2</v>
      </c>
      <c r="I358">
        <f t="shared" si="23"/>
        <v>-4.2277775656778399E-3</v>
      </c>
    </row>
    <row r="359" spans="1:9" x14ac:dyDescent="0.4">
      <c r="A359">
        <v>11.9</v>
      </c>
      <c r="B359">
        <v>-11.712940326402812</v>
      </c>
      <c r="C359">
        <v>2.1980972335227098</v>
      </c>
      <c r="D359">
        <v>12.447696726263406</v>
      </c>
      <c r="E359">
        <v>2.3678738750335233</v>
      </c>
      <c r="F359">
        <f t="shared" si="20"/>
        <v>2.116759601377443</v>
      </c>
      <c r="G359">
        <f t="shared" si="21"/>
        <v>2.2952784461588962</v>
      </c>
      <c r="H359">
        <f t="shared" si="22"/>
        <v>-3.0928973693535085E-2</v>
      </c>
      <c r="I359">
        <f t="shared" si="23"/>
        <v>-2.9397383242963142E-2</v>
      </c>
    </row>
    <row r="360" spans="1:9" x14ac:dyDescent="0.4">
      <c r="A360">
        <v>11.933333333333334</v>
      </c>
      <c r="B360">
        <v>-11.697236498772863</v>
      </c>
      <c r="C360">
        <v>2.201304239990896</v>
      </c>
      <c r="D360">
        <v>12.436103469140047</v>
      </c>
      <c r="E360">
        <v>2.3634719924770131</v>
      </c>
      <c r="F360">
        <f t="shared" si="20"/>
        <v>2.1168384067772874</v>
      </c>
      <c r="G360">
        <f t="shared" si="21"/>
        <v>2.2941300769072308</v>
      </c>
      <c r="H360">
        <f t="shared" si="22"/>
        <v>-5.4360276544186813E-2</v>
      </c>
      <c r="I360">
        <f t="shared" si="23"/>
        <v>-1.8670345247875426E-2</v>
      </c>
    </row>
    <row r="361" spans="1:9" x14ac:dyDescent="0.4">
      <c r="A361">
        <v>11.966666666666667</v>
      </c>
      <c r="B361">
        <v>-11.682189315299972</v>
      </c>
      <c r="C361">
        <v>2.2050789935926809</v>
      </c>
      <c r="D361">
        <v>12.419465882613631</v>
      </c>
      <c r="E361">
        <v>2.3591361024778745</v>
      </c>
      <c r="F361">
        <f t="shared" si="20"/>
        <v>2.1137490295123147</v>
      </c>
      <c r="G361">
        <f t="shared" si="21"/>
        <v>2.2932622473280575</v>
      </c>
      <c r="H361">
        <f t="shared" si="22"/>
        <v>-5.9497132681900697E-2</v>
      </c>
      <c r="I361">
        <f t="shared" si="23"/>
        <v>1.4817142977332104E-2</v>
      </c>
    </row>
    <row r="362" spans="1:9" x14ac:dyDescent="0.4">
      <c r="A362">
        <v>12</v>
      </c>
      <c r="B362">
        <v>-11.668645442001981</v>
      </c>
      <c r="C362">
        <v>2.2071497732328904</v>
      </c>
      <c r="D362">
        <v>12.405006854058334</v>
      </c>
      <c r="E362">
        <v>2.3605000124159212</v>
      </c>
      <c r="F362">
        <f t="shared" si="20"/>
        <v>2.1112638664527847</v>
      </c>
      <c r="G362">
        <f t="shared" si="21"/>
        <v>2.294928410324772</v>
      </c>
      <c r="H362">
        <f t="shared" si="22"/>
        <v>-5.1116128393487954E-2</v>
      </c>
      <c r="I362">
        <f t="shared" si="23"/>
        <v>3.9975934562819358E-2</v>
      </c>
    </row>
    <row r="363" spans="1:9" x14ac:dyDescent="0.4">
      <c r="A363">
        <v>12.033333333333333</v>
      </c>
      <c r="B363">
        <v>-11.65310331317651</v>
      </c>
      <c r="C363">
        <v>2.2096547806863178</v>
      </c>
      <c r="D363">
        <v>12.390543524037863</v>
      </c>
      <c r="E363">
        <v>2.3628571974148658</v>
      </c>
      <c r="F363">
        <f t="shared" si="20"/>
        <v>2.1096306827593776</v>
      </c>
      <c r="G363">
        <f t="shared" si="21"/>
        <v>2.2973488032796809</v>
      </c>
      <c r="H363">
        <f t="shared" si="22"/>
        <v>-3.6609714485281622E-2</v>
      </c>
      <c r="I363">
        <f t="shared" si="23"/>
        <v>4.8253399318359314E-2</v>
      </c>
    </row>
    <row r="364" spans="1:9" x14ac:dyDescent="0.4">
      <c r="A364">
        <v>12.066666666666666</v>
      </c>
      <c r="B364">
        <v>-11.637698255692001</v>
      </c>
      <c r="C364">
        <v>2.2103431465315739</v>
      </c>
      <c r="D364">
        <v>12.380341742793631</v>
      </c>
      <c r="E364">
        <v>2.3647899339370593</v>
      </c>
      <c r="F364">
        <f t="shared" si="20"/>
        <v>2.110378225421508</v>
      </c>
      <c r="G364">
        <f t="shared" si="21"/>
        <v>2.298749454691889</v>
      </c>
      <c r="H364">
        <f t="shared" si="22"/>
        <v>-2.6322170649769917E-2</v>
      </c>
      <c r="I364">
        <f t="shared" si="23"/>
        <v>5.2299797050076889E-2</v>
      </c>
    </row>
    <row r="365" spans="1:9" x14ac:dyDescent="0.4">
      <c r="A365">
        <v>12.1</v>
      </c>
      <c r="B365">
        <v>-11.623016108671029</v>
      </c>
      <c r="C365">
        <v>2.2130987163910167</v>
      </c>
      <c r="D365">
        <v>12.365376866990969</v>
      </c>
      <c r="E365">
        <v>2.3638574480753234</v>
      </c>
      <c r="F365">
        <f t="shared" si="20"/>
        <v>2.1080902309470728</v>
      </c>
      <c r="G365">
        <f t="shared" si="21"/>
        <v>2.2993939583642256</v>
      </c>
      <c r="H365">
        <f t="shared" si="22"/>
        <v>-3.3326939246206895E-2</v>
      </c>
      <c r="I365">
        <f t="shared" si="23"/>
        <v>3.5907748359829253E-2</v>
      </c>
    </row>
    <row r="366" spans="1:9" x14ac:dyDescent="0.4">
      <c r="A366">
        <v>12.133333333333333</v>
      </c>
      <c r="B366">
        <v>-11.607691547298488</v>
      </c>
      <c r="C366">
        <v>2.2168409430518716</v>
      </c>
      <c r="D366">
        <v>12.353155034366351</v>
      </c>
      <c r="E366">
        <v>2.3667022013233856</v>
      </c>
      <c r="F366">
        <f t="shared" si="20"/>
        <v>2.1076470639173088</v>
      </c>
      <c r="G366">
        <f t="shared" si="21"/>
        <v>2.3026224656241792</v>
      </c>
      <c r="H366">
        <f t="shared" si="22"/>
        <v>-3.2013972893895848E-2</v>
      </c>
      <c r="I366">
        <f t="shared" si="23"/>
        <v>3.5309075374538097E-2</v>
      </c>
    </row>
    <row r="367" spans="1:9" x14ac:dyDescent="0.4">
      <c r="A367">
        <v>12.166666666666666</v>
      </c>
      <c r="B367">
        <v>-11.593660727119818</v>
      </c>
      <c r="C367">
        <v>2.2168141972360131</v>
      </c>
      <c r="D367">
        <v>12.338821191971556</v>
      </c>
      <c r="E367">
        <v>2.3645811435668</v>
      </c>
      <c r="F367">
        <f t="shared" si="20"/>
        <v>2.1054417736371094</v>
      </c>
      <c r="G367">
        <f t="shared" si="21"/>
        <v>2.301396922540174</v>
      </c>
      <c r="H367">
        <f t="shared" si="22"/>
        <v>-1.0854866959774372E-2</v>
      </c>
      <c r="I367">
        <f t="shared" si="23"/>
        <v>3.6580418489766807E-2</v>
      </c>
    </row>
    <row r="368" spans="1:9" x14ac:dyDescent="0.4">
      <c r="A368">
        <v>12.2</v>
      </c>
      <c r="B368">
        <v>-11.580006551829239</v>
      </c>
      <c r="C368">
        <v>2.2182946370583525</v>
      </c>
      <c r="D368">
        <v>12.330237390742486</v>
      </c>
      <c r="E368">
        <v>2.3673813735244562</v>
      </c>
      <c r="F368">
        <f t="shared" si="20"/>
        <v>2.1063667919275071</v>
      </c>
      <c r="G368">
        <f t="shared" si="21"/>
        <v>2.3036328184996711</v>
      </c>
      <c r="H368">
        <f t="shared" si="22"/>
        <v>-2.5652986541575247E-3</v>
      </c>
      <c r="I368">
        <f t="shared" si="23"/>
        <v>3.1536777791264105E-2</v>
      </c>
    </row>
    <row r="369" spans="1:9" x14ac:dyDescent="0.4">
      <c r="A369">
        <v>12.233333333333333</v>
      </c>
      <c r="B369">
        <v>-11.564751377726461</v>
      </c>
      <c r="C369">
        <v>2.218814386103142</v>
      </c>
      <c r="D369">
        <v>12.319810205001284</v>
      </c>
      <c r="E369">
        <v>2.3693562967229624</v>
      </c>
      <c r="F369">
        <f t="shared" si="20"/>
        <v>2.106921222448678</v>
      </c>
      <c r="G369">
        <f t="shared" si="21"/>
        <v>2.3049855183414407</v>
      </c>
      <c r="H369">
        <f t="shared" si="22"/>
        <v>-1.0876414708229124E-2</v>
      </c>
      <c r="I369">
        <f t="shared" si="23"/>
        <v>3.7205101848656275E-2</v>
      </c>
    </row>
    <row r="370" spans="1:9" x14ac:dyDescent="0.4">
      <c r="A370">
        <v>12.266666666666667</v>
      </c>
      <c r="B370">
        <v>-11.549357717266838</v>
      </c>
      <c r="C370">
        <v>2.2193645618655626</v>
      </c>
      <c r="D370">
        <v>12.307539784473388</v>
      </c>
      <c r="E370">
        <v>2.3708648883668637</v>
      </c>
      <c r="F370">
        <f t="shared" si="20"/>
        <v>2.1064797897358316</v>
      </c>
      <c r="G370">
        <f t="shared" si="21"/>
        <v>2.3060842973554232</v>
      </c>
      <c r="H370">
        <f t="shared" si="22"/>
        <v>-3.3326159460474319E-2</v>
      </c>
      <c r="I370">
        <f t="shared" si="23"/>
        <v>2.1755211790962507E-2</v>
      </c>
    </row>
    <row r="371" spans="1:9" x14ac:dyDescent="0.4">
      <c r="A371">
        <v>12.3</v>
      </c>
      <c r="B371">
        <v>-11.534435589369618</v>
      </c>
      <c r="C371">
        <v>2.2197995505025743</v>
      </c>
      <c r="D371">
        <v>12.291313792778157</v>
      </c>
      <c r="E371">
        <v>2.3710426251497929</v>
      </c>
      <c r="F371">
        <f t="shared" si="20"/>
        <v>2.1035725389482423</v>
      </c>
      <c r="G371">
        <f t="shared" si="21"/>
        <v>2.3063720334204074</v>
      </c>
      <c r="H371">
        <f t="shared" si="22"/>
        <v>-2.9058391187569761E-2</v>
      </c>
      <c r="I371">
        <f t="shared" si="23"/>
        <v>2.8697337077685282E-2</v>
      </c>
    </row>
    <row r="372" spans="1:9" x14ac:dyDescent="0.4">
      <c r="A372">
        <v>12.333333333333334</v>
      </c>
      <c r="B372">
        <v>-11.519917907859712</v>
      </c>
      <c r="C372">
        <v>2.2198498827033246</v>
      </c>
      <c r="D372">
        <v>12.278572082238451</v>
      </c>
      <c r="E372">
        <v>2.3713428916725636</v>
      </c>
      <c r="F372">
        <f t="shared" si="20"/>
        <v>2.1024867737676458</v>
      </c>
      <c r="G372">
        <f t="shared" si="21"/>
        <v>2.3065654295920148</v>
      </c>
      <c r="H372">
        <f t="shared" si="22"/>
        <v>-2.9170037441574526E-2</v>
      </c>
      <c r="I372">
        <f t="shared" si="23"/>
        <v>3.5132166368854759E-2</v>
      </c>
    </row>
    <row r="373" spans="1:9" x14ac:dyDescent="0.4">
      <c r="A373">
        <v>12.366666666666667</v>
      </c>
      <c r="B373">
        <v>-11.497538619518902</v>
      </c>
      <c r="C373">
        <v>2.2240248262714912</v>
      </c>
      <c r="D373">
        <v>12.264628572810363</v>
      </c>
      <c r="E373">
        <v>2.3733995295793391</v>
      </c>
      <c r="F373">
        <f t="shared" si="20"/>
        <v>2.1040746652348425</v>
      </c>
      <c r="G373">
        <f t="shared" si="21"/>
        <v>2.3095278417360925</v>
      </c>
      <c r="H373">
        <f t="shared" si="22"/>
        <v>-2.2545149349224212E-2</v>
      </c>
      <c r="I373">
        <f t="shared" si="23"/>
        <v>3.8632694805501487E-2</v>
      </c>
    </row>
    <row r="374" spans="1:9" x14ac:dyDescent="0.4">
      <c r="A374">
        <v>12.4</v>
      </c>
      <c r="B374">
        <v>-11.482823290457196</v>
      </c>
      <c r="C374">
        <v>2.2232470415212728</v>
      </c>
      <c r="D374">
        <v>12.248905834040556</v>
      </c>
      <c r="E374">
        <v>2.3754373975952308</v>
      </c>
      <c r="F374">
        <f t="shared" si="20"/>
        <v>2.1013670536856024</v>
      </c>
      <c r="G374">
        <f t="shared" si="21"/>
        <v>2.3103617542590564</v>
      </c>
      <c r="H374">
        <f t="shared" si="22"/>
        <v>-2.3816657358022384E-2</v>
      </c>
      <c r="I374">
        <f t="shared" si="23"/>
        <v>2.9930464446308418E-2</v>
      </c>
    </row>
    <row r="375" spans="1:9" x14ac:dyDescent="0.4">
      <c r="A375">
        <v>12.433333333333334</v>
      </c>
      <c r="B375">
        <v>-11.467078832826779</v>
      </c>
      <c r="C375">
        <v>2.2221850333508382</v>
      </c>
      <c r="D375">
        <v>12.235411203373689</v>
      </c>
      <c r="E375">
        <v>2.3771931564107316</v>
      </c>
      <c r="F375">
        <f t="shared" si="20"/>
        <v>2.1003748740977266</v>
      </c>
      <c r="G375">
        <f t="shared" si="21"/>
        <v>2.3109126535544702</v>
      </c>
      <c r="H375">
        <f t="shared" si="22"/>
        <v>-2.0846077764757512E-2</v>
      </c>
      <c r="I375">
        <f t="shared" si="23"/>
        <v>1.707365682687462E-2</v>
      </c>
    </row>
    <row r="376" spans="1:9" x14ac:dyDescent="0.4">
      <c r="A376">
        <v>12.466666666666667</v>
      </c>
      <c r="B376">
        <v>-11.448426899659832</v>
      </c>
      <c r="C376">
        <v>2.2215173470543279</v>
      </c>
      <c r="D376">
        <v>12.221464644734105</v>
      </c>
      <c r="E376">
        <v>2.3776024449964237</v>
      </c>
      <c r="F376">
        <f t="shared" si="20"/>
        <v>2.1003672264432001</v>
      </c>
      <c r="G376">
        <f t="shared" si="21"/>
        <v>2.3108614344238774</v>
      </c>
      <c r="H376">
        <f t="shared" si="22"/>
        <v>-1.7732511873613414E-2</v>
      </c>
      <c r="I376">
        <f t="shared" si="23"/>
        <v>2.546643349943354E-2</v>
      </c>
    </row>
    <row r="377" spans="1:9" x14ac:dyDescent="0.4">
      <c r="A377">
        <v>12.5</v>
      </c>
      <c r="B377">
        <v>-11.428714370431628</v>
      </c>
      <c r="C377">
        <v>2.2248731262345025</v>
      </c>
      <c r="D377">
        <v>12.208019739478869</v>
      </c>
      <c r="E377">
        <v>2.3773006777441199</v>
      </c>
      <c r="F377">
        <f t="shared" si="20"/>
        <v>2.1011002325619175</v>
      </c>
      <c r="G377">
        <f t="shared" si="21"/>
        <v>2.3121236111248278</v>
      </c>
      <c r="H377">
        <f t="shared" si="22"/>
        <v>-1.6772462710922535E-2</v>
      </c>
      <c r="I377">
        <f t="shared" si="23"/>
        <v>3.0975718742598631E-2</v>
      </c>
    </row>
    <row r="378" spans="1:9" x14ac:dyDescent="0.4">
      <c r="A378">
        <v>12.533333333333333</v>
      </c>
      <c r="B378">
        <v>-11.416235294190487</v>
      </c>
      <c r="C378">
        <v>2.2255526916077089</v>
      </c>
      <c r="D378">
        <v>12.193367119155724</v>
      </c>
      <c r="E378">
        <v>2.380072296681178</v>
      </c>
      <c r="F378">
        <f t="shared" si="20"/>
        <v>2.0980489558079047</v>
      </c>
      <c r="G378">
        <f t="shared" si="21"/>
        <v>2.3140006810571165</v>
      </c>
      <c r="H378">
        <f t="shared" si="22"/>
        <v>-1.5833997672359653E-2</v>
      </c>
      <c r="I378">
        <f t="shared" si="23"/>
        <v>4.6439712573777818E-2</v>
      </c>
    </row>
    <row r="379" spans="1:9" x14ac:dyDescent="0.4">
      <c r="A379">
        <v>12.566666666666666</v>
      </c>
      <c r="B379">
        <v>-11.400575070050463</v>
      </c>
      <c r="C379">
        <v>2.2269013972830995</v>
      </c>
      <c r="D379">
        <v>12.182873574557462</v>
      </c>
      <c r="E379">
        <v>2.3799469851049135</v>
      </c>
      <c r="F379">
        <f t="shared" si="20"/>
        <v>2.0987385989635539</v>
      </c>
      <c r="G379">
        <f t="shared" si="21"/>
        <v>2.3145056500282837</v>
      </c>
      <c r="H379">
        <f t="shared" si="22"/>
        <v>-2.759406235521587E-2</v>
      </c>
      <c r="I379">
        <f t="shared" si="23"/>
        <v>5.4055628105861245E-2</v>
      </c>
    </row>
    <row r="380" spans="1:9" x14ac:dyDescent="0.4">
      <c r="A380">
        <v>12.6</v>
      </c>
      <c r="B380">
        <v>-11.385119239985123</v>
      </c>
      <c r="C380">
        <v>2.2314171156738807</v>
      </c>
      <c r="D380">
        <v>12.171625669129368</v>
      </c>
      <c r="E380">
        <v>2.3816482665127503</v>
      </c>
      <c r="F380">
        <f t="shared" si="20"/>
        <v>2.0989090436303219</v>
      </c>
      <c r="G380">
        <f t="shared" si="21"/>
        <v>2.317410367067779</v>
      </c>
      <c r="H380">
        <f t="shared" si="22"/>
        <v>-2.5514120744704799E-2</v>
      </c>
      <c r="I380">
        <f t="shared" si="23"/>
        <v>4.9383288445377267E-2</v>
      </c>
    </row>
    <row r="381" spans="1:9" x14ac:dyDescent="0.4">
      <c r="A381">
        <v>12.633333333333333</v>
      </c>
      <c r="B381">
        <v>-11.371611367646693</v>
      </c>
      <c r="C381">
        <v>2.235653875927079</v>
      </c>
      <c r="D381">
        <v>12.15657735888642</v>
      </c>
      <c r="E381">
        <v>2.382008256017198</v>
      </c>
      <c r="F381">
        <f t="shared" si="20"/>
        <v>2.0960711782581729</v>
      </c>
      <c r="G381">
        <f t="shared" si="21"/>
        <v>2.3194280394704734</v>
      </c>
      <c r="H381">
        <f t="shared" si="22"/>
        <v>-2.9979150572096647E-2</v>
      </c>
      <c r="I381">
        <f t="shared" si="23"/>
        <v>5.4552045528537735E-2</v>
      </c>
    </row>
    <row r="382" spans="1:9" x14ac:dyDescent="0.4">
      <c r="A382">
        <v>12.666666666666666</v>
      </c>
      <c r="B382">
        <v>-11.351806959703307</v>
      </c>
      <c r="C382">
        <v>2.2371008836739663</v>
      </c>
      <c r="D382">
        <v>12.140139547101908</v>
      </c>
      <c r="E382">
        <v>2.3815247943026701</v>
      </c>
      <c r="F382">
        <f t="shared" si="20"/>
        <v>2.0951303127031444</v>
      </c>
      <c r="G382">
        <f t="shared" si="21"/>
        <v>2.3197700344102512</v>
      </c>
      <c r="H382">
        <f t="shared" si="22"/>
        <v>-6.975672837340267E-3</v>
      </c>
      <c r="I382">
        <f t="shared" si="23"/>
        <v>5.7689507357137265E-2</v>
      </c>
    </row>
    <row r="383" spans="1:9" x14ac:dyDescent="0.4">
      <c r="A383">
        <v>12.7</v>
      </c>
      <c r="B383">
        <v>-11.337176214388881</v>
      </c>
      <c r="C383">
        <v>2.2398780440054145</v>
      </c>
      <c r="D383">
        <v>12.130085694012728</v>
      </c>
      <c r="E383">
        <v>2.3840759424373772</v>
      </c>
      <c r="F383">
        <f t="shared" si="20"/>
        <v>2.0956314393317932</v>
      </c>
      <c r="G383">
        <f t="shared" si="21"/>
        <v>2.3224178239451372</v>
      </c>
      <c r="H383">
        <f t="shared" si="22"/>
        <v>2.0752841396401035E-4</v>
      </c>
      <c r="I383">
        <f t="shared" si="23"/>
        <v>6.8087185257156527E-2</v>
      </c>
    </row>
    <row r="384" spans="1:9" x14ac:dyDescent="0.4">
      <c r="A384">
        <v>12.733333333333333</v>
      </c>
      <c r="B384">
        <v>-11.315648179114403</v>
      </c>
      <c r="C384">
        <v>2.2421009403960315</v>
      </c>
      <c r="D384">
        <v>12.118083044968387</v>
      </c>
      <c r="E384">
        <v>2.387853106220895</v>
      </c>
      <c r="F384">
        <f t="shared" si="20"/>
        <v>2.0979663009539551</v>
      </c>
      <c r="G384">
        <f t="shared" si="21"/>
        <v>2.3255303927233033</v>
      </c>
      <c r="H384">
        <f t="shared" si="22"/>
        <v>-4.8556739199618172E-3</v>
      </c>
      <c r="I384">
        <f t="shared" si="23"/>
        <v>8.3183087876330941E-2</v>
      </c>
    </row>
    <row r="385" spans="1:9" x14ac:dyDescent="0.4">
      <c r="A385">
        <v>12.766666666666667</v>
      </c>
      <c r="B385">
        <v>-11.303614840288345</v>
      </c>
      <c r="C385">
        <v>2.245868103663772</v>
      </c>
      <c r="D385">
        <v>12.103366383643429</v>
      </c>
      <c r="E385">
        <v>2.389171254580587</v>
      </c>
      <c r="F385">
        <f t="shared" si="20"/>
        <v>2.0946877722017616</v>
      </c>
      <c r="G385">
        <f t="shared" si="21"/>
        <v>2.3278957245234735</v>
      </c>
      <c r="H385">
        <f t="shared" si="22"/>
        <v>-4.29565692765718E-2</v>
      </c>
      <c r="I385">
        <f t="shared" si="23"/>
        <v>6.9715139672661033E-2</v>
      </c>
    </row>
    <row r="386" spans="1:9" x14ac:dyDescent="0.4">
      <c r="A386">
        <v>12.8</v>
      </c>
      <c r="B386">
        <v>-11.290068570004825</v>
      </c>
      <c r="C386">
        <v>2.2462141207249369</v>
      </c>
      <c r="D386">
        <v>12.09343077381706</v>
      </c>
      <c r="E386">
        <v>2.3941524244953478</v>
      </c>
      <c r="F386">
        <f t="shared" si="20"/>
        <v>2.0947928672814999</v>
      </c>
      <c r="G386">
        <f t="shared" si="21"/>
        <v>2.3308949321004717</v>
      </c>
      <c r="H386">
        <f t="shared" si="22"/>
        <v>-9.5832568779340724E-2</v>
      </c>
      <c r="I386">
        <f t="shared" si="23"/>
        <v>3.8887607571137191E-2</v>
      </c>
    </row>
    <row r="387" spans="1:9" x14ac:dyDescent="0.4">
      <c r="A387">
        <v>12.833333333333334</v>
      </c>
      <c r="B387">
        <v>-11.275417108322248</v>
      </c>
      <c r="C387">
        <v>2.246813385192254</v>
      </c>
      <c r="D387">
        <v>12.074215378484105</v>
      </c>
      <c r="E387">
        <v>2.3945080641541994</v>
      </c>
      <c r="F387">
        <f t="shared" ref="F387:F450" si="24">(B387*58.73+D387*78.62)/(58.73+78.62)</f>
        <v>2.0900587279552587</v>
      </c>
      <c r="G387">
        <f t="shared" ref="G387:G450" si="25">(C387*58.73+E387*78.62)/(58.73+78.62)</f>
        <v>2.3313547442019966</v>
      </c>
      <c r="H387">
        <f t="shared" si="22"/>
        <v>-8.5563659822812735E-2</v>
      </c>
      <c r="I387">
        <f t="shared" si="23"/>
        <v>2.9295435125072815E-2</v>
      </c>
    </row>
    <row r="388" spans="1:9" x14ac:dyDescent="0.4">
      <c r="A388">
        <v>12.866666666666667</v>
      </c>
      <c r="B388">
        <v>-11.261904987957186</v>
      </c>
      <c r="C388">
        <v>2.2507842939521083</v>
      </c>
      <c r="D388">
        <v>12.054076364437455</v>
      </c>
      <c r="E388">
        <v>2.3896679194899315</v>
      </c>
      <c r="F388">
        <f t="shared" si="24"/>
        <v>2.0843087282806496</v>
      </c>
      <c r="G388">
        <f t="shared" si="25"/>
        <v>2.3302821508125646</v>
      </c>
      <c r="H388">
        <f t="shared" si="22"/>
        <v>-7.5507597400269508E-2</v>
      </c>
      <c r="I388">
        <f t="shared" si="23"/>
        <v>2.0778939061783037E-2</v>
      </c>
    </row>
    <row r="389" spans="1:9" x14ac:dyDescent="0.4">
      <c r="A389">
        <v>12.9</v>
      </c>
      <c r="B389">
        <v>-11.240224615871446</v>
      </c>
      <c r="C389">
        <v>2.2563308469432797</v>
      </c>
      <c r="D389">
        <v>12.040257703745629</v>
      </c>
      <c r="E389">
        <v>2.3904206463114401</v>
      </c>
      <c r="F389">
        <f t="shared" si="24"/>
        <v>2.085669231731718</v>
      </c>
      <c r="G389">
        <f t="shared" si="25"/>
        <v>2.3330846876882725</v>
      </c>
      <c r="H389">
        <f t="shared" ref="H389:H452" si="26">SLOPE(F387:F391,$A387:$A391)</f>
        <v>-3.0565908568081935E-2</v>
      </c>
      <c r="I389">
        <f t="shared" ref="I389:I452" si="27">SLOPE(G387:G391,$A387:$A391)</f>
        <v>2.3688205880756895E-2</v>
      </c>
    </row>
    <row r="390" spans="1:9" x14ac:dyDescent="0.4">
      <c r="A390">
        <v>12.933333333333334</v>
      </c>
      <c r="B390">
        <v>-11.223708982514422</v>
      </c>
      <c r="C390">
        <v>2.2577393999131834</v>
      </c>
      <c r="D390">
        <v>12.025708251931439</v>
      </c>
      <c r="E390">
        <v>2.3900819720792139</v>
      </c>
      <c r="F390">
        <f t="shared" si="24"/>
        <v>2.0844030158265587</v>
      </c>
      <c r="G390">
        <f t="shared" si="25"/>
        <v>2.3334931168676309</v>
      </c>
      <c r="H390">
        <f t="shared" si="26"/>
        <v>-9.1488772751869042E-3</v>
      </c>
      <c r="I390">
        <f t="shared" si="27"/>
        <v>2.6958827756385344E-2</v>
      </c>
    </row>
    <row r="391" spans="1:9" x14ac:dyDescent="0.4">
      <c r="A391">
        <v>12.966666666666667</v>
      </c>
      <c r="B391">
        <v>-11.20969667880208</v>
      </c>
      <c r="C391">
        <v>2.2559084776100207</v>
      </c>
      <c r="D391">
        <v>12.016139308613345</v>
      </c>
      <c r="E391">
        <v>2.3918063933506706</v>
      </c>
      <c r="F391">
        <f t="shared" si="24"/>
        <v>2.0849172660876238</v>
      </c>
      <c r="G391">
        <f t="shared" si="25"/>
        <v>2.3336972954879229</v>
      </c>
      <c r="H391">
        <f t="shared" si="26"/>
        <v>-2.8420110063300905E-2</v>
      </c>
      <c r="I391">
        <f t="shared" si="27"/>
        <v>2.456652697867864E-2</v>
      </c>
    </row>
    <row r="392" spans="1:9" x14ac:dyDescent="0.4">
      <c r="A392">
        <v>13</v>
      </c>
      <c r="B392">
        <v>-11.195534004778807</v>
      </c>
      <c r="C392">
        <v>2.2560294662731177</v>
      </c>
      <c r="D392">
        <v>12.002489495314892</v>
      </c>
      <c r="E392">
        <v>2.3930641632913727</v>
      </c>
      <c r="F392">
        <f t="shared" si="24"/>
        <v>2.0831598982234989</v>
      </c>
      <c r="G392">
        <f t="shared" si="25"/>
        <v>2.3344689848721369</v>
      </c>
      <c r="H392">
        <f t="shared" si="26"/>
        <v>-2.1173485418003755E-2</v>
      </c>
      <c r="I392">
        <f t="shared" si="27"/>
        <v>3.7521538989382063E-2</v>
      </c>
    </row>
    <row r="393" spans="1:9" x14ac:dyDescent="0.4">
      <c r="A393">
        <v>13.033333333333333</v>
      </c>
      <c r="B393">
        <v>-11.175880895011813</v>
      </c>
      <c r="C393">
        <v>2.2564378205653171</v>
      </c>
      <c r="D393">
        <v>11.985003069926051</v>
      </c>
      <c r="E393">
        <v>2.3966413083659024</v>
      </c>
      <c r="F393">
        <f t="shared" si="24"/>
        <v>2.0815541055226978</v>
      </c>
      <c r="G393">
        <f t="shared" si="25"/>
        <v>2.3366911748491326</v>
      </c>
      <c r="H393">
        <f t="shared" si="26"/>
        <v>-3.1191864758177809E-3</v>
      </c>
      <c r="I393">
        <f t="shared" si="27"/>
        <v>3.1226242777573021E-2</v>
      </c>
    </row>
    <row r="394" spans="1:9" x14ac:dyDescent="0.4">
      <c r="A394">
        <v>13.066666666666666</v>
      </c>
      <c r="B394">
        <v>-11.15887597905717</v>
      </c>
      <c r="C394">
        <v>2.2589733577733435</v>
      </c>
      <c r="D394">
        <v>11.974049976535756</v>
      </c>
      <c r="E394">
        <v>2.3974701119050472</v>
      </c>
      <c r="F394">
        <f t="shared" si="24"/>
        <v>2.0825556818726878</v>
      </c>
      <c r="G394">
        <f t="shared" si="25"/>
        <v>2.3382497670185898</v>
      </c>
      <c r="H394">
        <f t="shared" si="26"/>
        <v>1.5252224910348E-2</v>
      </c>
      <c r="I394">
        <f t="shared" si="27"/>
        <v>2.0695443395665938E-2</v>
      </c>
    </row>
    <row r="395" spans="1:9" x14ac:dyDescent="0.4">
      <c r="A395">
        <v>13.1</v>
      </c>
      <c r="B395">
        <v>-11.139855692419733</v>
      </c>
      <c r="C395">
        <v>2.2564698582881593</v>
      </c>
      <c r="D395">
        <v>11.963586905288251</v>
      </c>
      <c r="E395">
        <v>2.397176599911111</v>
      </c>
      <c r="F395">
        <f t="shared" si="24"/>
        <v>2.0846995098503931</v>
      </c>
      <c r="G395">
        <f t="shared" si="25"/>
        <v>2.3370112782109587</v>
      </c>
      <c r="H395">
        <f t="shared" si="26"/>
        <v>2.1185640404098722E-2</v>
      </c>
      <c r="I395">
        <f t="shared" si="27"/>
        <v>1.9736139313044701E-2</v>
      </c>
    </row>
    <row r="396" spans="1:9" x14ac:dyDescent="0.4">
      <c r="A396">
        <v>13.133333333333333</v>
      </c>
      <c r="B396">
        <v>-11.123723023350129</v>
      </c>
      <c r="C396">
        <v>2.2599800563739936</v>
      </c>
      <c r="D396">
        <v>11.950539346078845</v>
      </c>
      <c r="E396">
        <v>2.3958592782333046</v>
      </c>
      <c r="F396">
        <f t="shared" si="24"/>
        <v>2.0841292335447092</v>
      </c>
      <c r="G396">
        <f t="shared" si="25"/>
        <v>2.3377581737571682</v>
      </c>
      <c r="H396">
        <f t="shared" si="26"/>
        <v>-2.3617709099525621E-2</v>
      </c>
      <c r="I396">
        <f t="shared" si="27"/>
        <v>4.3497537442550062E-2</v>
      </c>
    </row>
    <row r="397" spans="1:9" x14ac:dyDescent="0.4">
      <c r="A397">
        <v>13.166666666666666</v>
      </c>
      <c r="B397">
        <v>-11.103206327916698</v>
      </c>
      <c r="C397">
        <v>2.2611198150350922</v>
      </c>
      <c r="D397">
        <v>11.935508458270981</v>
      </c>
      <c r="E397">
        <v>2.3993197585625374</v>
      </c>
      <c r="F397">
        <f t="shared" si="24"/>
        <v>2.0842982697540369</v>
      </c>
      <c r="G397">
        <f t="shared" si="25"/>
        <v>2.3402263280320175</v>
      </c>
      <c r="H397">
        <f t="shared" si="26"/>
        <v>-8.00295206753317E-2</v>
      </c>
      <c r="I397">
        <f t="shared" si="27"/>
        <v>5.4594108037913286E-2</v>
      </c>
    </row>
    <row r="398" spans="1:9" x14ac:dyDescent="0.4">
      <c r="A398">
        <v>13.2</v>
      </c>
      <c r="B398">
        <v>-11.090311832166549</v>
      </c>
      <c r="C398">
        <v>2.2633185999831733</v>
      </c>
      <c r="D398">
        <v>11.916305561534413</v>
      </c>
      <c r="E398">
        <v>2.4040809171265072</v>
      </c>
      <c r="F398">
        <f t="shared" si="24"/>
        <v>2.078820017070945</v>
      </c>
      <c r="G398">
        <f t="shared" si="25"/>
        <v>2.3438918316818187</v>
      </c>
      <c r="H398">
        <f t="shared" si="26"/>
        <v>-8.7369057049263843E-2</v>
      </c>
      <c r="I398">
        <f t="shared" si="27"/>
        <v>4.009579446412688E-2</v>
      </c>
    </row>
    <row r="399" spans="1:9" x14ac:dyDescent="0.4">
      <c r="A399">
        <v>13.233333333333333</v>
      </c>
      <c r="B399">
        <v>-11.068889340320277</v>
      </c>
      <c r="C399">
        <v>2.2601635102210862</v>
      </c>
      <c r="D399">
        <v>11.891909818945615</v>
      </c>
      <c r="E399">
        <v>2.4049557017576095</v>
      </c>
      <c r="F399">
        <f t="shared" si="24"/>
        <v>2.0740158646413867</v>
      </c>
      <c r="G399">
        <f t="shared" si="25"/>
        <v>2.3430434672549523</v>
      </c>
      <c r="H399">
        <f t="shared" si="26"/>
        <v>-7.7772015700152769E-2</v>
      </c>
      <c r="I399">
        <f t="shared" si="27"/>
        <v>2.028196817768144E-2</v>
      </c>
    </row>
    <row r="400" spans="1:9" x14ac:dyDescent="0.4">
      <c r="A400">
        <v>13.266666666666667</v>
      </c>
      <c r="B400">
        <v>-11.047729298751817</v>
      </c>
      <c r="C400">
        <v>2.2596895010872946</v>
      </c>
      <c r="D400">
        <v>11.87731382324114</v>
      </c>
      <c r="E400">
        <v>2.4052901716123523</v>
      </c>
      <c r="F400">
        <f t="shared" si="24"/>
        <v>2.0747089265928236</v>
      </c>
      <c r="G400">
        <f t="shared" si="25"/>
        <v>2.3430322365563887</v>
      </c>
      <c r="H400">
        <f t="shared" si="26"/>
        <v>-5.1416362635759882E-2</v>
      </c>
      <c r="I400">
        <f t="shared" si="27"/>
        <v>1.1566280719874443E-2</v>
      </c>
    </row>
    <row r="401" spans="1:9" x14ac:dyDescent="0.4">
      <c r="A401">
        <v>13.3</v>
      </c>
      <c r="B401">
        <v>-11.029731645875506</v>
      </c>
      <c r="C401">
        <v>2.2601845876583995</v>
      </c>
      <c r="D401">
        <v>11.861568366728156</v>
      </c>
      <c r="E401">
        <v>2.4066747147306806</v>
      </c>
      <c r="F401">
        <f t="shared" si="24"/>
        <v>2.0733918123764052</v>
      </c>
      <c r="G401">
        <f t="shared" si="25"/>
        <v>2.3440364536243461</v>
      </c>
      <c r="H401">
        <f t="shared" si="26"/>
        <v>-3.8663286221590543E-2</v>
      </c>
      <c r="I401">
        <f t="shared" si="27"/>
        <v>1.8688889883499652E-2</v>
      </c>
    </row>
    <row r="402" spans="1:9" x14ac:dyDescent="0.4">
      <c r="A402">
        <v>13.333333333333334</v>
      </c>
      <c r="B402">
        <v>-11.012825599370817</v>
      </c>
      <c r="C402">
        <v>2.2633586271555375</v>
      </c>
      <c r="D402">
        <v>11.84399678644581</v>
      </c>
      <c r="E402">
        <v>2.4065513738558564</v>
      </c>
      <c r="F402">
        <f t="shared" si="24"/>
        <v>2.0705626494308089</v>
      </c>
      <c r="G402">
        <f t="shared" si="25"/>
        <v>2.3453230519504342</v>
      </c>
      <c r="H402">
        <f t="shared" si="26"/>
        <v>-5.7393109450445609E-2</v>
      </c>
      <c r="I402">
        <f t="shared" si="27"/>
        <v>3.536798527814667E-2</v>
      </c>
    </row>
    <row r="403" spans="1:9" x14ac:dyDescent="0.4">
      <c r="A403">
        <v>13.366666666666667</v>
      </c>
      <c r="B403">
        <v>-10.993614624913318</v>
      </c>
      <c r="C403">
        <v>2.2606112877859932</v>
      </c>
      <c r="D403">
        <v>11.828043048248949</v>
      </c>
      <c r="E403">
        <v>2.4080617830856434</v>
      </c>
      <c r="F403">
        <f t="shared" si="24"/>
        <v>2.0696451221854621</v>
      </c>
      <c r="G403">
        <f t="shared" si="25"/>
        <v>2.3450128745385128</v>
      </c>
      <c r="H403">
        <f t="shared" si="26"/>
        <v>-5.0251795331105423E-2</v>
      </c>
      <c r="I403">
        <f t="shared" si="27"/>
        <v>4.1853036005430923E-2</v>
      </c>
    </row>
    <row r="404" spans="1:9" x14ac:dyDescent="0.4">
      <c r="A404">
        <v>13.4</v>
      </c>
      <c r="B404">
        <v>-10.980520955038211</v>
      </c>
      <c r="C404">
        <v>2.2671787764717246</v>
      </c>
      <c r="D404">
        <v>11.813670144686826</v>
      </c>
      <c r="E404">
        <v>2.4091407348284677</v>
      </c>
      <c r="F404">
        <f t="shared" si="24"/>
        <v>2.0670167534465542</v>
      </c>
      <c r="G404">
        <f t="shared" si="25"/>
        <v>2.3484386903123298</v>
      </c>
      <c r="H404">
        <f t="shared" si="26"/>
        <v>-3.0634718316105421E-2</v>
      </c>
      <c r="I404">
        <f t="shared" si="27"/>
        <v>5.527195530834314E-2</v>
      </c>
    </row>
    <row r="405" spans="1:9" x14ac:dyDescent="0.4">
      <c r="A405">
        <v>13.433333333333334</v>
      </c>
      <c r="B405">
        <v>-10.967130658790992</v>
      </c>
      <c r="C405">
        <v>2.2675656373208639</v>
      </c>
      <c r="D405">
        <v>11.803270364783664</v>
      </c>
      <c r="E405">
        <v>2.4106257480306637</v>
      </c>
      <c r="F405">
        <f t="shared" si="24"/>
        <v>2.0667894611466817</v>
      </c>
      <c r="G405">
        <f t="shared" si="25"/>
        <v>2.3494541404443035</v>
      </c>
      <c r="H405">
        <f t="shared" si="26"/>
        <v>-1.4079925673603326E-2</v>
      </c>
      <c r="I405">
        <f t="shared" si="27"/>
        <v>7.1573894055110512E-2</v>
      </c>
    </row>
    <row r="406" spans="1:9" x14ac:dyDescent="0.4">
      <c r="A406">
        <v>13.466666666666667</v>
      </c>
      <c r="B406">
        <v>-10.953095497196259</v>
      </c>
      <c r="C406">
        <v>2.2725928321381978</v>
      </c>
      <c r="D406">
        <v>11.792952317621172</v>
      </c>
      <c r="E406">
        <v>2.411867303418584</v>
      </c>
      <c r="F406">
        <f t="shared" si="24"/>
        <v>2.0668846935641816</v>
      </c>
      <c r="G406">
        <f t="shared" si="25"/>
        <v>2.3523144115489294</v>
      </c>
      <c r="H406">
        <f t="shared" si="26"/>
        <v>4.5532672192116919E-3</v>
      </c>
      <c r="I406">
        <f t="shared" si="27"/>
        <v>6.7513429581556275E-2</v>
      </c>
    </row>
    <row r="407" spans="1:9" x14ac:dyDescent="0.4">
      <c r="A407">
        <v>13.5</v>
      </c>
      <c r="B407">
        <v>-10.934940472699967</v>
      </c>
      <c r="C407">
        <v>2.2771536093699045</v>
      </c>
      <c r="D407">
        <v>11.780228539061977</v>
      </c>
      <c r="E407">
        <v>2.4131590868531116</v>
      </c>
      <c r="F407">
        <f t="shared" si="24"/>
        <v>2.0673644978477146</v>
      </c>
      <c r="G407">
        <f t="shared" si="25"/>
        <v>2.3550039962627314</v>
      </c>
      <c r="H407">
        <f t="shared" si="26"/>
        <v>-6.594969545081342E-3</v>
      </c>
      <c r="I407">
        <f t="shared" si="27"/>
        <v>6.356370269390843E-2</v>
      </c>
    </row>
    <row r="408" spans="1:9" x14ac:dyDescent="0.4">
      <c r="A408">
        <v>13.533333333333333</v>
      </c>
      <c r="B408">
        <v>-10.916124707180211</v>
      </c>
      <c r="C408">
        <v>2.2809160641250976</v>
      </c>
      <c r="D408">
        <v>11.766388913362515</v>
      </c>
      <c r="E408">
        <v>2.4136887846032233</v>
      </c>
      <c r="F408">
        <f t="shared" si="24"/>
        <v>2.0674881129659064</v>
      </c>
      <c r="G408">
        <f t="shared" si="25"/>
        <v>2.3569160006667085</v>
      </c>
      <c r="H408">
        <f t="shared" si="26"/>
        <v>-3.0710121106202519E-2</v>
      </c>
      <c r="I408">
        <f t="shared" si="27"/>
        <v>4.6187737960787054E-2</v>
      </c>
    </row>
    <row r="409" spans="1:9" x14ac:dyDescent="0.4">
      <c r="A409">
        <v>13.566666666666666</v>
      </c>
      <c r="B409">
        <v>-10.897829063292008</v>
      </c>
      <c r="C409">
        <v>2.2832974311238847</v>
      </c>
      <c r="D409">
        <v>11.749053977406765</v>
      </c>
      <c r="E409">
        <v>2.413362160030831</v>
      </c>
      <c r="F409">
        <f t="shared" si="24"/>
        <v>2.0653885898549724</v>
      </c>
      <c r="G409">
        <f t="shared" si="25"/>
        <v>2.3577472963343986</v>
      </c>
      <c r="H409">
        <f t="shared" si="26"/>
        <v>-4.7832659496528762E-2</v>
      </c>
      <c r="I409">
        <f t="shared" si="27"/>
        <v>3.0705611687212302E-2</v>
      </c>
    </row>
    <row r="410" spans="1:9" x14ac:dyDescent="0.4">
      <c r="A410">
        <v>13.6</v>
      </c>
      <c r="B410">
        <v>-10.879541146300072</v>
      </c>
      <c r="C410">
        <v>2.2843846567681174</v>
      </c>
      <c r="D410">
        <v>11.730790559768366</v>
      </c>
      <c r="E410">
        <v>2.4141108077247244</v>
      </c>
      <c r="F410">
        <f t="shared" si="24"/>
        <v>2.0627542940428523</v>
      </c>
      <c r="G410">
        <f t="shared" si="25"/>
        <v>2.3586407178398936</v>
      </c>
      <c r="H410">
        <f t="shared" si="26"/>
        <v>-4.4668381262476999E-2</v>
      </c>
      <c r="I410">
        <f t="shared" si="27"/>
        <v>2.5208960443952131E-2</v>
      </c>
    </row>
    <row r="411" spans="1:9" x14ac:dyDescent="0.4">
      <c r="A411">
        <v>13.633333333333333</v>
      </c>
      <c r="B411">
        <v>-10.86065179304763</v>
      </c>
      <c r="C411">
        <v>2.283666729822635</v>
      </c>
      <c r="D411">
        <v>11.71494173623298</v>
      </c>
      <c r="E411">
        <v>2.415727671328848</v>
      </c>
      <c r="F411">
        <f t="shared" si="24"/>
        <v>2.0617592973931536</v>
      </c>
      <c r="G411">
        <f t="shared" si="25"/>
        <v>2.3592592396240075</v>
      </c>
      <c r="H411">
        <f t="shared" si="26"/>
        <v>-3.3149195188842406E-2</v>
      </c>
      <c r="I411">
        <f t="shared" si="27"/>
        <v>5.1048873756846816E-2</v>
      </c>
    </row>
    <row r="412" spans="1:9" x14ac:dyDescent="0.4">
      <c r="A412">
        <v>13.666666666666666</v>
      </c>
      <c r="B412">
        <v>-10.840962056025308</v>
      </c>
      <c r="C412">
        <v>2.2849991580955273</v>
      </c>
      <c r="D412">
        <v>11.700405772470729</v>
      </c>
      <c r="E412">
        <v>2.4166580329522294</v>
      </c>
      <c r="F412">
        <f t="shared" si="24"/>
        <v>2.061858028986403</v>
      </c>
      <c r="G412">
        <f t="shared" si="25"/>
        <v>2.3603615224292294</v>
      </c>
      <c r="H412">
        <f t="shared" si="26"/>
        <v>-9.685688534921277E-3</v>
      </c>
      <c r="I412">
        <f t="shared" si="27"/>
        <v>6.253901893618008E-2</v>
      </c>
    </row>
    <row r="413" spans="1:9" x14ac:dyDescent="0.4">
      <c r="A413">
        <v>13.7</v>
      </c>
      <c r="B413">
        <v>-10.82567962698092</v>
      </c>
      <c r="C413">
        <v>2.2875728075841155</v>
      </c>
      <c r="D413">
        <v>11.686288450590055</v>
      </c>
      <c r="E413">
        <v>2.4235290983044053</v>
      </c>
      <c r="F413">
        <f t="shared" si="24"/>
        <v>2.06031185651839</v>
      </c>
      <c r="G413">
        <f t="shared" si="25"/>
        <v>2.3653950396658718</v>
      </c>
      <c r="H413">
        <f t="shared" si="26"/>
        <v>6.9892270266339119E-3</v>
      </c>
      <c r="I413">
        <f t="shared" si="27"/>
        <v>7.8507285592426174E-2</v>
      </c>
    </row>
    <row r="414" spans="1:9" x14ac:dyDescent="0.4">
      <c r="A414">
        <v>13.733333333333333</v>
      </c>
      <c r="B414">
        <v>-10.804733381589147</v>
      </c>
      <c r="C414">
        <v>2.2908411719525632</v>
      </c>
      <c r="D414">
        <v>11.673352521447622</v>
      </c>
      <c r="E414">
        <v>2.4221374570568264</v>
      </c>
      <c r="F414">
        <f t="shared" si="24"/>
        <v>2.0618637330577472</v>
      </c>
      <c r="G414">
        <f t="shared" si="25"/>
        <v>2.3659959876416581</v>
      </c>
      <c r="H414">
        <f t="shared" si="26"/>
        <v>8.3143056027927542E-3</v>
      </c>
      <c r="I414">
        <f t="shared" si="27"/>
        <v>7.4303909524696871E-2</v>
      </c>
    </row>
    <row r="415" spans="1:9" x14ac:dyDescent="0.4">
      <c r="A415">
        <v>13.766666666666667</v>
      </c>
      <c r="B415">
        <v>-10.785166307318596</v>
      </c>
      <c r="C415">
        <v>2.2987451988638528</v>
      </c>
      <c r="D415">
        <v>11.66058331282145</v>
      </c>
      <c r="E415">
        <v>2.4224010016192628</v>
      </c>
      <c r="F415">
        <f t="shared" si="24"/>
        <v>2.0629213165285871</v>
      </c>
      <c r="G415">
        <f t="shared" si="25"/>
        <v>2.3695265546165309</v>
      </c>
      <c r="H415">
        <f t="shared" si="26"/>
        <v>1.3680917218494725E-2</v>
      </c>
      <c r="I415">
        <f t="shared" si="27"/>
        <v>5.5949822042053857E-2</v>
      </c>
    </row>
    <row r="416" spans="1:9" x14ac:dyDescent="0.4">
      <c r="A416">
        <v>13.8</v>
      </c>
      <c r="B416">
        <v>-10.769427077944954</v>
      </c>
      <c r="C416">
        <v>2.3018025193591956</v>
      </c>
      <c r="D416">
        <v>11.647109847560584</v>
      </c>
      <c r="E416">
        <v>2.4221317944965928</v>
      </c>
      <c r="F416">
        <f t="shared" si="24"/>
        <v>2.0619390165817699</v>
      </c>
      <c r="G416">
        <f t="shared" si="25"/>
        <v>2.3706797498746828</v>
      </c>
      <c r="H416">
        <f t="shared" si="26"/>
        <v>2.1238449571374905E-2</v>
      </c>
      <c r="I416">
        <f t="shared" si="27"/>
        <v>5.5478946881181997E-2</v>
      </c>
    </row>
    <row r="417" spans="1:9" x14ac:dyDescent="0.4">
      <c r="A417">
        <v>13.833333333333334</v>
      </c>
      <c r="B417">
        <v>-10.750145139555361</v>
      </c>
      <c r="C417">
        <v>2.3016318029353684</v>
      </c>
      <c r="D417">
        <v>11.633781053669994</v>
      </c>
      <c r="E417">
        <v>2.4252264082498898</v>
      </c>
      <c r="F417">
        <f t="shared" si="24"/>
        <v>2.0625543676261278</v>
      </c>
      <c r="G417">
        <f t="shared" si="25"/>
        <v>2.3723781288897019</v>
      </c>
      <c r="H417">
        <f t="shared" si="26"/>
        <v>2.4359077144477135E-2</v>
      </c>
      <c r="I417">
        <f t="shared" si="27"/>
        <v>4.1911964988177758E-2</v>
      </c>
    </row>
    <row r="418" spans="1:9" x14ac:dyDescent="0.4">
      <c r="A418">
        <v>13.866666666666667</v>
      </c>
      <c r="B418">
        <v>-10.72817160259155</v>
      </c>
      <c r="C418">
        <v>2.3025710777736297</v>
      </c>
      <c r="D418">
        <v>11.622664534210942</v>
      </c>
      <c r="E418">
        <v>2.4270379445528896</v>
      </c>
      <c r="F418">
        <f t="shared" si="24"/>
        <v>2.065586949104206</v>
      </c>
      <c r="G418">
        <f t="shared" si="25"/>
        <v>2.3738166916519363</v>
      </c>
      <c r="H418">
        <f t="shared" si="26"/>
        <v>1.6411978173051678E-2</v>
      </c>
      <c r="I418">
        <f t="shared" si="27"/>
        <v>2.6471016858040743E-2</v>
      </c>
    </row>
    <row r="419" spans="1:9" x14ac:dyDescent="0.4">
      <c r="A419">
        <v>13.9</v>
      </c>
      <c r="B419">
        <v>-10.708084209456118</v>
      </c>
      <c r="C419">
        <v>2.3010464250565472</v>
      </c>
      <c r="D419">
        <v>11.606908249235307</v>
      </c>
      <c r="E419">
        <v>2.43014526823087</v>
      </c>
      <c r="F419">
        <f t="shared" si="24"/>
        <v>2.0651571964581152</v>
      </c>
      <c r="G419">
        <f t="shared" si="25"/>
        <v>2.3749434112259338</v>
      </c>
      <c r="H419">
        <f t="shared" si="26"/>
        <v>-6.7116255184345398E-3</v>
      </c>
      <c r="I419">
        <f t="shared" si="27"/>
        <v>1.26776299929499E-2</v>
      </c>
    </row>
    <row r="420" spans="1:9" x14ac:dyDescent="0.4">
      <c r="A420">
        <v>13.933333333333334</v>
      </c>
      <c r="B420">
        <v>-10.689949522312233</v>
      </c>
      <c r="C420">
        <v>2.2973772475727992</v>
      </c>
      <c r="D420">
        <v>11.590244309800875</v>
      </c>
      <c r="E420">
        <v>2.4309042587781531</v>
      </c>
      <c r="F420">
        <f t="shared" si="24"/>
        <v>2.0633729318612848</v>
      </c>
      <c r="G420">
        <f t="shared" si="25"/>
        <v>2.3738089448495736</v>
      </c>
      <c r="H420">
        <f t="shared" si="26"/>
        <v>-2.2115340203232657E-2</v>
      </c>
      <c r="I420">
        <f t="shared" si="27"/>
        <v>6.7174020352620779E-3</v>
      </c>
    </row>
    <row r="421" spans="1:9" x14ac:dyDescent="0.4">
      <c r="A421">
        <v>13.966666666666667</v>
      </c>
      <c r="B421">
        <v>-10.672857322143795</v>
      </c>
      <c r="C421">
        <v>2.3005401291960506</v>
      </c>
      <c r="D421">
        <v>11.576025950940622</v>
      </c>
      <c r="E421">
        <v>2.42973999372794</v>
      </c>
      <c r="F421">
        <f t="shared" si="24"/>
        <v>2.062542771994516</v>
      </c>
      <c r="G421">
        <f t="shared" si="25"/>
        <v>2.3744949406230416</v>
      </c>
      <c r="H421">
        <f t="shared" si="26"/>
        <v>-3.1888349219090562E-2</v>
      </c>
      <c r="I421">
        <f t="shared" si="27"/>
        <v>7.8328285866029745E-3</v>
      </c>
    </row>
    <row r="422" spans="1:9" x14ac:dyDescent="0.4">
      <c r="A422">
        <v>14</v>
      </c>
      <c r="B422">
        <v>-10.649476289905362</v>
      </c>
      <c r="C422">
        <v>2.3006201939693884</v>
      </c>
      <c r="D422">
        <v>11.559722698670694</v>
      </c>
      <c r="E422">
        <v>2.4308429134251095</v>
      </c>
      <c r="F422">
        <f t="shared" si="24"/>
        <v>2.0632082713021336</v>
      </c>
      <c r="G422">
        <f t="shared" si="25"/>
        <v>2.3751604939592594</v>
      </c>
      <c r="H422">
        <f t="shared" si="26"/>
        <v>-2.1965692599689019E-2</v>
      </c>
      <c r="I422">
        <f t="shared" si="27"/>
        <v>2.4215778993248088E-2</v>
      </c>
    </row>
    <row r="423" spans="1:9" x14ac:dyDescent="0.4">
      <c r="A423">
        <v>14.033333333333333</v>
      </c>
      <c r="B423">
        <v>-10.63282860793586</v>
      </c>
      <c r="C423">
        <v>2.3018032637606223</v>
      </c>
      <c r="D423">
        <v>11.541550441117034</v>
      </c>
      <c r="E423">
        <v>2.430679988770982</v>
      </c>
      <c r="F423">
        <f t="shared" si="24"/>
        <v>2.0599248018678424</v>
      </c>
      <c r="G423">
        <f t="shared" si="25"/>
        <v>2.3755731081021914</v>
      </c>
      <c r="H423">
        <f t="shared" si="26"/>
        <v>-3.8194990513246506E-2</v>
      </c>
      <c r="I423">
        <f t="shared" si="27"/>
        <v>3.9573897981707656E-2</v>
      </c>
    </row>
    <row r="424" spans="1:9" x14ac:dyDescent="0.4">
      <c r="A424">
        <v>14.066666666666666</v>
      </c>
      <c r="B424">
        <v>-10.612087339445493</v>
      </c>
      <c r="C424">
        <v>2.3050220991920614</v>
      </c>
      <c r="D424">
        <v>11.527971501171914</v>
      </c>
      <c r="E424">
        <v>2.431302557602335</v>
      </c>
      <c r="F424">
        <f t="shared" si="24"/>
        <v>2.0610209681580067</v>
      </c>
      <c r="G424">
        <f t="shared" si="25"/>
        <v>2.37730582427554</v>
      </c>
      <c r="H424">
        <f t="shared" si="26"/>
        <v>-4.2950193158064628E-2</v>
      </c>
      <c r="I424">
        <f t="shared" si="27"/>
        <v>5.2863319795566535E-2</v>
      </c>
    </row>
    <row r="425" spans="1:9" x14ac:dyDescent="0.4">
      <c r="A425">
        <v>14.1</v>
      </c>
      <c r="B425">
        <v>-10.598290364835684</v>
      </c>
      <c r="C425">
        <v>2.3054203751638833</v>
      </c>
      <c r="D425">
        <v>11.511113061720982</v>
      </c>
      <c r="E425">
        <v>2.4357431109517584</v>
      </c>
      <c r="F425">
        <f t="shared" si="24"/>
        <v>2.0572705918143717</v>
      </c>
      <c r="G425">
        <f t="shared" si="25"/>
        <v>2.3800179251285192</v>
      </c>
      <c r="H425">
        <f t="shared" si="26"/>
        <v>-3.9492034756712834E-2</v>
      </c>
      <c r="I425">
        <f t="shared" si="27"/>
        <v>5.0944574918318344E-2</v>
      </c>
    </row>
    <row r="426" spans="1:9" x14ac:dyDescent="0.4">
      <c r="A426">
        <v>14.133333333333333</v>
      </c>
      <c r="B426">
        <v>-10.580319362723191</v>
      </c>
      <c r="C426">
        <v>2.3090522719514128</v>
      </c>
      <c r="D426">
        <v>11.497874441700072</v>
      </c>
      <c r="E426">
        <v>2.4360536199436313</v>
      </c>
      <c r="F426">
        <f t="shared" si="24"/>
        <v>2.0573770108025249</v>
      </c>
      <c r="G426">
        <f t="shared" si="25"/>
        <v>2.3817486387453566</v>
      </c>
      <c r="H426">
        <f t="shared" si="26"/>
        <v>-4.3748682771699229E-2</v>
      </c>
      <c r="I426">
        <f t="shared" si="27"/>
        <v>3.8254345485598265E-2</v>
      </c>
    </row>
    <row r="427" spans="1:9" x14ac:dyDescent="0.4">
      <c r="A427">
        <v>14.166666666666666</v>
      </c>
      <c r="B427">
        <v>-10.562998436695569</v>
      </c>
      <c r="C427">
        <v>2.3084841661800803</v>
      </c>
      <c r="D427">
        <v>11.481070719911314</v>
      </c>
      <c r="E427">
        <v>2.436641913786191</v>
      </c>
      <c r="F427">
        <f t="shared" si="24"/>
        <v>2.0551647747527979</v>
      </c>
      <c r="G427">
        <f t="shared" si="25"/>
        <v>2.3818424633536694</v>
      </c>
      <c r="H427">
        <f t="shared" si="26"/>
        <v>-2.1234566925663573E-2</v>
      </c>
      <c r="I427">
        <f t="shared" si="27"/>
        <v>2.6558145382595915E-2</v>
      </c>
    </row>
    <row r="428" spans="1:9" x14ac:dyDescent="0.4">
      <c r="A428">
        <v>14.2</v>
      </c>
      <c r="B428">
        <v>-10.543561300095675</v>
      </c>
      <c r="C428">
        <v>2.3125320588322889</v>
      </c>
      <c r="D428">
        <v>11.465883005020467</v>
      </c>
      <c r="E428">
        <v>2.4352372514858907</v>
      </c>
      <c r="F428">
        <f t="shared" si="24"/>
        <v>2.0547824295601771</v>
      </c>
      <c r="G428">
        <f t="shared" si="25"/>
        <v>2.3827692794105646</v>
      </c>
      <c r="H428">
        <f t="shared" si="26"/>
        <v>-1.5777954979076012E-2</v>
      </c>
      <c r="I428">
        <f t="shared" si="27"/>
        <v>3.9499371479918902E-2</v>
      </c>
    </row>
    <row r="429" spans="1:9" x14ac:dyDescent="0.4">
      <c r="A429">
        <v>14.233333333333333</v>
      </c>
      <c r="B429">
        <v>-10.523446021442254</v>
      </c>
      <c r="C429">
        <v>2.3123218813335642</v>
      </c>
      <c r="D429">
        <v>11.451287062629767</v>
      </c>
      <c r="E429">
        <v>2.4374289702287193</v>
      </c>
      <c r="F429">
        <f t="shared" si="24"/>
        <v>2.055028787947935</v>
      </c>
      <c r="G429">
        <f t="shared" si="25"/>
        <v>2.3839339623596811</v>
      </c>
      <c r="H429">
        <f t="shared" si="26"/>
        <v>-2.1099414363151065E-2</v>
      </c>
      <c r="I429">
        <f t="shared" si="27"/>
        <v>4.4770031261490484E-2</v>
      </c>
    </row>
    <row r="430" spans="1:9" x14ac:dyDescent="0.4">
      <c r="A430">
        <v>14.266666666666667</v>
      </c>
      <c r="B430">
        <v>-10.502112981593251</v>
      </c>
      <c r="C430">
        <v>2.3161895522252172</v>
      </c>
      <c r="D430">
        <v>11.434978161415158</v>
      </c>
      <c r="E430">
        <v>2.4403960300268506</v>
      </c>
      <c r="F430">
        <f t="shared" si="24"/>
        <v>2.054815345041777</v>
      </c>
      <c r="G430">
        <f t="shared" si="25"/>
        <v>2.3872861178223372</v>
      </c>
      <c r="H430">
        <f t="shared" si="26"/>
        <v>-2.7193507462303833E-2</v>
      </c>
      <c r="I430">
        <f t="shared" si="27"/>
        <v>3.2605800714383674E-2</v>
      </c>
    </row>
    <row r="431" spans="1:9" x14ac:dyDescent="0.4">
      <c r="A431">
        <v>14.3</v>
      </c>
      <c r="B431">
        <v>-10.483160088387855</v>
      </c>
      <c r="C431">
        <v>2.3118855420431381</v>
      </c>
      <c r="D431">
        <v>11.415258363929706</v>
      </c>
      <c r="E431">
        <v>2.4431911881429498</v>
      </c>
      <c r="F431">
        <f t="shared" si="24"/>
        <v>2.0516317479514727</v>
      </c>
      <c r="G431">
        <f t="shared" si="25"/>
        <v>2.3870457160246983</v>
      </c>
      <c r="H431">
        <f t="shared" si="26"/>
        <v>-4.4133258114985426E-2</v>
      </c>
      <c r="I431">
        <f t="shared" si="27"/>
        <v>2.0896097471572662E-2</v>
      </c>
    </row>
    <row r="432" spans="1:9" x14ac:dyDescent="0.4">
      <c r="A432">
        <v>14.333333333333334</v>
      </c>
      <c r="B432">
        <v>-10.461298848645335</v>
      </c>
      <c r="C432">
        <v>2.3102016471219118</v>
      </c>
      <c r="D432">
        <v>11.399481494460229</v>
      </c>
      <c r="E432">
        <v>2.4437537424316909</v>
      </c>
      <c r="F432">
        <f t="shared" si="24"/>
        <v>2.0519486983146908</v>
      </c>
      <c r="G432">
        <f t="shared" si="25"/>
        <v>2.38664770269712</v>
      </c>
      <c r="H432">
        <f t="shared" si="26"/>
        <v>-6.4736668358997607E-2</v>
      </c>
      <c r="I432">
        <f t="shared" si="27"/>
        <v>1.6342449548251425E-2</v>
      </c>
    </row>
    <row r="433" spans="1:9" x14ac:dyDescent="0.4">
      <c r="A433">
        <v>14.366666666666667</v>
      </c>
      <c r="B433">
        <v>-10.439068509199243</v>
      </c>
      <c r="C433">
        <v>2.3136522620094246</v>
      </c>
      <c r="D433">
        <v>11.377909955484874</v>
      </c>
      <c r="E433">
        <v>2.4430771055579545</v>
      </c>
      <c r="F433">
        <f t="shared" si="24"/>
        <v>2.0491065682923137</v>
      </c>
      <c r="G433">
        <f t="shared" si="25"/>
        <v>2.3877358528342185</v>
      </c>
      <c r="H433">
        <f t="shared" si="26"/>
        <v>-6.0898911854802874E-2</v>
      </c>
      <c r="I433">
        <f t="shared" si="27"/>
        <v>3.2137227905760679E-2</v>
      </c>
    </row>
    <row r="434" spans="1:9" x14ac:dyDescent="0.4">
      <c r="A434">
        <v>14.4</v>
      </c>
      <c r="B434">
        <v>-10.419787462404987</v>
      </c>
      <c r="C434">
        <v>2.3138927438037085</v>
      </c>
      <c r="D434">
        <v>11.356836578331732</v>
      </c>
      <c r="E434">
        <v>2.4462673391183891</v>
      </c>
      <c r="F434">
        <f t="shared" si="24"/>
        <v>2.0452884901448569</v>
      </c>
      <c r="G434">
        <f t="shared" si="25"/>
        <v>2.3896647910089523</v>
      </c>
      <c r="H434">
        <f t="shared" si="26"/>
        <v>-4.624629955798925E-2</v>
      </c>
      <c r="I434">
        <f t="shared" si="27"/>
        <v>4.1708067579681846E-2</v>
      </c>
    </row>
    <row r="435" spans="1:9" x14ac:dyDescent="0.4">
      <c r="A435">
        <v>14.433333333333334</v>
      </c>
      <c r="B435">
        <v>-10.400113638836364</v>
      </c>
      <c r="C435">
        <v>2.3161265075926205</v>
      </c>
      <c r="D435">
        <v>11.34130764176437</v>
      </c>
      <c r="E435">
        <v>2.4467450454600863</v>
      </c>
      <c r="F435">
        <f t="shared" si="24"/>
        <v>2.0448120333939226</v>
      </c>
      <c r="G435">
        <f t="shared" si="25"/>
        <v>2.3908933765197422</v>
      </c>
      <c r="H435">
        <f t="shared" si="26"/>
        <v>-2.2592734339912015E-2</v>
      </c>
      <c r="I435">
        <f t="shared" si="27"/>
        <v>3.5726925735856466E-2</v>
      </c>
    </row>
    <row r="436" spans="1:9" x14ac:dyDescent="0.4">
      <c r="A436">
        <v>14.466666666666667</v>
      </c>
      <c r="B436">
        <v>-10.37786519061431</v>
      </c>
      <c r="C436">
        <v>2.3161075494574734</v>
      </c>
      <c r="D436">
        <v>11.327441473777663</v>
      </c>
      <c r="E436">
        <v>2.4487279296241864</v>
      </c>
      <c r="F436">
        <f t="shared" si="24"/>
        <v>2.0463882491708882</v>
      </c>
      <c r="G436">
        <f t="shared" si="25"/>
        <v>2.3920202854509718</v>
      </c>
      <c r="H436">
        <f t="shared" si="26"/>
        <v>-2.1275690005230514E-2</v>
      </c>
      <c r="I436">
        <f t="shared" si="27"/>
        <v>5.0153574258053175E-2</v>
      </c>
    </row>
    <row r="437" spans="1:9" x14ac:dyDescent="0.4">
      <c r="A437">
        <v>14.5</v>
      </c>
      <c r="B437">
        <v>-10.359687407350057</v>
      </c>
      <c r="C437">
        <v>2.3192785258673334</v>
      </c>
      <c r="D437">
        <v>11.311072466216071</v>
      </c>
      <c r="E437">
        <v>2.4472192426450743</v>
      </c>
      <c r="F437">
        <f t="shared" si="24"/>
        <v>2.0447912330559794</v>
      </c>
      <c r="G437">
        <f t="shared" si="25"/>
        <v>2.3925125932358515</v>
      </c>
      <c r="H437">
        <f t="shared" si="26"/>
        <v>-4.0057916853284997E-2</v>
      </c>
      <c r="I437">
        <f t="shared" si="27"/>
        <v>6.9620744435687124E-2</v>
      </c>
    </row>
    <row r="438" spans="1:9" x14ac:dyDescent="0.4">
      <c r="A438">
        <v>14.533333333333333</v>
      </c>
      <c r="B438">
        <v>-10.342635559637626</v>
      </c>
      <c r="C438">
        <v>2.3228929271255123</v>
      </c>
      <c r="D438">
        <v>11.293026621704643</v>
      </c>
      <c r="E438">
        <v>2.4527328495430774</v>
      </c>
      <c r="F438">
        <f t="shared" si="24"/>
        <v>2.0417529419796234</v>
      </c>
      <c r="G438">
        <f t="shared" si="25"/>
        <v>2.3972141116939065</v>
      </c>
      <c r="H438">
        <f t="shared" si="26"/>
        <v>-6.5671763722136456E-2</v>
      </c>
      <c r="I438">
        <f t="shared" si="27"/>
        <v>9.5861414581885795E-2</v>
      </c>
    </row>
    <row r="439" spans="1:9" x14ac:dyDescent="0.4">
      <c r="A439">
        <v>14.566666666666666</v>
      </c>
      <c r="B439">
        <v>-10.324028371136777</v>
      </c>
      <c r="C439">
        <v>2.3256787515342996</v>
      </c>
      <c r="D439">
        <v>11.276856477549119</v>
      </c>
      <c r="E439">
        <v>2.4553439461313986</v>
      </c>
      <c r="F439">
        <f t="shared" si="24"/>
        <v>2.0404533675140075</v>
      </c>
      <c r="G439">
        <f t="shared" si="25"/>
        <v>2.3998999208042227</v>
      </c>
      <c r="H439">
        <f t="shared" si="26"/>
        <v>-5.2630717610626841E-2</v>
      </c>
      <c r="I439">
        <f t="shared" si="27"/>
        <v>0.11307434702082236</v>
      </c>
    </row>
    <row r="440" spans="1:9" x14ac:dyDescent="0.4">
      <c r="A440">
        <v>14.6</v>
      </c>
      <c r="B440">
        <v>-10.307040711819134</v>
      </c>
      <c r="C440">
        <v>2.3323616070324582</v>
      </c>
      <c r="D440">
        <v>11.259202414402376</v>
      </c>
      <c r="E440">
        <v>2.4580449230948926</v>
      </c>
      <c r="F440">
        <f t="shared" si="24"/>
        <v>2.0376118879881848</v>
      </c>
      <c r="G440">
        <f t="shared" si="25"/>
        <v>2.4043035240971005</v>
      </c>
      <c r="H440">
        <f t="shared" si="26"/>
        <v>-4.1957362550224676E-2</v>
      </c>
      <c r="I440">
        <f t="shared" si="27"/>
        <v>0.10731282527174982</v>
      </c>
    </row>
    <row r="441" spans="1:9" x14ac:dyDescent="0.4">
      <c r="A441">
        <v>14.633333333333333</v>
      </c>
      <c r="B441">
        <v>-10.286807233936834</v>
      </c>
      <c r="C441">
        <v>2.3384453530841798</v>
      </c>
      <c r="D441">
        <v>11.244923006210138</v>
      </c>
      <c r="E441">
        <v>2.4596324594005683</v>
      </c>
      <c r="F441">
        <f t="shared" si="24"/>
        <v>2.038089973783261</v>
      </c>
      <c r="G441">
        <f t="shared" si="25"/>
        <v>2.4078136115377249</v>
      </c>
      <c r="H441">
        <f t="shared" si="26"/>
        <v>-4.3433759216805402E-2</v>
      </c>
      <c r="I441">
        <f t="shared" si="27"/>
        <v>8.4287508147362036E-2</v>
      </c>
    </row>
    <row r="442" spans="1:9" x14ac:dyDescent="0.4">
      <c r="A442">
        <v>14.666666666666666</v>
      </c>
      <c r="B442">
        <v>-10.267838163687438</v>
      </c>
      <c r="C442">
        <v>2.3420844153386184</v>
      </c>
      <c r="D442">
        <v>11.226999924205179</v>
      </c>
      <c r="E442">
        <v>2.4627300590482935</v>
      </c>
      <c r="F442">
        <f t="shared" si="24"/>
        <v>2.035941745086626</v>
      </c>
      <c r="G442">
        <f t="shared" si="25"/>
        <v>2.4111427372057803</v>
      </c>
      <c r="H442">
        <f t="shared" si="26"/>
        <v>-2.2498098398859044E-2</v>
      </c>
      <c r="I442">
        <f t="shared" si="27"/>
        <v>5.1173242638529362E-2</v>
      </c>
    </row>
    <row r="443" spans="1:9" x14ac:dyDescent="0.4">
      <c r="A443">
        <v>14.7</v>
      </c>
      <c r="B443">
        <v>-10.246638532625452</v>
      </c>
      <c r="C443">
        <v>2.3404720964618035</v>
      </c>
      <c r="D443">
        <v>11.207857758519904</v>
      </c>
      <c r="E443">
        <v>2.4628609320490078</v>
      </c>
      <c r="F443">
        <f t="shared" si="24"/>
        <v>2.0340494790953194</v>
      </c>
      <c r="G443">
        <f t="shared" si="25"/>
        <v>2.410528232274443</v>
      </c>
      <c r="H443">
        <f t="shared" si="26"/>
        <v>-2.888963625561863E-2</v>
      </c>
      <c r="I443">
        <f t="shared" si="27"/>
        <v>1.9704080185723519E-2</v>
      </c>
    </row>
    <row r="444" spans="1:9" x14ac:dyDescent="0.4">
      <c r="A444">
        <v>14.733333333333333</v>
      </c>
      <c r="B444">
        <v>-10.223893217603269</v>
      </c>
      <c r="C444">
        <v>2.3426812134617863</v>
      </c>
      <c r="D444">
        <v>11.194068983573276</v>
      </c>
      <c r="E444">
        <v>2.4628648639247723</v>
      </c>
      <c r="F444">
        <f t="shared" si="24"/>
        <v>2.0358824522656791</v>
      </c>
      <c r="G444">
        <f t="shared" si="25"/>
        <v>2.4114750875018296</v>
      </c>
      <c r="H444">
        <f t="shared" si="26"/>
        <v>-2.8963343341308918E-3</v>
      </c>
      <c r="I444">
        <f t="shared" si="27"/>
        <v>1.9174197913235786E-2</v>
      </c>
    </row>
    <row r="445" spans="1:9" x14ac:dyDescent="0.4">
      <c r="A445">
        <v>14.766666666666667</v>
      </c>
      <c r="B445">
        <v>-10.204640443975407</v>
      </c>
      <c r="C445">
        <v>2.3405160164812457</v>
      </c>
      <c r="D445">
        <v>11.175183556156195</v>
      </c>
      <c r="E445">
        <v>2.463532548661493</v>
      </c>
      <c r="F445">
        <f t="shared" si="24"/>
        <v>2.0333046808177979</v>
      </c>
      <c r="G445">
        <f t="shared" si="25"/>
        <v>2.4109314497539875</v>
      </c>
      <c r="H445">
        <f t="shared" si="26"/>
        <v>-2.8496857803670971E-3</v>
      </c>
      <c r="I445">
        <f t="shared" si="27"/>
        <v>4.2610896693693993E-2</v>
      </c>
    </row>
    <row r="446" spans="1:9" x14ac:dyDescent="0.4">
      <c r="A446">
        <v>14.8</v>
      </c>
      <c r="B446">
        <v>-10.178554588184799</v>
      </c>
      <c r="C446">
        <v>2.346218983769786</v>
      </c>
      <c r="D446">
        <v>11.160111380734136</v>
      </c>
      <c r="E446">
        <v>2.4648722007789008</v>
      </c>
      <c r="F446">
        <f t="shared" si="24"/>
        <v>2.0358314218363649</v>
      </c>
      <c r="G446">
        <f t="shared" si="25"/>
        <v>2.4141368281182141</v>
      </c>
      <c r="H446">
        <f t="shared" si="26"/>
        <v>-3.3657586985327025E-2</v>
      </c>
      <c r="I446">
        <f t="shared" si="27"/>
        <v>4.2216436305058613E-2</v>
      </c>
    </row>
    <row r="447" spans="1:9" x14ac:dyDescent="0.4">
      <c r="A447">
        <v>14.833333333333334</v>
      </c>
      <c r="B447">
        <v>-10.161199221447115</v>
      </c>
      <c r="C447">
        <v>2.3472993446501902</v>
      </c>
      <c r="D447">
        <v>11.143248495129424</v>
      </c>
      <c r="E447">
        <v>2.4678428084232853</v>
      </c>
      <c r="F447">
        <f t="shared" si="24"/>
        <v>2.0336000466799153</v>
      </c>
      <c r="G447">
        <f t="shared" si="25"/>
        <v>2.4162991780818666</v>
      </c>
      <c r="H447">
        <f t="shared" si="26"/>
        <v>-2.593011533338228E-2</v>
      </c>
      <c r="I447">
        <f t="shared" si="27"/>
        <v>4.0717990927846483E-2</v>
      </c>
    </row>
    <row r="448" spans="1:9" x14ac:dyDescent="0.4">
      <c r="A448">
        <v>14.866666666666667</v>
      </c>
      <c r="B448">
        <v>-10.138588812516028</v>
      </c>
      <c r="C448">
        <v>2.3469395708507723</v>
      </c>
      <c r="D448">
        <v>11.120287627386212</v>
      </c>
      <c r="E448">
        <v>2.4672871803248961</v>
      </c>
      <c r="F448">
        <f t="shared" si="24"/>
        <v>2.0301251715037325</v>
      </c>
      <c r="G448">
        <f t="shared" si="25"/>
        <v>2.4158272960553999</v>
      </c>
      <c r="H448">
        <f t="shared" si="26"/>
        <v>-3.0229047737354901E-2</v>
      </c>
      <c r="I448">
        <f t="shared" si="27"/>
        <v>6.5204701647285854E-3</v>
      </c>
    </row>
    <row r="449" spans="1:9" x14ac:dyDescent="0.4">
      <c r="A449">
        <v>14.9</v>
      </c>
      <c r="B449">
        <v>-10.1150111391627</v>
      </c>
      <c r="C449">
        <v>2.3489791484260598</v>
      </c>
      <c r="D449">
        <v>11.105663893387222</v>
      </c>
      <c r="E449">
        <v>2.4675896594596547</v>
      </c>
      <c r="F449">
        <f t="shared" si="24"/>
        <v>2.0318361200952171</v>
      </c>
      <c r="G449">
        <f t="shared" si="25"/>
        <v>2.4168725476067023</v>
      </c>
      <c r="H449">
        <f t="shared" si="26"/>
        <v>-1.6546907209098516E-2</v>
      </c>
      <c r="I449">
        <f t="shared" si="27"/>
        <v>2.0687283984108865E-3</v>
      </c>
    </row>
    <row r="450" spans="1:9" x14ac:dyDescent="0.4">
      <c r="A450">
        <v>14.933333333333334</v>
      </c>
      <c r="B450">
        <v>-10.09489059812641</v>
      </c>
      <c r="C450">
        <v>2.3487086903194214</v>
      </c>
      <c r="D450">
        <v>11.090352518327888</v>
      </c>
      <c r="E450">
        <v>2.4644100767868213</v>
      </c>
      <c r="F450">
        <f t="shared" si="24"/>
        <v>2.0316752105058216</v>
      </c>
      <c r="G450">
        <f t="shared" si="25"/>
        <v>2.4149368883832509</v>
      </c>
      <c r="H450">
        <f t="shared" si="26"/>
        <v>-2.2968281191167419E-2</v>
      </c>
      <c r="I450">
        <f t="shared" si="27"/>
        <v>2.4922958400185633E-2</v>
      </c>
    </row>
    <row r="451" spans="1:9" x14ac:dyDescent="0.4">
      <c r="A451">
        <v>14.966666666666667</v>
      </c>
      <c r="B451">
        <v>-10.076528461203418</v>
      </c>
      <c r="C451">
        <v>2.3519771296266878</v>
      </c>
      <c r="D451">
        <v>11.073826605511316</v>
      </c>
      <c r="E451">
        <v>2.4657285763720953</v>
      </c>
      <c r="F451">
        <f t="shared" ref="F451:F514" si="28">(B451*58.73+D451*78.62)/(58.73+78.62)</f>
        <v>2.0300672093106877</v>
      </c>
      <c r="G451">
        <f t="shared" ref="G451:G514" si="29">(C451*58.73+E451*78.62)/(58.73+78.62)</f>
        <v>2.4170891699843429</v>
      </c>
      <c r="H451">
        <f t="shared" si="26"/>
        <v>-6.0083465415013068E-2</v>
      </c>
      <c r="I451">
        <f t="shared" si="27"/>
        <v>3.7322757867179437E-2</v>
      </c>
    </row>
    <row r="452" spans="1:9" x14ac:dyDescent="0.4">
      <c r="A452">
        <v>15</v>
      </c>
      <c r="B452">
        <v>-10.057555124036053</v>
      </c>
      <c r="C452">
        <v>2.355627396301387</v>
      </c>
      <c r="D452">
        <v>11.054612089186824</v>
      </c>
      <c r="E452">
        <v>2.4678648390064679</v>
      </c>
      <c r="F452">
        <f t="shared" si="28"/>
        <v>2.0271815800308026</v>
      </c>
      <c r="G452">
        <f t="shared" si="29"/>
        <v>2.4198728112666106</v>
      </c>
      <c r="H452">
        <f t="shared" si="26"/>
        <v>-3.3572301292784552E-2</v>
      </c>
      <c r="I452">
        <f t="shared" si="27"/>
        <v>3.7951882287079144E-2</v>
      </c>
    </row>
    <row r="453" spans="1:9" x14ac:dyDescent="0.4">
      <c r="A453">
        <v>15.033333333333333</v>
      </c>
      <c r="B453">
        <v>-10.038896837572103</v>
      </c>
      <c r="C453">
        <v>2.3551786433252189</v>
      </c>
      <c r="D453">
        <v>11.035236476419497</v>
      </c>
      <c r="E453">
        <v>2.4695142243634174</v>
      </c>
      <c r="F453">
        <f t="shared" si="28"/>
        <v>2.0240690244302244</v>
      </c>
      <c r="G453">
        <f t="shared" si="29"/>
        <v>2.4206250458095524</v>
      </c>
      <c r="H453">
        <f t="shared" ref="H453:H516" si="30">SLOPE(F451:F455,$A451:$A455)</f>
        <v>1.6573891639848396E-3</v>
      </c>
      <c r="I453">
        <f t="shared" ref="I453:I516" si="31">SLOPE(G451:G455,$A451:$A455)</f>
        <v>1.6463333993683771E-2</v>
      </c>
    </row>
    <row r="454" spans="1:9" x14ac:dyDescent="0.4">
      <c r="A454">
        <v>15.066666666666666</v>
      </c>
      <c r="B454">
        <v>-10.012401059225201</v>
      </c>
      <c r="C454">
        <v>2.354692653384916</v>
      </c>
      <c r="D454">
        <v>11.024196181474295</v>
      </c>
      <c r="E454">
        <v>2.4679017762978308</v>
      </c>
      <c r="F454">
        <f t="shared" si="28"/>
        <v>2.0290789193972558</v>
      </c>
      <c r="G454">
        <f t="shared" si="29"/>
        <v>2.4194942641851593</v>
      </c>
      <c r="H454">
        <f t="shared" si="30"/>
        <v>3.0627185837088892E-2</v>
      </c>
      <c r="I454">
        <f t="shared" si="31"/>
        <v>3.6615558906523253E-3</v>
      </c>
    </row>
    <row r="455" spans="1:9" x14ac:dyDescent="0.4">
      <c r="A455">
        <v>15.1</v>
      </c>
      <c r="B455">
        <v>-9.9915972100826345</v>
      </c>
      <c r="C455">
        <v>2.3581509806779111</v>
      </c>
      <c r="D455">
        <v>11.00920727507331</v>
      </c>
      <c r="E455">
        <v>2.4662409091447448</v>
      </c>
      <c r="F455">
        <f t="shared" si="28"/>
        <v>2.0293947711547919</v>
      </c>
      <c r="G455">
        <f t="shared" si="29"/>
        <v>2.4200223325240158</v>
      </c>
      <c r="H455">
        <f t="shared" si="30"/>
        <v>2.5967853308742937E-2</v>
      </c>
      <c r="I455">
        <f t="shared" si="31"/>
        <v>2.846040375504676E-2</v>
      </c>
    </row>
    <row r="456" spans="1:9" x14ac:dyDescent="0.4">
      <c r="A456">
        <v>15.133333333333333</v>
      </c>
      <c r="B456">
        <v>-9.9694571393038114</v>
      </c>
      <c r="C456">
        <v>2.3576434616817652</v>
      </c>
      <c r="D456">
        <v>10.993067533469276</v>
      </c>
      <c r="E456">
        <v>2.4679514191645042</v>
      </c>
      <c r="F456">
        <f t="shared" si="28"/>
        <v>2.029623237641367</v>
      </c>
      <c r="G456">
        <f t="shared" si="29"/>
        <v>2.4207844272244876</v>
      </c>
      <c r="H456">
        <f t="shared" si="30"/>
        <v>-1.7182015099642511E-2</v>
      </c>
      <c r="I456">
        <f t="shared" si="31"/>
        <v>5.8731583039703245E-2</v>
      </c>
    </row>
    <row r="457" spans="1:9" x14ac:dyDescent="0.4">
      <c r="A457">
        <v>15.166666666666666</v>
      </c>
      <c r="B457">
        <v>-9.9461903941358418</v>
      </c>
      <c r="C457">
        <v>2.3642470112536236</v>
      </c>
      <c r="D457">
        <v>10.97306930475283</v>
      </c>
      <c r="E457">
        <v>2.4698998626335551</v>
      </c>
      <c r="F457">
        <f t="shared" si="28"/>
        <v>2.028124840859626</v>
      </c>
      <c r="G457">
        <f t="shared" si="29"/>
        <v>2.4247233649157294</v>
      </c>
      <c r="H457">
        <f t="shared" si="30"/>
        <v>-5.198099889491177E-2</v>
      </c>
      <c r="I457">
        <f t="shared" si="31"/>
        <v>7.6266345395705135E-2</v>
      </c>
    </row>
    <row r="458" spans="1:9" x14ac:dyDescent="0.4">
      <c r="A458">
        <v>15.2</v>
      </c>
      <c r="B458">
        <v>-9.9268674849490939</v>
      </c>
      <c r="C458">
        <v>2.3634504826633069</v>
      </c>
      <c r="D458">
        <v>10.956408095535121</v>
      </c>
      <c r="E458">
        <v>2.474353990858118</v>
      </c>
      <c r="F458">
        <f t="shared" si="28"/>
        <v>2.0268502153615651</v>
      </c>
      <c r="G458">
        <f t="shared" si="29"/>
        <v>2.4269323451625864</v>
      </c>
      <c r="H458">
        <f t="shared" si="30"/>
        <v>-6.1583588143730668E-2</v>
      </c>
      <c r="I458">
        <f t="shared" si="31"/>
        <v>7.6422089381797301E-2</v>
      </c>
    </row>
    <row r="459" spans="1:9" x14ac:dyDescent="0.4">
      <c r="A459">
        <v>15.233333333333333</v>
      </c>
      <c r="B459">
        <v>-9.9097660523372326</v>
      </c>
      <c r="C459">
        <v>2.3672177205466154</v>
      </c>
      <c r="D459">
        <v>10.93536552629406</v>
      </c>
      <c r="E459">
        <v>2.476304071950588</v>
      </c>
      <c r="F459">
        <f t="shared" si="28"/>
        <v>2.0221177824788743</v>
      </c>
      <c r="G459">
        <f t="shared" si="29"/>
        <v>2.4296594311209172</v>
      </c>
      <c r="H459">
        <f t="shared" si="30"/>
        <v>-5.0332994989497636E-2</v>
      </c>
      <c r="I459">
        <f t="shared" si="31"/>
        <v>7.4529901184328021E-2</v>
      </c>
    </row>
    <row r="460" spans="1:9" x14ac:dyDescent="0.4">
      <c r="A460">
        <v>15.266666666666667</v>
      </c>
      <c r="B460">
        <v>-9.8861817247571988</v>
      </c>
      <c r="C460">
        <v>2.365256407187188</v>
      </c>
      <c r="D460">
        <v>10.918175885873906</v>
      </c>
      <c r="E460">
        <v>2.4802044891202857</v>
      </c>
      <c r="F460">
        <f t="shared" si="28"/>
        <v>2.0223628354744543</v>
      </c>
      <c r="G460">
        <f t="shared" si="29"/>
        <v>2.43105340901886</v>
      </c>
      <c r="H460">
        <f t="shared" si="30"/>
        <v>-2.0033753803369921E-2</v>
      </c>
      <c r="I460">
        <f t="shared" si="31"/>
        <v>6.4017408114236951E-2</v>
      </c>
    </row>
    <row r="461" spans="1:9" x14ac:dyDescent="0.4">
      <c r="A461">
        <v>15.3</v>
      </c>
      <c r="B461">
        <v>-9.8618762441304817</v>
      </c>
      <c r="C461">
        <v>2.3696828096101172</v>
      </c>
      <c r="D461">
        <v>10.899350081149397</v>
      </c>
      <c r="E461">
        <v>2.4839402487541964</v>
      </c>
      <c r="F461">
        <f t="shared" si="28"/>
        <v>2.0219796983049316</v>
      </c>
      <c r="G461">
        <f t="shared" si="29"/>
        <v>2.4350844831849807</v>
      </c>
      <c r="H461">
        <f t="shared" si="30"/>
        <v>4.0808000532450515E-3</v>
      </c>
      <c r="I461">
        <f t="shared" si="31"/>
        <v>5.7471546600926397E-2</v>
      </c>
    </row>
    <row r="462" spans="1:9" x14ac:dyDescent="0.4">
      <c r="A462">
        <v>15.333333333333334</v>
      </c>
      <c r="B462">
        <v>-9.8391730121255172</v>
      </c>
      <c r="C462">
        <v>2.3661597169692574</v>
      </c>
      <c r="D462">
        <v>10.885186784514616</v>
      </c>
      <c r="E462">
        <v>2.4862312025870299</v>
      </c>
      <c r="F462">
        <f t="shared" si="28"/>
        <v>2.023580298481308</v>
      </c>
      <c r="G462">
        <f t="shared" si="29"/>
        <v>2.4348893871495942</v>
      </c>
      <c r="H462">
        <f t="shared" si="30"/>
        <v>-6.2331354022040703E-3</v>
      </c>
      <c r="I462">
        <f t="shared" si="31"/>
        <v>4.7330615598697161E-2</v>
      </c>
    </row>
    <row r="463" spans="1:9" x14ac:dyDescent="0.4">
      <c r="A463">
        <v>15.366666666666667</v>
      </c>
      <c r="B463">
        <v>-9.8132922713368522</v>
      </c>
      <c r="C463">
        <v>2.3692918260973439</v>
      </c>
      <c r="D463">
        <v>10.86342329638315</v>
      </c>
      <c r="E463">
        <v>2.4881378479679341</v>
      </c>
      <c r="F463">
        <f t="shared" si="28"/>
        <v>2.0221891843176549</v>
      </c>
      <c r="G463">
        <f t="shared" si="29"/>
        <v>2.4373200331557046</v>
      </c>
      <c r="H463">
        <f t="shared" si="30"/>
        <v>-3.1429590047731382E-2</v>
      </c>
      <c r="I463">
        <f t="shared" si="31"/>
        <v>2.6827937758747568E-2</v>
      </c>
    </row>
    <row r="464" spans="1:9" x14ac:dyDescent="0.4">
      <c r="A464">
        <v>15.4</v>
      </c>
      <c r="B464">
        <v>-9.7928418939114792</v>
      </c>
      <c r="C464">
        <v>2.3678132707937642</v>
      </c>
      <c r="D464">
        <v>10.846452131416918</v>
      </c>
      <c r="E464">
        <v>2.4901229027753327</v>
      </c>
      <c r="F464">
        <f t="shared" si="28"/>
        <v>2.0212192365677253</v>
      </c>
      <c r="G464">
        <f t="shared" si="29"/>
        <v>2.4378240699666143</v>
      </c>
      <c r="H464">
        <f t="shared" si="30"/>
        <v>-5.7999506214769112E-2</v>
      </c>
      <c r="I464">
        <f t="shared" si="31"/>
        <v>4.182458033140049E-2</v>
      </c>
    </row>
    <row r="465" spans="1:9" x14ac:dyDescent="0.4">
      <c r="A465">
        <v>15.433333333333334</v>
      </c>
      <c r="B465">
        <v>-9.7738007389110901</v>
      </c>
      <c r="C465">
        <v>2.3677605732298521</v>
      </c>
      <c r="D465">
        <v>10.826467809545958</v>
      </c>
      <c r="E465">
        <v>2.4906241689867255</v>
      </c>
      <c r="F465">
        <f t="shared" si="28"/>
        <v>2.0179219642537678</v>
      </c>
      <c r="G465">
        <f t="shared" si="29"/>
        <v>2.438088464736262</v>
      </c>
      <c r="H465">
        <f t="shared" si="30"/>
        <v>-5.5961297202068855E-2</v>
      </c>
      <c r="I465">
        <f t="shared" si="31"/>
        <v>6.0163565240261653E-2</v>
      </c>
    </row>
    <row r="466" spans="1:9" x14ac:dyDescent="0.4">
      <c r="A466">
        <v>15.466666666666667</v>
      </c>
      <c r="B466">
        <v>-9.7495028375353687</v>
      </c>
      <c r="C466">
        <v>2.3724549579234226</v>
      </c>
      <c r="D466">
        <v>10.805041994653365</v>
      </c>
      <c r="E466">
        <v>2.4930353594349919</v>
      </c>
      <c r="F466">
        <f t="shared" si="28"/>
        <v>2.0160473241441235</v>
      </c>
      <c r="G466">
        <f t="shared" si="29"/>
        <v>2.4414759347478823</v>
      </c>
      <c r="H466">
        <f t="shared" si="30"/>
        <v>-7.1492256280299551E-2</v>
      </c>
      <c r="I466">
        <f t="shared" si="31"/>
        <v>7.0173207412222785E-2</v>
      </c>
    </row>
    <row r="467" spans="1:9" x14ac:dyDescent="0.4">
      <c r="A467">
        <v>15.5</v>
      </c>
      <c r="B467">
        <v>-9.7246808810841756</v>
      </c>
      <c r="C467">
        <v>2.3756177121818407</v>
      </c>
      <c r="D467">
        <v>10.785453145968077</v>
      </c>
      <c r="E467">
        <v>2.4977401524370548</v>
      </c>
      <c r="F467">
        <f t="shared" si="28"/>
        <v>2.0154482576624444</v>
      </c>
      <c r="G467">
        <f t="shared" si="29"/>
        <v>2.4455213616384475</v>
      </c>
      <c r="H467">
        <f t="shared" si="30"/>
        <v>-7.4424883609796738E-2</v>
      </c>
      <c r="I467">
        <f t="shared" si="31"/>
        <v>6.0494793822140056E-2</v>
      </c>
    </row>
    <row r="468" spans="1:9" x14ac:dyDescent="0.4">
      <c r="A468">
        <v>15.533333333333333</v>
      </c>
      <c r="B468">
        <v>-9.7066215955226269</v>
      </c>
      <c r="C468">
        <v>2.3768696098276898</v>
      </c>
      <c r="D468">
        <v>10.763389129327951</v>
      </c>
      <c r="E468">
        <v>2.4972972691807187</v>
      </c>
      <c r="F468">
        <f t="shared" si="28"/>
        <v>2.0105407138166704</v>
      </c>
      <c r="G468">
        <f t="shared" si="29"/>
        <v>2.4458031560842253</v>
      </c>
      <c r="H468">
        <f t="shared" si="30"/>
        <v>-8.3835251691623508E-2</v>
      </c>
      <c r="I468">
        <f t="shared" si="31"/>
        <v>3.3832180841711808E-2</v>
      </c>
    </row>
    <row r="469" spans="1:9" x14ac:dyDescent="0.4">
      <c r="A469">
        <v>15.566666666666666</v>
      </c>
      <c r="B469">
        <v>-9.6813222631299549</v>
      </c>
      <c r="C469">
        <v>2.3810370565619765</v>
      </c>
      <c r="D469">
        <v>10.740525249819564</v>
      </c>
      <c r="E469">
        <v>2.494540816962763</v>
      </c>
      <c r="F469">
        <f t="shared" si="28"/>
        <v>2.0082711221491949</v>
      </c>
      <c r="G469">
        <f t="shared" si="29"/>
        <v>2.4460073197051138</v>
      </c>
      <c r="H469">
        <f t="shared" si="30"/>
        <v>-8.5595334849550245E-2</v>
      </c>
      <c r="I469">
        <f t="shared" si="31"/>
        <v>1.5539970452320303E-2</v>
      </c>
    </row>
    <row r="470" spans="1:9" x14ac:dyDescent="0.4">
      <c r="A470">
        <v>15.6</v>
      </c>
      <c r="B470">
        <v>-9.6569904558579172</v>
      </c>
      <c r="C470">
        <v>2.380495674675311</v>
      </c>
      <c r="D470">
        <v>10.71779331707533</v>
      </c>
      <c r="E470">
        <v>2.4964552340390127</v>
      </c>
      <c r="F470">
        <f t="shared" si="28"/>
        <v>2.0056633499521443</v>
      </c>
      <c r="G470">
        <f t="shared" si="29"/>
        <v>2.4468716525215011</v>
      </c>
      <c r="H470">
        <f t="shared" si="30"/>
        <v>-7.2768904999479106E-2</v>
      </c>
      <c r="I470">
        <f t="shared" si="31"/>
        <v>3.8032786617710058E-3</v>
      </c>
    </row>
    <row r="471" spans="1:9" x14ac:dyDescent="0.4">
      <c r="A471">
        <v>15.633333333333333</v>
      </c>
      <c r="B471">
        <v>-9.6368496808482345</v>
      </c>
      <c r="C471">
        <v>2.3867898110688603</v>
      </c>
      <c r="D471">
        <v>10.699180018264464</v>
      </c>
      <c r="E471">
        <v>2.4929858846062198</v>
      </c>
      <c r="F471">
        <f t="shared" si="28"/>
        <v>2.0036210504531158</v>
      </c>
      <c r="G471">
        <f t="shared" si="29"/>
        <v>2.4475771084951963</v>
      </c>
      <c r="H471">
        <f t="shared" si="30"/>
        <v>-6.5341527628717477E-2</v>
      </c>
      <c r="I471">
        <f t="shared" si="31"/>
        <v>-9.5048650303795387E-3</v>
      </c>
    </row>
    <row r="472" spans="1:9" x14ac:dyDescent="0.4">
      <c r="A472">
        <v>15.666666666666666</v>
      </c>
      <c r="B472">
        <v>-9.6128770803422476</v>
      </c>
      <c r="C472">
        <v>2.3867114942927921</v>
      </c>
      <c r="D472">
        <v>10.67623480193337</v>
      </c>
      <c r="E472">
        <v>2.4896814496382529</v>
      </c>
      <c r="F472">
        <f t="shared" si="28"/>
        <v>2.0007375988314635</v>
      </c>
      <c r="G472">
        <f t="shared" si="29"/>
        <v>2.4456521414661458</v>
      </c>
      <c r="H472">
        <f t="shared" si="30"/>
        <v>-8.3319933147692218E-2</v>
      </c>
      <c r="I472">
        <f t="shared" si="31"/>
        <v>-1.575921241634376E-2</v>
      </c>
    </row>
    <row r="473" spans="1:9" x14ac:dyDescent="0.4">
      <c r="A473">
        <v>15.7</v>
      </c>
      <c r="B473">
        <v>-9.5881084667905636</v>
      </c>
      <c r="C473">
        <v>2.3868977971045422</v>
      </c>
      <c r="D473">
        <v>10.656170800941833</v>
      </c>
      <c r="E473">
        <v>2.4884605120489316</v>
      </c>
      <c r="F473">
        <f t="shared" si="28"/>
        <v>1.9998437431047491</v>
      </c>
      <c r="G473">
        <f t="shared" si="29"/>
        <v>2.4450329310610615</v>
      </c>
      <c r="H473">
        <f t="shared" si="30"/>
        <v>-8.7223338753640731E-2</v>
      </c>
      <c r="I473">
        <f t="shared" si="31"/>
        <v>1.2163479419131467E-2</v>
      </c>
    </row>
    <row r="474" spans="1:9" x14ac:dyDescent="0.4">
      <c r="A474">
        <v>15.733333333333333</v>
      </c>
      <c r="B474">
        <v>-9.5699870534402045</v>
      </c>
      <c r="C474">
        <v>2.3846980498301549</v>
      </c>
      <c r="D474">
        <v>10.631840183290681</v>
      </c>
      <c r="E474">
        <v>2.4909497806541365</v>
      </c>
      <c r="F474">
        <f t="shared" si="28"/>
        <v>1.9936653481017124</v>
      </c>
      <c r="G474">
        <f t="shared" si="29"/>
        <v>2.4455172058358445</v>
      </c>
      <c r="H474">
        <f t="shared" si="30"/>
        <v>-6.1344658626982837E-2</v>
      </c>
      <c r="I474">
        <f t="shared" si="31"/>
        <v>4.282866920130525E-2</v>
      </c>
    </row>
    <row r="475" spans="1:9" x14ac:dyDescent="0.4">
      <c r="A475">
        <v>15.766666666666667</v>
      </c>
      <c r="B475">
        <v>-9.5484366903028519</v>
      </c>
      <c r="C475">
        <v>2.3879516600942567</v>
      </c>
      <c r="D475">
        <v>10.613915509078929</v>
      </c>
      <c r="E475">
        <v>2.4957774596191813</v>
      </c>
      <c r="F475">
        <f t="shared" si="28"/>
        <v>1.9926199526923845</v>
      </c>
      <c r="G475">
        <f t="shared" si="29"/>
        <v>2.4496718228802021</v>
      </c>
      <c r="H475">
        <f t="shared" si="30"/>
        <v>-2.711435368751825E-3</v>
      </c>
      <c r="I475">
        <f t="shared" si="31"/>
        <v>5.9173151090554495E-2</v>
      </c>
    </row>
    <row r="476" spans="1:9" x14ac:dyDescent="0.4">
      <c r="A476">
        <v>15.8</v>
      </c>
      <c r="B476">
        <v>-9.5241651345080172</v>
      </c>
      <c r="C476">
        <v>2.3865868901104044</v>
      </c>
      <c r="D476">
        <v>10.598414396828506</v>
      </c>
      <c r="E476">
        <v>2.4981927918804985</v>
      </c>
      <c r="F476">
        <f t="shared" si="28"/>
        <v>1.9941253842664819</v>
      </c>
      <c r="G476">
        <f t="shared" si="29"/>
        <v>2.4504708070901264</v>
      </c>
      <c r="H476">
        <f t="shared" si="30"/>
        <v>4.5847602769904329E-2</v>
      </c>
      <c r="I476">
        <f t="shared" si="31"/>
        <v>5.8589513950588493E-2</v>
      </c>
    </row>
    <row r="477" spans="1:9" x14ac:dyDescent="0.4">
      <c r="A477">
        <v>15.833333333333334</v>
      </c>
      <c r="B477">
        <v>-9.4933639038553252</v>
      </c>
      <c r="C477">
        <v>2.3937225744854054</v>
      </c>
      <c r="D477">
        <v>10.584204247400093</v>
      </c>
      <c r="E477">
        <v>2.4962646879413937</v>
      </c>
      <c r="F477">
        <f t="shared" si="28"/>
        <v>1.9991618191275724</v>
      </c>
      <c r="G477">
        <f t="shared" si="29"/>
        <v>2.4524183222823464</v>
      </c>
      <c r="H477">
        <f t="shared" si="30"/>
        <v>3.137148007162837E-2</v>
      </c>
      <c r="I477">
        <f t="shared" si="31"/>
        <v>5.9294263518857568E-2</v>
      </c>
    </row>
    <row r="478" spans="1:9" x14ac:dyDescent="0.4">
      <c r="A478">
        <v>15.866666666666667</v>
      </c>
      <c r="B478">
        <v>-9.471908456952546</v>
      </c>
      <c r="C478">
        <v>2.3922904809131702</v>
      </c>
      <c r="D478">
        <v>10.566209420010569</v>
      </c>
      <c r="E478">
        <v>2.4999384896285859</v>
      </c>
      <c r="F478">
        <f t="shared" si="28"/>
        <v>1.9980356820124359</v>
      </c>
      <c r="G478">
        <f t="shared" si="29"/>
        <v>2.4539088751265372</v>
      </c>
      <c r="H478">
        <f t="shared" si="30"/>
        <v>-1.0361165116609819E-2</v>
      </c>
      <c r="I478">
        <f t="shared" si="31"/>
        <v>5.9552891121294346E-2</v>
      </c>
    </row>
    <row r="479" spans="1:9" x14ac:dyDescent="0.4">
      <c r="A479">
        <v>15.9</v>
      </c>
      <c r="B479">
        <v>-9.4494472407911179</v>
      </c>
      <c r="C479">
        <v>2.3964740024457445</v>
      </c>
      <c r="D479">
        <v>10.545688027485342</v>
      </c>
      <c r="E479">
        <v>2.5036726265870741</v>
      </c>
      <c r="F479">
        <f t="shared" si="28"/>
        <v>1.9958933838313455</v>
      </c>
      <c r="G479">
        <f t="shared" si="29"/>
        <v>2.4578351661151396</v>
      </c>
      <c r="H479">
        <f t="shared" si="30"/>
        <v>-8.947676794683522E-2</v>
      </c>
      <c r="I479">
        <f t="shared" si="31"/>
        <v>5.3678368777741535E-2</v>
      </c>
    </row>
    <row r="480" spans="1:9" x14ac:dyDescent="0.4">
      <c r="A480">
        <v>15.933333333333334</v>
      </c>
      <c r="B480">
        <v>-9.4266929015742686</v>
      </c>
      <c r="C480">
        <v>2.3977647997440776</v>
      </c>
      <c r="D480">
        <v>10.525439723916289</v>
      </c>
      <c r="E480">
        <v>2.5024510537678331</v>
      </c>
      <c r="F480">
        <f t="shared" si="28"/>
        <v>1.994032741061827</v>
      </c>
      <c r="G480">
        <f t="shared" si="29"/>
        <v>2.4576878670272788</v>
      </c>
      <c r="H480">
        <f t="shared" si="30"/>
        <v>-9.0025686983060974E-2</v>
      </c>
      <c r="I480">
        <f t="shared" si="31"/>
        <v>4.6839097226910979E-2</v>
      </c>
    </row>
    <row r="481" spans="1:9" x14ac:dyDescent="0.4">
      <c r="A481">
        <v>15.966666666666667</v>
      </c>
      <c r="B481">
        <v>-9.4017204834235919</v>
      </c>
      <c r="C481">
        <v>2.4031560721222474</v>
      </c>
      <c r="D481">
        <v>10.493189385298562</v>
      </c>
      <c r="E481">
        <v>2.5015462414936107</v>
      </c>
      <c r="F481">
        <f t="shared" si="28"/>
        <v>1.986250494945071</v>
      </c>
      <c r="G481">
        <f t="shared" si="29"/>
        <v>2.4594752211282658</v>
      </c>
      <c r="H481">
        <f t="shared" si="30"/>
        <v>-7.6522728736186624E-2</v>
      </c>
      <c r="I481">
        <f t="shared" si="31"/>
        <v>3.0855303622340659E-2</v>
      </c>
    </row>
    <row r="482" spans="1:9" x14ac:dyDescent="0.4">
      <c r="A482">
        <v>16</v>
      </c>
      <c r="B482">
        <v>-9.3749543507887765</v>
      </c>
      <c r="C482">
        <v>2.4017474767571869</v>
      </c>
      <c r="D482">
        <v>10.475994115017093</v>
      </c>
      <c r="E482">
        <v>2.5050794824642573</v>
      </c>
      <c r="F482">
        <f t="shared" si="28"/>
        <v>1.9878528452917297</v>
      </c>
      <c r="G482">
        <f t="shared" si="29"/>
        <v>2.4608953638244593</v>
      </c>
      <c r="H482">
        <f t="shared" si="30"/>
        <v>-3.6924433342777709E-2</v>
      </c>
      <c r="I482">
        <f t="shared" si="31"/>
        <v>1.8231511510116708E-2</v>
      </c>
    </row>
    <row r="483" spans="1:9" x14ac:dyDescent="0.4">
      <c r="A483">
        <v>16.033333333333335</v>
      </c>
      <c r="B483">
        <v>-9.3540965510300982</v>
      </c>
      <c r="C483">
        <v>2.4003408588131685</v>
      </c>
      <c r="D483">
        <v>10.45757718461704</v>
      </c>
      <c r="E483">
        <v>2.5069663687444934</v>
      </c>
      <c r="F483">
        <f t="shared" si="28"/>
        <v>1.9862295435936963</v>
      </c>
      <c r="G483">
        <f t="shared" si="29"/>
        <v>2.4613739683202729</v>
      </c>
      <c r="H483">
        <f t="shared" si="30"/>
        <v>-1.1688973451789732E-2</v>
      </c>
      <c r="I483">
        <f t="shared" si="31"/>
        <v>1.4050463829886718E-2</v>
      </c>
    </row>
    <row r="484" spans="1:9" x14ac:dyDescent="0.4">
      <c r="A484">
        <v>16.066666666666666</v>
      </c>
      <c r="B484">
        <v>-9.3300955318972765</v>
      </c>
      <c r="C484">
        <v>2.4005052832296023</v>
      </c>
      <c r="D484">
        <v>10.442547501746198</v>
      </c>
      <c r="E484">
        <v>2.5040537582425615</v>
      </c>
      <c r="F484">
        <f t="shared" si="28"/>
        <v>1.9878891445137181</v>
      </c>
      <c r="G484">
        <f t="shared" si="29"/>
        <v>2.4597770786829614</v>
      </c>
      <c r="H484">
        <f t="shared" si="30"/>
        <v>-4.1387415728571457E-2</v>
      </c>
      <c r="I484">
        <f t="shared" si="31"/>
        <v>3.2514444577984206E-2</v>
      </c>
    </row>
    <row r="485" spans="1:9" x14ac:dyDescent="0.4">
      <c r="A485">
        <v>16.100000000000001</v>
      </c>
      <c r="B485">
        <v>-9.3103180748700058</v>
      </c>
      <c r="C485">
        <v>2.4014630792271654</v>
      </c>
      <c r="D485">
        <v>10.421475617970197</v>
      </c>
      <c r="E485">
        <v>2.5078788062268385</v>
      </c>
      <c r="F485">
        <f t="shared" si="28"/>
        <v>1.9842841830921119</v>
      </c>
      <c r="G485">
        <f t="shared" si="29"/>
        <v>2.4623761076706625</v>
      </c>
      <c r="H485">
        <f t="shared" si="30"/>
        <v>-3.1072418331141834E-2</v>
      </c>
      <c r="I485">
        <f t="shared" si="31"/>
        <v>5.7158634737108437E-2</v>
      </c>
    </row>
    <row r="486" spans="1:9" x14ac:dyDescent="0.4">
      <c r="A486">
        <v>16.133333333333333</v>
      </c>
      <c r="B486">
        <v>-9.2851371770010136</v>
      </c>
      <c r="C486">
        <v>2.4079951466398049</v>
      </c>
      <c r="D486">
        <v>10.398548275419506</v>
      </c>
      <c r="E486">
        <v>2.5090042122408636</v>
      </c>
      <c r="F486">
        <f t="shared" si="28"/>
        <v>1.9819276229210934</v>
      </c>
      <c r="G486">
        <f t="shared" si="29"/>
        <v>2.4658133682455952</v>
      </c>
      <c r="H486">
        <f t="shared" si="30"/>
        <v>-2.0080545478199128E-2</v>
      </c>
      <c r="I486">
        <f t="shared" si="31"/>
        <v>7.6904979333764431E-2</v>
      </c>
    </row>
    <row r="487" spans="1:9" x14ac:dyDescent="0.4">
      <c r="A487">
        <v>16.166666666666668</v>
      </c>
      <c r="B487">
        <v>-9.2557416768916578</v>
      </c>
      <c r="C487">
        <v>2.4086973079490095</v>
      </c>
      <c r="D487">
        <v>10.380265130359335</v>
      </c>
      <c r="E487">
        <v>2.512094071238284</v>
      </c>
      <c r="F487">
        <f t="shared" si="28"/>
        <v>1.9840315680014851</v>
      </c>
      <c r="G487">
        <f t="shared" si="29"/>
        <v>2.4678822626618073</v>
      </c>
      <c r="H487">
        <f t="shared" si="30"/>
        <v>1.4362229037421083E-2</v>
      </c>
      <c r="I487">
        <f t="shared" si="31"/>
        <v>6.089623114828728E-2</v>
      </c>
    </row>
    <row r="488" spans="1:9" x14ac:dyDescent="0.4">
      <c r="A488">
        <v>16.2</v>
      </c>
      <c r="B488">
        <v>-9.2305937077419724</v>
      </c>
      <c r="C488">
        <v>2.4103567462950974</v>
      </c>
      <c r="D488">
        <v>10.36259238924475</v>
      </c>
      <c r="E488">
        <v>2.5142772577600137</v>
      </c>
      <c r="F488">
        <f t="shared" si="28"/>
        <v>1.9846686944793317</v>
      </c>
      <c r="G488">
        <f t="shared" si="29"/>
        <v>2.4698414977430163</v>
      </c>
      <c r="H488">
        <f t="shared" si="30"/>
        <v>1.4303397761887892E-2</v>
      </c>
      <c r="I488">
        <f t="shared" si="31"/>
        <v>3.1095813061997185E-2</v>
      </c>
    </row>
    <row r="489" spans="1:9" x14ac:dyDescent="0.4">
      <c r="A489">
        <v>16.233333333333334</v>
      </c>
      <c r="B489">
        <v>-9.2051052474605495</v>
      </c>
      <c r="C489">
        <v>2.4133902486766794</v>
      </c>
      <c r="D489">
        <v>10.344667972545313</v>
      </c>
      <c r="E489">
        <v>2.5131815506900477</v>
      </c>
      <c r="F489">
        <f t="shared" si="28"/>
        <v>1.9853073521525628</v>
      </c>
      <c r="G489">
        <f t="shared" si="29"/>
        <v>2.4705114147799998</v>
      </c>
      <c r="H489">
        <f t="shared" si="30"/>
        <v>-1.4551370686262673E-2</v>
      </c>
      <c r="I489">
        <f t="shared" si="31"/>
        <v>2.6535230337411973E-2</v>
      </c>
    </row>
    <row r="490" spans="1:9" x14ac:dyDescent="0.4">
      <c r="A490">
        <v>16.266666666666666</v>
      </c>
      <c r="B490">
        <v>-9.1777620198033159</v>
      </c>
      <c r="C490">
        <v>2.4139647290363189</v>
      </c>
      <c r="D490">
        <v>10.321388152740415</v>
      </c>
      <c r="E490">
        <v>2.5113024110640656</v>
      </c>
      <c r="F490">
        <f t="shared" si="28"/>
        <v>1.9836736304725358</v>
      </c>
      <c r="G490">
        <f t="shared" si="29"/>
        <v>2.4696814276968317</v>
      </c>
      <c r="H490">
        <f t="shared" si="30"/>
        <v>-2.4670425051783566E-2</v>
      </c>
      <c r="I490">
        <f t="shared" si="31"/>
        <v>2.7221807214266217E-2</v>
      </c>
    </row>
    <row r="491" spans="1:9" x14ac:dyDescent="0.4">
      <c r="A491">
        <v>16.3</v>
      </c>
      <c r="B491">
        <v>-9.1530093745235863</v>
      </c>
      <c r="C491">
        <v>2.4151595652636</v>
      </c>
      <c r="D491">
        <v>10.300155269958633</v>
      </c>
      <c r="E491">
        <v>2.515132739339824</v>
      </c>
      <c r="F491">
        <f t="shared" si="28"/>
        <v>1.9821038715571726</v>
      </c>
      <c r="G491">
        <f t="shared" si="29"/>
        <v>2.4723848360744682</v>
      </c>
      <c r="H491">
        <f t="shared" si="30"/>
        <v>-1.8815861166773883E-2</v>
      </c>
      <c r="I491">
        <f t="shared" si="31"/>
        <v>3.6193584246343974E-2</v>
      </c>
    </row>
    <row r="492" spans="1:9" x14ac:dyDescent="0.4">
      <c r="A492">
        <v>16.333333333333332</v>
      </c>
      <c r="B492">
        <v>-9.1275327014342871</v>
      </c>
      <c r="C492">
        <v>2.4136323100212609</v>
      </c>
      <c r="D492">
        <v>10.281219697596665</v>
      </c>
      <c r="E492">
        <v>2.5181200645747928</v>
      </c>
      <c r="F492">
        <f t="shared" si="28"/>
        <v>1.9821586972683962</v>
      </c>
      <c r="G492">
        <f t="shared" si="29"/>
        <v>2.4734417549648264</v>
      </c>
      <c r="H492">
        <f t="shared" si="30"/>
        <v>-9.4834078311940885E-3</v>
      </c>
      <c r="I492">
        <f t="shared" si="31"/>
        <v>5.3047244240419476E-2</v>
      </c>
    </row>
    <row r="493" spans="1:9" x14ac:dyDescent="0.4">
      <c r="A493">
        <v>16.366666666666667</v>
      </c>
      <c r="B493">
        <v>-9.0995154975317387</v>
      </c>
      <c r="C493">
        <v>2.4142680018908003</v>
      </c>
      <c r="D493">
        <v>10.261635990894323</v>
      </c>
      <c r="E493">
        <v>2.5197796242673101</v>
      </c>
      <c r="F493">
        <f t="shared" si="28"/>
        <v>1.9829288418935036</v>
      </c>
      <c r="G493">
        <f t="shared" si="29"/>
        <v>2.4746635151870597</v>
      </c>
      <c r="H493">
        <f t="shared" si="30"/>
        <v>-9.6846912226964746E-3</v>
      </c>
      <c r="I493">
        <f t="shared" si="31"/>
        <v>7.0609310244810417E-2</v>
      </c>
    </row>
    <row r="494" spans="1:9" x14ac:dyDescent="0.4">
      <c r="A494">
        <v>16.399999999999999</v>
      </c>
      <c r="B494">
        <v>-9.0749049073139378</v>
      </c>
      <c r="C494">
        <v>2.4175323241237239</v>
      </c>
      <c r="D494">
        <v>10.241070878951501</v>
      </c>
      <c r="E494">
        <v>2.5220926258337983</v>
      </c>
      <c r="F494">
        <f t="shared" si="28"/>
        <v>1.9816805773325046</v>
      </c>
      <c r="G494">
        <f t="shared" si="29"/>
        <v>2.4773832955139392</v>
      </c>
      <c r="H494">
        <f t="shared" si="30"/>
        <v>-2.2128576275074422E-2</v>
      </c>
      <c r="I494">
        <f t="shared" si="31"/>
        <v>7.2737584590580856E-2</v>
      </c>
    </row>
    <row r="495" spans="1:9" x14ac:dyDescent="0.4">
      <c r="A495">
        <v>16.433333333333334</v>
      </c>
      <c r="B495">
        <v>-9.0497749932022913</v>
      </c>
      <c r="C495">
        <v>2.4224767703329761</v>
      </c>
      <c r="D495">
        <v>10.220635821324166</v>
      </c>
      <c r="E495">
        <v>2.5267829561135793</v>
      </c>
      <c r="F495">
        <f t="shared" si="28"/>
        <v>1.9807288163213357</v>
      </c>
      <c r="G495">
        <f t="shared" si="29"/>
        <v>2.4821822841740468</v>
      </c>
      <c r="H495">
        <f t="shared" si="30"/>
        <v>-2.1754843078613355E-2</v>
      </c>
      <c r="I495">
        <f t="shared" si="31"/>
        <v>6.0903966042234164E-2</v>
      </c>
    </row>
    <row r="496" spans="1:9" x14ac:dyDescent="0.4">
      <c r="A496">
        <v>16.466666666666665</v>
      </c>
      <c r="B496">
        <v>-9.0213745742995037</v>
      </c>
      <c r="C496">
        <v>2.4230876256892819</v>
      </c>
      <c r="D496">
        <v>10.19739700563083</v>
      </c>
      <c r="E496">
        <v>2.5256680471647424</v>
      </c>
      <c r="F496">
        <f t="shared" si="28"/>
        <v>1.9795706140086344</v>
      </c>
      <c r="G496">
        <f t="shared" si="29"/>
        <v>2.4818053012364296</v>
      </c>
      <c r="H496">
        <f t="shared" si="30"/>
        <v>-6.1050589026888202E-2</v>
      </c>
      <c r="I496">
        <f t="shared" si="31"/>
        <v>3.5489414269746514E-2</v>
      </c>
    </row>
    <row r="497" spans="1:9" x14ac:dyDescent="0.4">
      <c r="A497">
        <v>16.5</v>
      </c>
      <c r="B497">
        <v>-8.9930713405253027</v>
      </c>
      <c r="C497">
        <v>2.4243354657203215</v>
      </c>
      <c r="D497">
        <v>10.177629780949493</v>
      </c>
      <c r="E497">
        <v>2.5261297882919478</v>
      </c>
      <c r="F497">
        <f t="shared" si="28"/>
        <v>1.9803580163756698</v>
      </c>
      <c r="G497">
        <f t="shared" si="29"/>
        <v>2.4826031733328535</v>
      </c>
      <c r="H497">
        <f t="shared" si="30"/>
        <v>-7.2418293762117808E-2</v>
      </c>
      <c r="I497">
        <f t="shared" si="31"/>
        <v>4.3062790768332852E-2</v>
      </c>
    </row>
    <row r="498" spans="1:9" x14ac:dyDescent="0.4">
      <c r="A498">
        <v>16.533333333333335</v>
      </c>
      <c r="B498">
        <v>-8.974264571062907</v>
      </c>
      <c r="C498">
        <v>2.4276575042809481</v>
      </c>
      <c r="D498">
        <v>10.148439334871602</v>
      </c>
      <c r="E498">
        <v>2.5244947556740867</v>
      </c>
      <c r="F498">
        <f t="shared" si="28"/>
        <v>1.9716908791341894</v>
      </c>
      <c r="G498">
        <f t="shared" si="29"/>
        <v>2.4830877533128271</v>
      </c>
      <c r="H498">
        <f t="shared" si="30"/>
        <v>-9.0932158847921329E-2</v>
      </c>
      <c r="I498">
        <f t="shared" si="31"/>
        <v>5.7058057553882012E-2</v>
      </c>
    </row>
    <row r="499" spans="1:9" x14ac:dyDescent="0.4">
      <c r="A499">
        <v>16.566666666666666</v>
      </c>
      <c r="B499">
        <v>-8.9473771282761962</v>
      </c>
      <c r="C499">
        <v>2.4343742476260881</v>
      </c>
      <c r="D499">
        <v>10.129940562408137</v>
      </c>
      <c r="E499">
        <v>2.5293137092836897</v>
      </c>
      <c r="F499">
        <f t="shared" si="28"/>
        <v>1.9725989681315386</v>
      </c>
      <c r="G499">
        <f t="shared" si="29"/>
        <v>2.4887181899305704</v>
      </c>
      <c r="H499">
        <f t="shared" si="30"/>
        <v>-0.10592386354496861</v>
      </c>
      <c r="I499">
        <f t="shared" si="31"/>
        <v>6.0337291837731774E-2</v>
      </c>
    </row>
    <row r="500" spans="1:9" x14ac:dyDescent="0.4">
      <c r="A500">
        <v>16.600000000000001</v>
      </c>
      <c r="B500">
        <v>-8.920064030944328</v>
      </c>
      <c r="C500">
        <v>2.4302720139234015</v>
      </c>
      <c r="D500">
        <v>10.102017913253434</v>
      </c>
      <c r="E500">
        <v>2.5315732385706569</v>
      </c>
      <c r="F500">
        <f t="shared" si="28"/>
        <v>1.9682947783227129</v>
      </c>
      <c r="G500">
        <f t="shared" si="29"/>
        <v>2.4882574691965518</v>
      </c>
      <c r="H500">
        <f t="shared" si="30"/>
        <v>-8.2778076146186999E-2</v>
      </c>
      <c r="I500">
        <f t="shared" si="31"/>
        <v>5.92481779737212E-2</v>
      </c>
    </row>
    <row r="501" spans="1:9" x14ac:dyDescent="0.4">
      <c r="A501">
        <v>16.633333333333333</v>
      </c>
      <c r="B501">
        <v>-8.9003251944828623</v>
      </c>
      <c r="C501">
        <v>2.4321691446336007</v>
      </c>
      <c r="D501">
        <v>10.080472216587228</v>
      </c>
      <c r="E501">
        <v>2.5333304874960563</v>
      </c>
      <c r="F501">
        <f t="shared" si="28"/>
        <v>1.9644020895239134</v>
      </c>
      <c r="G501">
        <f t="shared" si="29"/>
        <v>2.4900745306972798</v>
      </c>
      <c r="H501">
        <f t="shared" si="30"/>
        <v>-0.11067944502801429</v>
      </c>
      <c r="I501">
        <f t="shared" si="31"/>
        <v>3.7035542952359966E-2</v>
      </c>
    </row>
    <row r="502" spans="1:9" x14ac:dyDescent="0.4">
      <c r="A502">
        <v>16.666666666666668</v>
      </c>
      <c r="B502">
        <v>-8.8695096969096596</v>
      </c>
      <c r="C502">
        <v>2.4339321560925273</v>
      </c>
      <c r="D502">
        <v>10.053243948874552</v>
      </c>
      <c r="E502">
        <v>2.5358739535592809</v>
      </c>
      <c r="F502">
        <f t="shared" si="28"/>
        <v>1.9619929724136376</v>
      </c>
      <c r="G502">
        <f t="shared" si="29"/>
        <v>2.4922842792584259</v>
      </c>
      <c r="H502">
        <f t="shared" si="30"/>
        <v>-0.10822018126971372</v>
      </c>
      <c r="I502">
        <f t="shared" si="31"/>
        <v>2.829090283164554E-2</v>
      </c>
    </row>
    <row r="503" spans="1:9" x14ac:dyDescent="0.4">
      <c r="A503">
        <v>16.7</v>
      </c>
      <c r="B503">
        <v>-8.8434389240432942</v>
      </c>
      <c r="C503">
        <v>2.4334726503937905</v>
      </c>
      <c r="D503">
        <v>10.025575881967722</v>
      </c>
      <c r="E503">
        <v>2.5372533547751428</v>
      </c>
      <c r="F503">
        <f t="shared" si="28"/>
        <v>1.9573032969147406</v>
      </c>
      <c r="G503">
        <f t="shared" si="29"/>
        <v>2.4928773753916933</v>
      </c>
      <c r="H503">
        <f t="shared" si="30"/>
        <v>-0.11350330587727965</v>
      </c>
      <c r="I503">
        <f t="shared" si="31"/>
        <v>1.5807699422030239E-2</v>
      </c>
    </row>
    <row r="504" spans="1:9" x14ac:dyDescent="0.4">
      <c r="A504">
        <v>16.733333333333334</v>
      </c>
      <c r="B504">
        <v>-8.8177815292204649</v>
      </c>
      <c r="C504">
        <v>2.4312733454551103</v>
      </c>
      <c r="D504">
        <v>10.000302293054501</v>
      </c>
      <c r="E504">
        <v>2.5366143522449756</v>
      </c>
      <c r="F504">
        <f t="shared" si="28"/>
        <v>1.9538074777490138</v>
      </c>
      <c r="G504">
        <f t="shared" si="29"/>
        <v>2.491571197321286</v>
      </c>
      <c r="H504">
        <f t="shared" si="30"/>
        <v>-0.10073989919669885</v>
      </c>
      <c r="I504">
        <f t="shared" si="31"/>
        <v>1.0784763732729599E-2</v>
      </c>
    </row>
    <row r="505" spans="1:9" x14ac:dyDescent="0.4">
      <c r="A505">
        <v>16.766666666666666</v>
      </c>
      <c r="B505">
        <v>-8.7912558675890597</v>
      </c>
      <c r="C505">
        <v>2.4331710891643419</v>
      </c>
      <c r="D505">
        <v>9.9730977245230292</v>
      </c>
      <c r="E505">
        <v>2.5378076089114558</v>
      </c>
      <c r="F505">
        <f t="shared" si="28"/>
        <v>1.949577619210012</v>
      </c>
      <c r="G505">
        <f t="shared" si="29"/>
        <v>2.4930656882361881</v>
      </c>
      <c r="H505">
        <f t="shared" si="30"/>
        <v>-4.4742365986171449E-2</v>
      </c>
      <c r="I505">
        <f t="shared" si="31"/>
        <v>5.0771640460306813E-2</v>
      </c>
    </row>
    <row r="506" spans="1:9" x14ac:dyDescent="0.4">
      <c r="A506">
        <v>16.8</v>
      </c>
      <c r="B506">
        <v>-8.7622283447544369</v>
      </c>
      <c r="C506">
        <v>2.4347749712179412</v>
      </c>
      <c r="D506">
        <v>9.9505197427164713</v>
      </c>
      <c r="E506">
        <v>2.5382200525104022</v>
      </c>
      <c r="F506">
        <f t="shared" si="28"/>
        <v>1.949065828066552</v>
      </c>
      <c r="G506">
        <f t="shared" si="29"/>
        <v>2.4939875834583001</v>
      </c>
      <c r="H506">
        <f t="shared" si="30"/>
        <v>-1.9272259861119136E-3</v>
      </c>
      <c r="I506">
        <f t="shared" si="31"/>
        <v>8.5639203007834744E-2</v>
      </c>
    </row>
    <row r="507" spans="1:9" x14ac:dyDescent="0.4">
      <c r="A507">
        <v>16.833333333333332</v>
      </c>
      <c r="B507">
        <v>-8.7316939038553993</v>
      </c>
      <c r="C507">
        <v>2.4461723059295366</v>
      </c>
      <c r="D507">
        <v>9.93321541934084</v>
      </c>
      <c r="E507">
        <v>2.540438948542167</v>
      </c>
      <c r="F507">
        <f t="shared" si="28"/>
        <v>1.9522170607582763</v>
      </c>
      <c r="G507">
        <f t="shared" si="29"/>
        <v>2.5001311223999041</v>
      </c>
      <c r="H507">
        <f t="shared" si="30"/>
        <v>2.550860303859798E-2</v>
      </c>
      <c r="I507">
        <f t="shared" si="31"/>
        <v>9.9711927064437822E-2</v>
      </c>
    </row>
    <row r="508" spans="1:9" x14ac:dyDescent="0.4">
      <c r="A508">
        <v>16.866666666666667</v>
      </c>
      <c r="B508">
        <v>-8.7021281214180402</v>
      </c>
      <c r="C508">
        <v>2.4464312943510156</v>
      </c>
      <c r="D508">
        <v>9.9110412182207579</v>
      </c>
      <c r="E508">
        <v>2.5440549406322139</v>
      </c>
      <c r="F508">
        <f t="shared" si="28"/>
        <v>1.952166552643863</v>
      </c>
      <c r="G508">
        <f t="shared" si="29"/>
        <v>2.5023116807407337</v>
      </c>
      <c r="H508">
        <f t="shared" si="30"/>
        <v>6.4806220476881886E-3</v>
      </c>
      <c r="I508">
        <f t="shared" si="31"/>
        <v>0.10329358920065135</v>
      </c>
    </row>
    <row r="509" spans="1:9" x14ac:dyDescent="0.4">
      <c r="A509">
        <v>16.899999999999999</v>
      </c>
      <c r="B509">
        <v>-8.6745487403815549</v>
      </c>
      <c r="C509">
        <v>2.4505386721144684</v>
      </c>
      <c r="D509">
        <v>9.8906350254216342</v>
      </c>
      <c r="E509">
        <v>2.5465956611820988</v>
      </c>
      <c r="F509">
        <f t="shared" si="28"/>
        <v>1.9522786907611229</v>
      </c>
      <c r="G509">
        <f t="shared" si="29"/>
        <v>2.5055222941057109</v>
      </c>
      <c r="H509">
        <f t="shared" si="30"/>
        <v>-4.4767694900184465E-2</v>
      </c>
      <c r="I509">
        <f t="shared" si="31"/>
        <v>7.7717272924131414E-2</v>
      </c>
    </row>
    <row r="510" spans="1:9" x14ac:dyDescent="0.4">
      <c r="A510">
        <v>16.933333333333334</v>
      </c>
      <c r="B510">
        <v>-8.652900057531566</v>
      </c>
      <c r="C510">
        <v>2.4520440526551508</v>
      </c>
      <c r="D510">
        <v>9.8706834350423875</v>
      </c>
      <c r="E510">
        <v>2.550686480176152</v>
      </c>
      <c r="F510">
        <f t="shared" si="28"/>
        <v>1.9501151167397435</v>
      </c>
      <c r="G510">
        <f t="shared" si="29"/>
        <v>2.5085075958055052</v>
      </c>
      <c r="H510">
        <f t="shared" si="30"/>
        <v>-5.5118086926573814E-2</v>
      </c>
      <c r="I510">
        <f t="shared" si="31"/>
        <v>4.8369098381871541E-2</v>
      </c>
    </row>
    <row r="511" spans="1:9" x14ac:dyDescent="0.4">
      <c r="A511">
        <v>16.966666666666665</v>
      </c>
      <c r="B511">
        <v>-8.6287124507619062</v>
      </c>
      <c r="C511">
        <v>2.4536637827048087</v>
      </c>
      <c r="D511">
        <v>9.8450441457647067</v>
      </c>
      <c r="E511">
        <v>2.5520593887346963</v>
      </c>
      <c r="F511">
        <f t="shared" si="28"/>
        <v>1.9457814962269719</v>
      </c>
      <c r="G511">
        <f t="shared" si="29"/>
        <v>2.5099860436882069</v>
      </c>
      <c r="H511">
        <f t="shared" si="30"/>
        <v>-3.8758263749592806E-2</v>
      </c>
      <c r="I511">
        <f t="shared" si="31"/>
        <v>2.8771744566019716E-2</v>
      </c>
    </row>
    <row r="512" spans="1:9" x14ac:dyDescent="0.4">
      <c r="A512">
        <v>17</v>
      </c>
      <c r="B512">
        <v>-8.5961863109235477</v>
      </c>
      <c r="C512">
        <v>2.4554847755998144</v>
      </c>
      <c r="D512">
        <v>9.8215282117473901</v>
      </c>
      <c r="E512">
        <v>2.5474763387599815</v>
      </c>
      <c r="F512">
        <f t="shared" si="28"/>
        <v>1.9462288020898428</v>
      </c>
      <c r="G512">
        <f t="shared" si="29"/>
        <v>2.5081413223464644</v>
      </c>
      <c r="H512">
        <f t="shared" si="30"/>
        <v>-1.8965515968205851E-2</v>
      </c>
      <c r="I512">
        <f t="shared" si="31"/>
        <v>4.9916829674967406E-3</v>
      </c>
    </row>
    <row r="513" spans="1:9" x14ac:dyDescent="0.4">
      <c r="A513">
        <v>17.033333333333335</v>
      </c>
      <c r="B513">
        <v>-8.5675276527879412</v>
      </c>
      <c r="C513">
        <v>2.4579835261006644</v>
      </c>
      <c r="D513">
        <v>9.8027986342981865</v>
      </c>
      <c r="E513">
        <v>2.5497316411008746</v>
      </c>
      <c r="F513">
        <f t="shared" si="28"/>
        <v>1.9477621374611409</v>
      </c>
      <c r="G513">
        <f t="shared" si="29"/>
        <v>2.5105007215962347</v>
      </c>
      <c r="H513">
        <f t="shared" si="30"/>
        <v>3.8373886602609143E-3</v>
      </c>
      <c r="I513">
        <f t="shared" si="31"/>
        <v>1.6049883971062582E-2</v>
      </c>
    </row>
    <row r="514" spans="1:9" x14ac:dyDescent="0.4">
      <c r="A514">
        <v>17.066666666666666</v>
      </c>
      <c r="B514">
        <v>-8.5347886888022391</v>
      </c>
      <c r="C514">
        <v>2.4568358805048383</v>
      </c>
      <c r="D514">
        <v>9.7752006890243841</v>
      </c>
      <c r="E514">
        <v>2.5481107791796078</v>
      </c>
      <c r="F514">
        <f t="shared" si="28"/>
        <v>1.9459638767946246</v>
      </c>
      <c r="G514">
        <f t="shared" si="29"/>
        <v>2.5090822040127407</v>
      </c>
      <c r="H514">
        <f t="shared" si="30"/>
        <v>1.7408955191298623E-2</v>
      </c>
      <c r="I514">
        <f t="shared" si="31"/>
        <v>4.7074992098532775E-2</v>
      </c>
    </row>
    <row r="515" spans="1:9" x14ac:dyDescent="0.4">
      <c r="A515">
        <v>17.100000000000001</v>
      </c>
      <c r="B515">
        <v>-8.5026507587022024</v>
      </c>
      <c r="C515">
        <v>2.4596737305917493</v>
      </c>
      <c r="D515">
        <v>9.7522234232012863</v>
      </c>
      <c r="E515">
        <v>2.5514212471177111</v>
      </c>
      <c r="F515">
        <f t="shared" ref="F515:F578" si="32">(B515*58.73+D515*78.62)/(58.73+78.62)</f>
        <v>1.9465535236512912</v>
      </c>
      <c r="G515">
        <f t="shared" ref="G515:G578" si="33">(C515*58.73+E515*78.62)/(58.73+78.62)</f>
        <v>2.5121905835169125</v>
      </c>
      <c r="H515">
        <f t="shared" si="30"/>
        <v>2.2912614184746993E-2</v>
      </c>
      <c r="I515">
        <f t="shared" si="31"/>
        <v>5.7995952042827238E-2</v>
      </c>
    </row>
    <row r="516" spans="1:9" x14ac:dyDescent="0.4">
      <c r="A516">
        <v>17.133333333333333</v>
      </c>
      <c r="B516">
        <v>-8.4698093900281393</v>
      </c>
      <c r="C516">
        <v>2.4634214274262831</v>
      </c>
      <c r="D516">
        <v>9.7332479394052154</v>
      </c>
      <c r="E516">
        <v>2.5537782237546973</v>
      </c>
      <c r="F516">
        <f t="shared" si="32"/>
        <v>1.9497346015266508</v>
      </c>
      <c r="G516">
        <f t="shared" si="33"/>
        <v>2.5151422234025476</v>
      </c>
      <c r="H516">
        <f t="shared" si="30"/>
        <v>2.9967932636850551E-2</v>
      </c>
      <c r="I516">
        <f t="shared" si="31"/>
        <v>8.9548783440825924E-2</v>
      </c>
    </row>
    <row r="517" spans="1:9" x14ac:dyDescent="0.4">
      <c r="A517">
        <v>17.166666666666668</v>
      </c>
      <c r="B517">
        <v>-8.4373632434326442</v>
      </c>
      <c r="C517">
        <v>2.4663161626796528</v>
      </c>
      <c r="D517">
        <v>9.7089420792736458</v>
      </c>
      <c r="E517">
        <v>2.5551002041166657</v>
      </c>
      <c r="F517">
        <f t="shared" si="32"/>
        <v>1.9496955441259189</v>
      </c>
      <c r="G517">
        <f t="shared" si="33"/>
        <v>2.5171367039084691</v>
      </c>
      <c r="H517">
        <f t="shared" ref="H517:H580" si="34">SLOPE(F515:F519,$A515:$A519)</f>
        <v>7.0712250770312403E-3</v>
      </c>
      <c r="I517">
        <f t="shared" ref="I517:I580" si="35">SLOPE(G515:G519,$A515:$A519)</f>
        <v>9.5030536967639009E-2</v>
      </c>
    </row>
    <row r="518" spans="1:9" x14ac:dyDescent="0.4">
      <c r="A518">
        <v>17.2</v>
      </c>
      <c r="B518">
        <v>-8.4090809373067312</v>
      </c>
      <c r="C518">
        <v>2.4723800393546482</v>
      </c>
      <c r="D518">
        <v>9.6872767691971866</v>
      </c>
      <c r="E518">
        <v>2.5582524433082448</v>
      </c>
      <c r="F518">
        <f t="shared" si="32"/>
        <v>1.9493875219967858</v>
      </c>
      <c r="G518">
        <f t="shared" si="33"/>
        <v>2.5215339410571</v>
      </c>
      <c r="H518">
        <f t="shared" si="34"/>
        <v>-1.1713299215838765E-2</v>
      </c>
      <c r="I518">
        <f t="shared" si="35"/>
        <v>7.2591906047410948E-2</v>
      </c>
    </row>
    <row r="519" spans="1:9" x14ac:dyDescent="0.4">
      <c r="A519">
        <v>17.233333333333334</v>
      </c>
      <c r="B519">
        <v>-8.3811791877490727</v>
      </c>
      <c r="C519">
        <v>2.4725095684639058</v>
      </c>
      <c r="D519">
        <v>9.6638449247533664</v>
      </c>
      <c r="E519">
        <v>2.5639194334222064</v>
      </c>
      <c r="F519">
        <f t="shared" si="32"/>
        <v>1.9479056009290623</v>
      </c>
      <c r="G519">
        <f t="shared" si="33"/>
        <v>2.524833147517576</v>
      </c>
      <c r="H519">
        <f t="shared" si="34"/>
        <v>-2.2239589145875375E-2</v>
      </c>
      <c r="I519">
        <f t="shared" si="35"/>
        <v>5.6867072682851072E-2</v>
      </c>
    </row>
    <row r="520" spans="1:9" x14ac:dyDescent="0.4">
      <c r="A520">
        <v>17.266666666666666</v>
      </c>
      <c r="B520">
        <v>-8.3490044815779285</v>
      </c>
      <c r="C520">
        <v>2.4729872694171173</v>
      </c>
      <c r="D520">
        <v>9.6411583328744008</v>
      </c>
      <c r="E520">
        <v>2.5610460252168972</v>
      </c>
      <c r="F520">
        <f t="shared" si="32"/>
        <v>1.948677356589106</v>
      </c>
      <c r="G520">
        <f t="shared" si="33"/>
        <v>2.5233926526058958</v>
      </c>
      <c r="H520">
        <f t="shared" si="34"/>
        <v>-1.3471423777333355E-2</v>
      </c>
      <c r="I520">
        <f t="shared" si="35"/>
        <v>2.7253458079575115E-2</v>
      </c>
    </row>
    <row r="521" spans="1:9" x14ac:dyDescent="0.4">
      <c r="A521">
        <v>17.3</v>
      </c>
      <c r="B521">
        <v>-8.324503545225836</v>
      </c>
      <c r="C521">
        <v>2.475119110161883</v>
      </c>
      <c r="D521">
        <v>9.6187795159584031</v>
      </c>
      <c r="E521">
        <v>2.5634586110222868</v>
      </c>
      <c r="F521">
        <f t="shared" si="32"/>
        <v>1.9463440286387796</v>
      </c>
      <c r="G521">
        <f t="shared" si="33"/>
        <v>2.525685193581213</v>
      </c>
      <c r="H521">
        <f t="shared" si="34"/>
        <v>-2.6315014523770573E-2</v>
      </c>
      <c r="I521">
        <f t="shared" si="35"/>
        <v>1.5471716726106961E-2</v>
      </c>
    </row>
    <row r="522" spans="1:9" x14ac:dyDescent="0.4">
      <c r="A522">
        <v>17.333333333333332</v>
      </c>
      <c r="B522">
        <v>-8.2921691261733219</v>
      </c>
      <c r="C522">
        <v>2.4751676290976401</v>
      </c>
      <c r="D522">
        <v>9.5973839552380653</v>
      </c>
      <c r="E522">
        <v>2.5633611646112895</v>
      </c>
      <c r="F522">
        <f t="shared" si="32"/>
        <v>1.9479230708457049</v>
      </c>
      <c r="G522">
        <f t="shared" si="33"/>
        <v>2.525650161038544</v>
      </c>
      <c r="H522">
        <f t="shared" si="34"/>
        <v>-3.8632046402239377E-2</v>
      </c>
      <c r="I522">
        <f t="shared" si="35"/>
        <v>3.3822258525016871E-2</v>
      </c>
    </row>
    <row r="523" spans="1:9" x14ac:dyDescent="0.4">
      <c r="A523">
        <v>17.366666666666667</v>
      </c>
      <c r="B523">
        <v>-8.2613511675138209</v>
      </c>
      <c r="C523">
        <v>2.4732941866087872</v>
      </c>
      <c r="D523">
        <v>9.5673288525606051</v>
      </c>
      <c r="E523">
        <v>2.5658662455157466</v>
      </c>
      <c r="F523">
        <f t="shared" si="32"/>
        <v>1.9438969080468012</v>
      </c>
      <c r="G523">
        <f t="shared" si="33"/>
        <v>2.5262830127556031</v>
      </c>
      <c r="H523">
        <f t="shared" si="34"/>
        <v>-5.4793760227601185E-2</v>
      </c>
      <c r="I523">
        <f t="shared" si="35"/>
        <v>3.3180615586263625E-2</v>
      </c>
    </row>
    <row r="524" spans="1:9" x14ac:dyDescent="0.4">
      <c r="A524">
        <v>17.399999999999999</v>
      </c>
      <c r="B524">
        <v>-8.2308654245981927</v>
      </c>
      <c r="C524">
        <v>2.4737613611447702</v>
      </c>
      <c r="D524">
        <v>9.5437963036368405</v>
      </c>
      <c r="E524">
        <v>2.5697935478460283</v>
      </c>
      <c r="F524">
        <f t="shared" si="32"/>
        <v>1.9434622424847221</v>
      </c>
      <c r="G524">
        <f t="shared" si="33"/>
        <v>2.5287307861062036</v>
      </c>
      <c r="H524">
        <f t="shared" si="34"/>
        <v>-6.1031896635118391E-2</v>
      </c>
      <c r="I524">
        <f t="shared" si="35"/>
        <v>3.8139478318270997E-2</v>
      </c>
    </row>
    <row r="525" spans="1:9" x14ac:dyDescent="0.4">
      <c r="A525">
        <v>17.433333333333334</v>
      </c>
      <c r="B525">
        <v>-8.202467025040816</v>
      </c>
      <c r="C525">
        <v>2.4753621102122945</v>
      </c>
      <c r="D525">
        <v>9.5155592420164137</v>
      </c>
      <c r="E525">
        <v>2.5702472942112129</v>
      </c>
      <c r="F525">
        <f t="shared" si="32"/>
        <v>1.9394421494480043</v>
      </c>
      <c r="G525">
        <f t="shared" si="33"/>
        <v>2.5296749836450938</v>
      </c>
      <c r="H525">
        <f t="shared" si="34"/>
        <v>-4.6996673603253859E-2</v>
      </c>
      <c r="I525">
        <f t="shared" si="35"/>
        <v>3.7750986802552587E-2</v>
      </c>
    </row>
    <row r="526" spans="1:9" x14ac:dyDescent="0.4">
      <c r="A526">
        <v>17.466666666666665</v>
      </c>
      <c r="B526">
        <v>-8.175284578509654</v>
      </c>
      <c r="C526">
        <v>2.4789420250426959</v>
      </c>
      <c r="D526">
        <v>9.4961906103980702</v>
      </c>
      <c r="E526">
        <v>2.5686837587325511</v>
      </c>
      <c r="F526">
        <f t="shared" si="32"/>
        <v>1.9399784673725837</v>
      </c>
      <c r="G526">
        <f t="shared" si="33"/>
        <v>2.5303107553135105</v>
      </c>
      <c r="H526">
        <f t="shared" si="34"/>
        <v>-3.4481164190593452E-2</v>
      </c>
      <c r="I526">
        <f t="shared" si="35"/>
        <v>3.2847240825773776E-2</v>
      </c>
    </row>
    <row r="527" spans="1:9" x14ac:dyDescent="0.4">
      <c r="A527">
        <v>17.5</v>
      </c>
      <c r="B527">
        <v>-8.1408837113338564</v>
      </c>
      <c r="C527">
        <v>2.482909217134269</v>
      </c>
      <c r="D527">
        <v>9.4666974911743029</v>
      </c>
      <c r="E527">
        <v>2.568295498608451</v>
      </c>
      <c r="F527">
        <f t="shared" si="32"/>
        <v>1.9378060166689948</v>
      </c>
      <c r="G527">
        <f t="shared" si="33"/>
        <v>2.5317848592857084</v>
      </c>
      <c r="H527">
        <f t="shared" si="34"/>
        <v>-3.7982052142013556E-2</v>
      </c>
      <c r="I527">
        <f t="shared" si="35"/>
        <v>5.1475234296729053E-2</v>
      </c>
    </row>
    <row r="528" spans="1:9" x14ac:dyDescent="0.4">
      <c r="A528">
        <v>17.533333333333335</v>
      </c>
      <c r="B528">
        <v>-8.1063748047881798</v>
      </c>
      <c r="C528">
        <v>2.483635554649295</v>
      </c>
      <c r="D528">
        <v>9.442189791301896</v>
      </c>
      <c r="E528">
        <v>2.5701385108804131</v>
      </c>
      <c r="F528">
        <f t="shared" si="32"/>
        <v>1.9385334481757945</v>
      </c>
      <c r="G528">
        <f t="shared" si="33"/>
        <v>2.5331503884235254</v>
      </c>
      <c r="H528">
        <f t="shared" si="34"/>
        <v>-5.7543134656792699E-2</v>
      </c>
      <c r="I528">
        <f t="shared" si="35"/>
        <v>4.8212175144340993E-2</v>
      </c>
    </row>
    <row r="529" spans="1:9" x14ac:dyDescent="0.4">
      <c r="A529">
        <v>17.566666666666666</v>
      </c>
      <c r="B529">
        <v>-8.0752478889834194</v>
      </c>
      <c r="C529">
        <v>2.491582465841351</v>
      </c>
      <c r="D529">
        <v>9.4107282111812278</v>
      </c>
      <c r="E529">
        <v>2.570638042305649</v>
      </c>
      <c r="F529">
        <f t="shared" si="32"/>
        <v>1.9338343170227299</v>
      </c>
      <c r="G529">
        <f t="shared" si="33"/>
        <v>2.5368343728062079</v>
      </c>
      <c r="H529">
        <f t="shared" si="34"/>
        <v>-5.7123755840686283E-2</v>
      </c>
      <c r="I529">
        <f t="shared" si="35"/>
        <v>2.6209113070246301E-2</v>
      </c>
    </row>
    <row r="530" spans="1:9" x14ac:dyDescent="0.4">
      <c r="A530">
        <v>17.600000000000001</v>
      </c>
      <c r="B530">
        <v>-8.0399930920223017</v>
      </c>
      <c r="C530">
        <v>2.4898316439863746</v>
      </c>
      <c r="D530">
        <v>9.3818409438283243</v>
      </c>
      <c r="E530">
        <v>2.5701761828116232</v>
      </c>
      <c r="F530">
        <f t="shared" si="32"/>
        <v>1.9323737947529172</v>
      </c>
      <c r="G530">
        <f t="shared" si="33"/>
        <v>2.5358213610773177</v>
      </c>
      <c r="H530">
        <f t="shared" si="34"/>
        <v>-0.10011720079723277</v>
      </c>
      <c r="I530">
        <f t="shared" si="35"/>
        <v>-1.1903946241324181E-2</v>
      </c>
    </row>
    <row r="531" spans="1:9" x14ac:dyDescent="0.4">
      <c r="A531">
        <v>17.633333333333333</v>
      </c>
      <c r="B531">
        <v>-8.0072823684589576</v>
      </c>
      <c r="C531">
        <v>2.4913040212528439</v>
      </c>
      <c r="D531">
        <v>9.3556436798581029</v>
      </c>
      <c r="E531">
        <v>2.5673226467533246</v>
      </c>
      <c r="F531">
        <f t="shared" si="32"/>
        <v>1.9313652174069857</v>
      </c>
      <c r="G531">
        <f t="shared" si="33"/>
        <v>2.5348175584705199</v>
      </c>
      <c r="H531">
        <f t="shared" si="34"/>
        <v>-0.10750090373300912</v>
      </c>
      <c r="I531">
        <f t="shared" si="35"/>
        <v>-1.2153817451324489E-2</v>
      </c>
    </row>
    <row r="532" spans="1:9" x14ac:dyDescent="0.4">
      <c r="A532">
        <v>17.666666666666668</v>
      </c>
      <c r="B532">
        <v>-7.9819228200929935</v>
      </c>
      <c r="C532">
        <v>2.4912788455590285</v>
      </c>
      <c r="D532">
        <v>9.3222285952539821</v>
      </c>
      <c r="E532">
        <v>2.5627245332665805</v>
      </c>
      <c r="F532">
        <f t="shared" si="32"/>
        <v>1.9230817978507946</v>
      </c>
      <c r="G532">
        <f t="shared" si="33"/>
        <v>2.5321748045511487</v>
      </c>
      <c r="H532">
        <f t="shared" si="34"/>
        <v>-9.7982828207124617E-2</v>
      </c>
      <c r="I532">
        <f t="shared" si="35"/>
        <v>3.3795582193458765E-3</v>
      </c>
    </row>
    <row r="533" spans="1:9" x14ac:dyDescent="0.4">
      <c r="A533">
        <v>17.7</v>
      </c>
      <c r="B533">
        <v>-7.9520760750492778</v>
      </c>
      <c r="C533">
        <v>2.491221471037171</v>
      </c>
      <c r="D533">
        <v>9.2955332531588368</v>
      </c>
      <c r="E533">
        <v>2.5705541877706817</v>
      </c>
      <c r="F533">
        <f t="shared" si="32"/>
        <v>1.9205634981849564</v>
      </c>
      <c r="G533">
        <f t="shared" si="33"/>
        <v>2.5366320148274051</v>
      </c>
      <c r="H533">
        <f t="shared" si="34"/>
        <v>-6.6902814183444861E-2</v>
      </c>
      <c r="I533">
        <f t="shared" si="35"/>
        <v>2.2591064440282329E-2</v>
      </c>
    </row>
    <row r="534" spans="1:9" x14ac:dyDescent="0.4">
      <c r="A534">
        <v>17.733333333333334</v>
      </c>
      <c r="B534">
        <v>-7.9190825498408675</v>
      </c>
      <c r="C534">
        <v>2.4910941618321014</v>
      </c>
      <c r="D534">
        <v>9.2724252949206996</v>
      </c>
      <c r="E534">
        <v>2.5686321514817996</v>
      </c>
      <c r="F534">
        <f t="shared" si="32"/>
        <v>1.9214441829960778</v>
      </c>
      <c r="G534">
        <f t="shared" si="33"/>
        <v>2.5354773926020995</v>
      </c>
      <c r="H534">
        <f t="shared" si="34"/>
        <v>-9.7217797897484592E-3</v>
      </c>
      <c r="I534">
        <f t="shared" si="35"/>
        <v>4.5307210098813618E-2</v>
      </c>
    </row>
    <row r="535" spans="1:9" x14ac:dyDescent="0.4">
      <c r="A535">
        <v>17.766666666666666</v>
      </c>
      <c r="B535">
        <v>-7.8835726368167149</v>
      </c>
      <c r="C535">
        <v>2.4899132496124827</v>
      </c>
      <c r="D535">
        <v>9.2451816312629536</v>
      </c>
      <c r="E535">
        <v>2.572054545772041</v>
      </c>
      <c r="F535">
        <f t="shared" si="32"/>
        <v>1.9210335558037701</v>
      </c>
      <c r="G535">
        <f t="shared" si="33"/>
        <v>2.5369314418517583</v>
      </c>
      <c r="H535">
        <f t="shared" si="34"/>
        <v>5.4932181824126234E-3</v>
      </c>
      <c r="I535">
        <f t="shared" si="35"/>
        <v>6.0769903342401684E-2</v>
      </c>
    </row>
    <row r="536" spans="1:9" x14ac:dyDescent="0.4">
      <c r="A536">
        <v>17.8</v>
      </c>
      <c r="B536">
        <v>-7.8453490245674553</v>
      </c>
      <c r="C536">
        <v>2.4935028270424868</v>
      </c>
      <c r="D536">
        <v>9.2169652022173434</v>
      </c>
      <c r="E536">
        <v>2.5739936755682558</v>
      </c>
      <c r="F536">
        <f t="shared" si="32"/>
        <v>1.921226472409763</v>
      </c>
      <c r="G536">
        <f t="shared" si="33"/>
        <v>2.5395762927221077</v>
      </c>
      <c r="H536">
        <f t="shared" si="34"/>
        <v>-1.4919658045130952E-2</v>
      </c>
      <c r="I536">
        <f t="shared" si="35"/>
        <v>0.11063123296839193</v>
      </c>
    </row>
    <row r="537" spans="1:9" x14ac:dyDescent="0.4">
      <c r="A537">
        <v>17.833333333333332</v>
      </c>
      <c r="B537">
        <v>-7.8111631419902805</v>
      </c>
      <c r="C537">
        <v>2.4989703186448207</v>
      </c>
      <c r="D537">
        <v>9.1920593741906274</v>
      </c>
      <c r="E537">
        <v>2.5788795831527858</v>
      </c>
      <c r="F537">
        <f t="shared" si="32"/>
        <v>1.9215878898418493</v>
      </c>
      <c r="G537">
        <f t="shared" si="33"/>
        <v>2.5447108819911346</v>
      </c>
      <c r="H537">
        <f t="shared" si="34"/>
        <v>-2.1111444426421714E-2</v>
      </c>
      <c r="I537">
        <f t="shared" si="35"/>
        <v>0.12992994400081501</v>
      </c>
    </row>
    <row r="538" spans="1:9" x14ac:dyDescent="0.4">
      <c r="A538">
        <v>17.866666666666667</v>
      </c>
      <c r="B538">
        <v>-7.7815073841357432</v>
      </c>
      <c r="C538">
        <v>2.5029144098659453</v>
      </c>
      <c r="D538">
        <v>9.1648267931313736</v>
      </c>
      <c r="E538">
        <v>2.5852192424183986</v>
      </c>
      <c r="F538">
        <f t="shared" si="32"/>
        <v>1.9186804063028498</v>
      </c>
      <c r="G538">
        <f t="shared" si="33"/>
        <v>2.5500262113604766</v>
      </c>
      <c r="H538">
        <f t="shared" si="34"/>
        <v>-1.9878539205930121E-2</v>
      </c>
      <c r="I538">
        <f t="shared" si="35"/>
        <v>0.11571061867178599</v>
      </c>
    </row>
    <row r="539" spans="1:9" x14ac:dyDescent="0.4">
      <c r="A539">
        <v>17.899999999999999</v>
      </c>
      <c r="B539">
        <v>-7.749161963779148</v>
      </c>
      <c r="C539">
        <v>2.5098549585412835</v>
      </c>
      <c r="D539">
        <v>9.140852403505825</v>
      </c>
      <c r="E539">
        <v>2.5858613155533545</v>
      </c>
      <c r="F539">
        <f t="shared" si="32"/>
        <v>1.9187880147861565</v>
      </c>
      <c r="G539">
        <f t="shared" si="33"/>
        <v>2.5533614731993763</v>
      </c>
      <c r="H539">
        <f t="shared" si="34"/>
        <v>-2.3094642625989835E-2</v>
      </c>
      <c r="I539">
        <f t="shared" si="35"/>
        <v>9.762872244852383E-2</v>
      </c>
    </row>
    <row r="540" spans="1:9" x14ac:dyDescent="0.4">
      <c r="A540">
        <v>17.933333333333334</v>
      </c>
      <c r="B540">
        <v>-7.7197093500935789</v>
      </c>
      <c r="C540">
        <v>2.5130525399178647</v>
      </c>
      <c r="D540">
        <v>9.1197686929865682</v>
      </c>
      <c r="E540">
        <v>2.585524773558987</v>
      </c>
      <c r="F540">
        <f t="shared" si="32"/>
        <v>1.9193133200699544</v>
      </c>
      <c r="G540">
        <f t="shared" si="33"/>
        <v>2.5545361002299511</v>
      </c>
      <c r="H540">
        <f t="shared" si="34"/>
        <v>-2.0484831225151639E-2</v>
      </c>
      <c r="I540">
        <f t="shared" si="35"/>
        <v>4.4327264829424208E-2</v>
      </c>
    </row>
    <row r="541" spans="1:9" x14ac:dyDescent="0.4">
      <c r="A541">
        <v>17.966666666666665</v>
      </c>
      <c r="B541">
        <v>-7.6854369066677481</v>
      </c>
      <c r="C541">
        <v>2.5151203860410853</v>
      </c>
      <c r="D541">
        <v>9.0908632152714191</v>
      </c>
      <c r="E541">
        <v>2.5913023012282164</v>
      </c>
      <c r="F541">
        <f t="shared" si="32"/>
        <v>1.9174223258539653</v>
      </c>
      <c r="G541">
        <f t="shared" si="33"/>
        <v>2.5587273912978179</v>
      </c>
      <c r="H541">
        <f t="shared" si="34"/>
        <v>-3.6344712805274279E-2</v>
      </c>
      <c r="I541">
        <f t="shared" si="35"/>
        <v>1.2871331503491129E-2</v>
      </c>
    </row>
    <row r="542" spans="1:9" x14ac:dyDescent="0.4">
      <c r="A542">
        <v>18</v>
      </c>
      <c r="B542">
        <v>-7.6446024978024685</v>
      </c>
      <c r="C542">
        <v>2.5098110519900052</v>
      </c>
      <c r="D542">
        <v>9.0577857448603964</v>
      </c>
      <c r="E542">
        <v>2.5882869192609794</v>
      </c>
      <c r="F542">
        <f t="shared" si="32"/>
        <v>1.9159491122314201</v>
      </c>
      <c r="G542">
        <f t="shared" si="33"/>
        <v>2.5547311297828266</v>
      </c>
      <c r="H542">
        <f t="shared" si="34"/>
        <v>-4.5440693688124541E-2</v>
      </c>
      <c r="I542">
        <f t="shared" si="35"/>
        <v>-9.0651223311776566E-3</v>
      </c>
    </row>
    <row r="543" spans="1:9" x14ac:dyDescent="0.4">
      <c r="A543">
        <v>18.033333333333335</v>
      </c>
      <c r="B543">
        <v>-7.6113233033807779</v>
      </c>
      <c r="C543">
        <v>2.5076900158977411</v>
      </c>
      <c r="D543">
        <v>9.0302416352214312</v>
      </c>
      <c r="E543">
        <v>2.5910559181639585</v>
      </c>
      <c r="F543">
        <f t="shared" si="32"/>
        <v>1.9144126665712111</v>
      </c>
      <c r="G543">
        <f t="shared" si="33"/>
        <v>2.5554091803401873</v>
      </c>
      <c r="H543">
        <f t="shared" si="34"/>
        <v>-3.5853538585208629E-2</v>
      </c>
      <c r="I543">
        <f t="shared" si="35"/>
        <v>-6.3163219909148612E-3</v>
      </c>
    </row>
    <row r="544" spans="1:9" x14ac:dyDescent="0.4">
      <c r="A544">
        <v>18.066666666666666</v>
      </c>
      <c r="B544">
        <v>-7.577101083104834</v>
      </c>
      <c r="C544">
        <v>2.510538524079521</v>
      </c>
      <c r="D544">
        <v>9.0026368132865375</v>
      </c>
      <c r="E544">
        <v>2.5876617683313521</v>
      </c>
      <c r="F544">
        <f t="shared" si="32"/>
        <v>1.9132447007633107</v>
      </c>
      <c r="G544">
        <f t="shared" si="33"/>
        <v>2.5546843519869036</v>
      </c>
      <c r="H544">
        <f t="shared" si="34"/>
        <v>-3.6499424794133775E-2</v>
      </c>
      <c r="I544">
        <f t="shared" si="35"/>
        <v>3.0920459227229836E-2</v>
      </c>
    </row>
    <row r="545" spans="1:9" x14ac:dyDescent="0.4">
      <c r="A545">
        <v>18.100000000000001</v>
      </c>
      <c r="B545">
        <v>-7.5409773229476134</v>
      </c>
      <c r="C545">
        <v>2.5139492994552963</v>
      </c>
      <c r="D545">
        <v>8.9748732235590776</v>
      </c>
      <c r="E545">
        <v>2.5903788624434672</v>
      </c>
      <c r="F545">
        <f t="shared" si="32"/>
        <v>1.9127989418238185</v>
      </c>
      <c r="G545">
        <f t="shared" si="33"/>
        <v>2.5576980598639603</v>
      </c>
      <c r="H545">
        <f t="shared" si="34"/>
        <v>-2.4952361292105998E-2</v>
      </c>
      <c r="I545">
        <f t="shared" si="35"/>
        <v>3.7752176422958993E-2</v>
      </c>
    </row>
    <row r="546" spans="1:9" x14ac:dyDescent="0.4">
      <c r="A546">
        <v>18.133333333333333</v>
      </c>
      <c r="B546">
        <v>-7.5039095252279706</v>
      </c>
      <c r="C546">
        <v>2.5129700590543851</v>
      </c>
      <c r="D546">
        <v>8.9434686703477357</v>
      </c>
      <c r="E546">
        <v>2.592930821062351</v>
      </c>
      <c r="F546">
        <f t="shared" si="32"/>
        <v>1.9106727371394274</v>
      </c>
      <c r="G546">
        <f t="shared" si="33"/>
        <v>2.558740099892145</v>
      </c>
      <c r="H546">
        <f t="shared" si="34"/>
        <v>-3.1371935258728799E-2</v>
      </c>
      <c r="I546">
        <f t="shared" si="35"/>
        <v>4.3813750435035353E-2</v>
      </c>
    </row>
    <row r="547" spans="1:9" x14ac:dyDescent="0.4">
      <c r="A547">
        <v>18.166666666666668</v>
      </c>
      <c r="B547">
        <v>-7.4620506051744089</v>
      </c>
      <c r="C547">
        <v>2.5143981478597062</v>
      </c>
      <c r="D547">
        <v>8.9137145797516393</v>
      </c>
      <c r="E547">
        <v>2.5934943964277193</v>
      </c>
      <c r="F547">
        <f t="shared" si="32"/>
        <v>1.9115399215011351</v>
      </c>
      <c r="G547">
        <f t="shared" si="33"/>
        <v>2.559673335791393</v>
      </c>
      <c r="H547">
        <f t="shared" si="34"/>
        <v>-4.429582490956311E-2</v>
      </c>
      <c r="I547">
        <f t="shared" si="35"/>
        <v>4.1278909037952838E-2</v>
      </c>
    </row>
    <row r="548" spans="1:9" x14ac:dyDescent="0.4">
      <c r="A548">
        <v>18.2</v>
      </c>
      <c r="B548">
        <v>-7.4280283045663946</v>
      </c>
      <c r="C548">
        <v>2.5147003092718228</v>
      </c>
      <c r="D548">
        <v>8.8832430591841032</v>
      </c>
      <c r="E548">
        <v>2.5955846384879919</v>
      </c>
      <c r="F548">
        <f t="shared" si="32"/>
        <v>1.9086455550481976</v>
      </c>
      <c r="G548">
        <f t="shared" si="33"/>
        <v>2.5609990057623597</v>
      </c>
      <c r="H548">
        <f t="shared" si="34"/>
        <v>-4.8472863242540201E-2</v>
      </c>
      <c r="I548">
        <f t="shared" si="35"/>
        <v>3.1643691089174045E-2</v>
      </c>
    </row>
    <row r="549" spans="1:9" x14ac:dyDescent="0.4">
      <c r="A549">
        <v>18.233333333333334</v>
      </c>
      <c r="B549">
        <v>-7.3973101293210837</v>
      </c>
      <c r="C549">
        <v>2.5186184354219314</v>
      </c>
      <c r="D549">
        <v>8.8564254645902967</v>
      </c>
      <c r="E549">
        <v>2.5969369177742099</v>
      </c>
      <c r="F549">
        <f t="shared" si="32"/>
        <v>1.9064298953845062</v>
      </c>
      <c r="G549">
        <f t="shared" si="33"/>
        <v>2.563448425101845</v>
      </c>
      <c r="H549">
        <f t="shared" si="34"/>
        <v>-6.3715587094152593E-2</v>
      </c>
      <c r="I549">
        <f t="shared" si="35"/>
        <v>1.3721383475743957E-2</v>
      </c>
    </row>
    <row r="550" spans="1:9" x14ac:dyDescent="0.4">
      <c r="A550">
        <v>18.266666666666666</v>
      </c>
      <c r="B550">
        <v>-7.3561137547521334</v>
      </c>
      <c r="C550">
        <v>2.5156944489238091</v>
      </c>
      <c r="D550">
        <v>8.8234134784854419</v>
      </c>
      <c r="E550">
        <v>2.5968117566142439</v>
      </c>
      <c r="F550">
        <f t="shared" si="32"/>
        <v>1.9051489396573185</v>
      </c>
      <c r="G550">
        <f t="shared" si="33"/>
        <v>2.5621265037517813</v>
      </c>
      <c r="H550">
        <f t="shared" si="34"/>
        <v>-4.0807185911084724E-2</v>
      </c>
      <c r="I550">
        <f t="shared" si="35"/>
        <v>-3.4264244538258558E-3</v>
      </c>
    </row>
    <row r="551" spans="1:9" x14ac:dyDescent="0.4">
      <c r="A551">
        <v>18.3</v>
      </c>
      <c r="B551">
        <v>-7.3172106009051729</v>
      </c>
      <c r="C551">
        <v>2.5161575825121636</v>
      </c>
      <c r="D551">
        <v>8.7900198536006098</v>
      </c>
      <c r="E551">
        <v>2.5951904383403352</v>
      </c>
      <c r="F551">
        <f t="shared" si="32"/>
        <v>1.9026689646808825</v>
      </c>
      <c r="G551">
        <f t="shared" si="33"/>
        <v>2.5613964840426395</v>
      </c>
      <c r="H551">
        <f t="shared" si="34"/>
        <v>-5.0251100850053756E-2</v>
      </c>
      <c r="I551">
        <f t="shared" si="35"/>
        <v>-1.5750887614678369E-2</v>
      </c>
    </row>
    <row r="552" spans="1:9" x14ac:dyDescent="0.4">
      <c r="A552">
        <v>18.333333333333332</v>
      </c>
      <c r="B552">
        <v>-7.2754910632840977</v>
      </c>
      <c r="C552">
        <v>2.5148910180508808</v>
      </c>
      <c r="D552">
        <v>8.7606994982337199</v>
      </c>
      <c r="E552">
        <v>2.5962368918483505</v>
      </c>
      <c r="F552">
        <f t="shared" si="32"/>
        <v>1.903724822748162</v>
      </c>
      <c r="G552">
        <f t="shared" si="33"/>
        <v>2.5614539055496581</v>
      </c>
      <c r="H552">
        <f t="shared" si="34"/>
        <v>-2.300696742955749E-2</v>
      </c>
      <c r="I552">
        <f t="shared" si="35"/>
        <v>3.5884893609868375E-3</v>
      </c>
    </row>
    <row r="553" spans="1:9" x14ac:dyDescent="0.4">
      <c r="A553">
        <v>18.366666666666667</v>
      </c>
      <c r="B553">
        <v>-7.2444933719325109</v>
      </c>
      <c r="C553">
        <v>2.5152810986018048</v>
      </c>
      <c r="D553">
        <v>8.7288821119702629</v>
      </c>
      <c r="E553">
        <v>2.5954313009336794</v>
      </c>
      <c r="F553">
        <f t="shared" si="32"/>
        <v>1.8987667703640756</v>
      </c>
      <c r="G553">
        <f t="shared" si="33"/>
        <v>2.5611595762671269</v>
      </c>
      <c r="H553">
        <f t="shared" si="34"/>
        <v>-4.6325456286621255E-2</v>
      </c>
      <c r="I553">
        <f t="shared" si="35"/>
        <v>1.5671218614597322E-2</v>
      </c>
    </row>
    <row r="554" spans="1:9" x14ac:dyDescent="0.4">
      <c r="A554">
        <v>18.399999999999999</v>
      </c>
      <c r="B554">
        <v>-7.1975907316684093</v>
      </c>
      <c r="C554">
        <v>2.5204823073562528</v>
      </c>
      <c r="D554">
        <v>8.7017047303245576</v>
      </c>
      <c r="E554">
        <v>2.5944869692577752</v>
      </c>
      <c r="F554">
        <f t="shared" si="32"/>
        <v>1.9032655422441291</v>
      </c>
      <c r="G554">
        <f t="shared" si="33"/>
        <v>2.5628430391997021</v>
      </c>
      <c r="H554">
        <f t="shared" si="34"/>
        <v>-7.0493086408360578E-2</v>
      </c>
      <c r="I554">
        <f t="shared" si="35"/>
        <v>3.5901884065528175E-2</v>
      </c>
    </row>
    <row r="555" spans="1:9" x14ac:dyDescent="0.4">
      <c r="A555">
        <v>18.433333333333334</v>
      </c>
      <c r="B555">
        <v>-7.1664792180887646</v>
      </c>
      <c r="C555">
        <v>2.5213830744452062</v>
      </c>
      <c r="D555">
        <v>8.6643345327193106</v>
      </c>
      <c r="E555">
        <v>2.594636487922394</v>
      </c>
      <c r="F555">
        <f t="shared" si="32"/>
        <v>1.8951776955517956</v>
      </c>
      <c r="G555">
        <f t="shared" si="33"/>
        <v>2.5633137869867171</v>
      </c>
      <c r="H555">
        <f t="shared" si="34"/>
        <v>-6.7037360865593351E-2</v>
      </c>
      <c r="I555">
        <f t="shared" si="35"/>
        <v>6.8206716744722548E-2</v>
      </c>
    </row>
    <row r="556" spans="1:9" x14ac:dyDescent="0.4">
      <c r="A556">
        <v>18.466666666666665</v>
      </c>
      <c r="B556">
        <v>-7.1287783460773468</v>
      </c>
      <c r="C556">
        <v>2.5281526226194231</v>
      </c>
      <c r="D556">
        <v>8.6337132046038061</v>
      </c>
      <c r="E556">
        <v>2.59490211068904</v>
      </c>
      <c r="F556">
        <f t="shared" si="32"/>
        <v>1.8937705124195754</v>
      </c>
      <c r="G556">
        <f t="shared" si="33"/>
        <v>2.5663604475341177</v>
      </c>
      <c r="H556">
        <f t="shared" si="34"/>
        <v>-8.4707398140225626E-2</v>
      </c>
      <c r="I556">
        <f t="shared" si="35"/>
        <v>6.9784270549849856E-2</v>
      </c>
    </row>
    <row r="557" spans="1:9" x14ac:dyDescent="0.4">
      <c r="A557">
        <v>18.5</v>
      </c>
      <c r="B557">
        <v>-7.0929186479392445</v>
      </c>
      <c r="C557">
        <v>2.5301575374408301</v>
      </c>
      <c r="D557">
        <v>8.6044289284791482</v>
      </c>
      <c r="E557">
        <v>2.6011056096816563</v>
      </c>
      <c r="F557">
        <f t="shared" si="32"/>
        <v>1.8923413917987537</v>
      </c>
      <c r="G557">
        <f t="shared" si="33"/>
        <v>2.5707686582240394</v>
      </c>
      <c r="H557">
        <f t="shared" si="34"/>
        <v>7.4917384334856271E-3</v>
      </c>
      <c r="I557">
        <f t="shared" si="35"/>
        <v>7.8728891694031161E-2</v>
      </c>
    </row>
    <row r="558" spans="1:9" x14ac:dyDescent="0.4">
      <c r="A558">
        <v>18.533333333333335</v>
      </c>
      <c r="B558">
        <v>-7.0519675118612</v>
      </c>
      <c r="C558">
        <v>2.5296972709891623</v>
      </c>
      <c r="D558">
        <v>8.570735993852109</v>
      </c>
      <c r="E558">
        <v>2.6014104004918108</v>
      </c>
      <c r="F558">
        <f t="shared" si="32"/>
        <v>1.8905657944306122</v>
      </c>
      <c r="G558">
        <f t="shared" si="33"/>
        <v>2.5707463153393495</v>
      </c>
      <c r="H558">
        <f t="shared" si="34"/>
        <v>2.7515412925627404E-2</v>
      </c>
      <c r="I558">
        <f t="shared" si="35"/>
        <v>6.0641888175265925E-2</v>
      </c>
    </row>
    <row r="559" spans="1:9" x14ac:dyDescent="0.4">
      <c r="A559">
        <v>18.566666666666666</v>
      </c>
      <c r="B559">
        <v>-7.0047666991593358</v>
      </c>
      <c r="C559">
        <v>2.5346027759914342</v>
      </c>
      <c r="D559">
        <v>8.5485142090121098</v>
      </c>
      <c r="E559">
        <v>2.6038535192421803</v>
      </c>
      <c r="F559">
        <f t="shared" si="32"/>
        <v>1.8980286776185249</v>
      </c>
      <c r="G559">
        <f t="shared" si="33"/>
        <v>2.5742423350331065</v>
      </c>
      <c r="H559">
        <f t="shared" si="34"/>
        <v>1.9506759236865189E-2</v>
      </c>
      <c r="I559">
        <f t="shared" si="35"/>
        <v>4.508712690227986E-2</v>
      </c>
    </row>
    <row r="560" spans="1:9" x14ac:dyDescent="0.4">
      <c r="A560">
        <v>18.600000000000001</v>
      </c>
      <c r="B560">
        <v>-6.966151032115933</v>
      </c>
      <c r="C560">
        <v>2.5383028755269121</v>
      </c>
      <c r="D560">
        <v>8.5152725681024393</v>
      </c>
      <c r="E560">
        <v>2.6019424920427157</v>
      </c>
      <c r="F560">
        <f t="shared" si="32"/>
        <v>1.8955127716639613</v>
      </c>
      <c r="G560">
        <f t="shared" si="33"/>
        <v>2.5747305904921287</v>
      </c>
      <c r="H560">
        <f t="shared" si="34"/>
        <v>-3.1040094424668908E-3</v>
      </c>
      <c r="I560">
        <f t="shared" si="35"/>
        <v>6.7069572629755478E-2</v>
      </c>
    </row>
    <row r="561" spans="1:9" x14ac:dyDescent="0.4">
      <c r="A561">
        <v>18.633333333333333</v>
      </c>
      <c r="B561">
        <v>-6.9271114548676911</v>
      </c>
      <c r="C561">
        <v>2.5355509541103665</v>
      </c>
      <c r="D561">
        <v>8.4819276834982862</v>
      </c>
      <c r="E561">
        <v>2.6067243329440037</v>
      </c>
      <c r="F561">
        <f t="shared" si="32"/>
        <v>1.8931190297215568</v>
      </c>
      <c r="G561">
        <f t="shared" si="33"/>
        <v>2.5762910417980298</v>
      </c>
      <c r="H561">
        <f t="shared" si="34"/>
        <v>-4.7406955087617483E-2</v>
      </c>
      <c r="I561">
        <f t="shared" si="35"/>
        <v>7.1102379499074844E-2</v>
      </c>
    </row>
    <row r="562" spans="1:9" x14ac:dyDescent="0.4">
      <c r="A562">
        <v>18.666666666666668</v>
      </c>
      <c r="B562">
        <v>-6.8848636281111562</v>
      </c>
      <c r="C562">
        <v>2.5416578747874161</v>
      </c>
      <c r="D562">
        <v>8.4492923793417685</v>
      </c>
      <c r="E562">
        <v>2.6102146882298358</v>
      </c>
      <c r="F562">
        <f t="shared" si="32"/>
        <v>1.8925032834720186</v>
      </c>
      <c r="G562">
        <f t="shared" si="33"/>
        <v>2.580900224061847</v>
      </c>
      <c r="H562">
        <f t="shared" si="34"/>
        <v>-3.1254115829195669E-2</v>
      </c>
      <c r="I562">
        <f t="shared" si="35"/>
        <v>6.7876017131671448E-2</v>
      </c>
    </row>
    <row r="563" spans="1:9" x14ac:dyDescent="0.4">
      <c r="A563">
        <v>18.7</v>
      </c>
      <c r="B563">
        <v>-6.8467881914530624</v>
      </c>
      <c r="C563">
        <v>2.5464499432417944</v>
      </c>
      <c r="D563">
        <v>8.4193279285547824</v>
      </c>
      <c r="E563">
        <v>2.6103171195052894</v>
      </c>
      <c r="F563">
        <f t="shared" si="32"/>
        <v>1.8916322625332267</v>
      </c>
      <c r="G563">
        <f t="shared" si="33"/>
        <v>2.5830079148314264</v>
      </c>
      <c r="H563">
        <f t="shared" si="34"/>
        <v>-3.6034374259753262E-2</v>
      </c>
      <c r="I563">
        <f t="shared" si="35"/>
        <v>6.0408897557313851E-2</v>
      </c>
    </row>
    <row r="564" spans="1:9" x14ac:dyDescent="0.4">
      <c r="A564">
        <v>18.733333333333334</v>
      </c>
      <c r="B564">
        <v>-6.8079791395403912</v>
      </c>
      <c r="C564">
        <v>2.5490125185969625</v>
      </c>
      <c r="D564">
        <v>8.3893149197200128</v>
      </c>
      <c r="E564">
        <v>2.6078384035889712</v>
      </c>
      <c r="F564">
        <f t="shared" si="32"/>
        <v>1.8910471359532603</v>
      </c>
      <c r="G564">
        <f t="shared" si="33"/>
        <v>2.5826848234973756</v>
      </c>
      <c r="H564">
        <f t="shared" si="34"/>
        <v>-5.8779572318352229E-2</v>
      </c>
      <c r="I564">
        <f t="shared" si="35"/>
        <v>2.9140983673853232E-2</v>
      </c>
    </row>
    <row r="565" spans="1:9" x14ac:dyDescent="0.4">
      <c r="A565">
        <v>18.766666666666666</v>
      </c>
      <c r="B565">
        <v>-6.7666197511855222</v>
      </c>
      <c r="C565">
        <v>2.5516182524754352</v>
      </c>
      <c r="D565">
        <v>8.3528185037666756</v>
      </c>
      <c r="E565">
        <v>2.6107521954136983</v>
      </c>
      <c r="F565">
        <f t="shared" si="32"/>
        <v>1.8878413744376437</v>
      </c>
      <c r="G565">
        <f t="shared" si="33"/>
        <v>2.5854668916731511</v>
      </c>
      <c r="H565">
        <f t="shared" si="34"/>
        <v>-5.9048548513846152E-2</v>
      </c>
      <c r="I565">
        <f t="shared" si="35"/>
        <v>3.4958969968699391E-2</v>
      </c>
    </row>
    <row r="566" spans="1:9" x14ac:dyDescent="0.4">
      <c r="A566">
        <v>18.8</v>
      </c>
      <c r="B566">
        <v>-6.7253305404740376</v>
      </c>
      <c r="C566">
        <v>2.5510829218329323</v>
      </c>
      <c r="D566">
        <v>8.3163160199766608</v>
      </c>
      <c r="E566">
        <v>2.6095110814759832</v>
      </c>
      <c r="F566">
        <f t="shared" si="32"/>
        <v>1.8846021321334181</v>
      </c>
      <c r="G566">
        <f t="shared" si="33"/>
        <v>2.5845275662532936</v>
      </c>
      <c r="H566">
        <f t="shared" si="34"/>
        <v>-6.8375338673833677E-2</v>
      </c>
      <c r="I566">
        <f t="shared" si="35"/>
        <v>4.807768378767191E-2</v>
      </c>
    </row>
    <row r="567" spans="1:9" x14ac:dyDescent="0.4">
      <c r="A567">
        <v>18.833333333333332</v>
      </c>
      <c r="B567">
        <v>-6.6812611046429566</v>
      </c>
      <c r="C567">
        <v>2.5547484632153186</v>
      </c>
      <c r="D567">
        <v>8.2841140534497288</v>
      </c>
      <c r="E567">
        <v>2.6126873389243395</v>
      </c>
      <c r="F567">
        <f t="shared" si="32"/>
        <v>1.8850133396908402</v>
      </c>
      <c r="G567">
        <f t="shared" si="33"/>
        <v>2.5879130384482507</v>
      </c>
      <c r="H567">
        <f t="shared" si="34"/>
        <v>-4.6262332215203483E-2</v>
      </c>
      <c r="I567">
        <f t="shared" si="35"/>
        <v>6.1275408306036588E-2</v>
      </c>
    </row>
    <row r="568" spans="1:9" x14ac:dyDescent="0.4">
      <c r="A568">
        <v>18.866666666666667</v>
      </c>
      <c r="B568">
        <v>-6.64111583072581</v>
      </c>
      <c r="C568">
        <v>2.5557179606669576</v>
      </c>
      <c r="D568">
        <v>8.2472277624879418</v>
      </c>
      <c r="E568">
        <v>2.6146913490077197</v>
      </c>
      <c r="F568">
        <f t="shared" si="32"/>
        <v>1.8810652635476899</v>
      </c>
      <c r="G568">
        <f t="shared" si="33"/>
        <v>2.5894746974077711</v>
      </c>
      <c r="H568">
        <f t="shared" si="34"/>
        <v>-4.7922791747790378E-2</v>
      </c>
      <c r="I568">
        <f t="shared" si="35"/>
        <v>8.6472047472867727E-2</v>
      </c>
    </row>
    <row r="569" spans="1:9" x14ac:dyDescent="0.4">
      <c r="A569">
        <v>18.899999999999999</v>
      </c>
      <c r="B569">
        <v>-6.5923170805347286</v>
      </c>
      <c r="C569">
        <v>2.5566026033798415</v>
      </c>
      <c r="D569">
        <v>8.2122318427963208</v>
      </c>
      <c r="E569">
        <v>2.6205489527420642</v>
      </c>
      <c r="F569">
        <f t="shared" si="32"/>
        <v>1.8818994200279739</v>
      </c>
      <c r="G569">
        <f t="shared" si="33"/>
        <v>2.5932058941469185</v>
      </c>
      <c r="H569">
        <f t="shared" si="34"/>
        <v>-8.401515874863473E-2</v>
      </c>
      <c r="I569">
        <f t="shared" si="35"/>
        <v>8.3278235744653775E-2</v>
      </c>
    </row>
    <row r="570" spans="1:9" x14ac:dyDescent="0.4">
      <c r="A570">
        <v>18.933333333333334</v>
      </c>
      <c r="B570">
        <v>-6.5499115432563251</v>
      </c>
      <c r="C570">
        <v>2.5640901692447806</v>
      </c>
      <c r="D570">
        <v>8.1740425291578447</v>
      </c>
      <c r="E570">
        <v>2.6203491224468456</v>
      </c>
      <c r="F570">
        <f t="shared" si="32"/>
        <v>1.8781719600068862</v>
      </c>
      <c r="G570">
        <f t="shared" si="33"/>
        <v>2.5962931463161043</v>
      </c>
      <c r="H570">
        <f t="shared" si="34"/>
        <v>-0.12484314822650555</v>
      </c>
      <c r="I570">
        <f t="shared" si="35"/>
        <v>6.6858844207515311E-2</v>
      </c>
    </row>
    <row r="571" spans="1:9" x14ac:dyDescent="0.4">
      <c r="A571">
        <v>18.966666666666665</v>
      </c>
      <c r="B571">
        <v>-6.5108889849469573</v>
      </c>
      <c r="C571">
        <v>2.5643373892206132</v>
      </c>
      <c r="D571">
        <v>8.1349089659643283</v>
      </c>
      <c r="E571">
        <v>2.6238163520276716</v>
      </c>
      <c r="F571">
        <f t="shared" si="32"/>
        <v>1.8724574650031363</v>
      </c>
      <c r="G571">
        <f t="shared" si="33"/>
        <v>2.5983835199515264</v>
      </c>
      <c r="H571">
        <f t="shared" si="34"/>
        <v>-0.162421109827701</v>
      </c>
      <c r="I571">
        <f t="shared" si="35"/>
        <v>3.9801191631480243E-2</v>
      </c>
    </row>
    <row r="572" spans="1:9" x14ac:dyDescent="0.4">
      <c r="A572">
        <v>19</v>
      </c>
      <c r="B572">
        <v>-6.4685741327689366</v>
      </c>
      <c r="C572">
        <v>2.5674559482566255</v>
      </c>
      <c r="D572">
        <v>8.0902344351603546</v>
      </c>
      <c r="E572">
        <v>2.620867448117925</v>
      </c>
      <c r="F572">
        <f t="shared" si="32"/>
        <v>1.8649790496890246</v>
      </c>
      <c r="G572">
        <f t="shared" si="33"/>
        <v>2.5980290252067197</v>
      </c>
      <c r="H572">
        <f t="shared" si="34"/>
        <v>-0.1025111137257117</v>
      </c>
      <c r="I572">
        <f t="shared" si="35"/>
        <v>2.1945843153158208E-2</v>
      </c>
    </row>
    <row r="573" spans="1:9" x14ac:dyDescent="0.4">
      <c r="A573">
        <v>19.033333333333335</v>
      </c>
      <c r="B573">
        <v>-6.4271391597604959</v>
      </c>
      <c r="C573">
        <v>2.5704733460624114</v>
      </c>
      <c r="D573">
        <v>8.0530742992094808</v>
      </c>
      <c r="E573">
        <v>2.620259909384187</v>
      </c>
      <c r="F573">
        <f t="shared" si="32"/>
        <v>1.8614256902156208</v>
      </c>
      <c r="G573">
        <f t="shared" si="33"/>
        <v>2.598971486640191</v>
      </c>
      <c r="H573">
        <f t="shared" si="34"/>
        <v>-5.3600262799456427E-2</v>
      </c>
      <c r="I573">
        <f t="shared" si="35"/>
        <v>1.5974155931262161E-2</v>
      </c>
    </row>
    <row r="574" spans="1:9" x14ac:dyDescent="0.4">
      <c r="A574">
        <v>19.066666666666666</v>
      </c>
      <c r="B574">
        <v>-6.377544251952493</v>
      </c>
      <c r="C574">
        <v>2.5702107983996223</v>
      </c>
      <c r="D574">
        <v>8.0250705865251906</v>
      </c>
      <c r="E574">
        <v>2.621653291406056</v>
      </c>
      <c r="F574">
        <f t="shared" si="32"/>
        <v>1.866602661779692</v>
      </c>
      <c r="G574">
        <f t="shared" si="33"/>
        <v>2.5996568034972984</v>
      </c>
      <c r="H574">
        <f t="shared" si="34"/>
        <v>-1.8085884095484554E-2</v>
      </c>
      <c r="I574">
        <f t="shared" si="35"/>
        <v>2.6086199247844773E-2</v>
      </c>
    </row>
    <row r="575" spans="1:9" x14ac:dyDescent="0.4">
      <c r="A575">
        <v>19.100000000000001</v>
      </c>
      <c r="B575">
        <v>-6.3285395143711529</v>
      </c>
      <c r="C575">
        <v>2.5705656147736424</v>
      </c>
      <c r="D575">
        <v>7.9816669751668918</v>
      </c>
      <c r="E575">
        <v>2.6223930970292604</v>
      </c>
      <c r="F575">
        <f t="shared" si="32"/>
        <v>1.8627122818245598</v>
      </c>
      <c r="G575">
        <f t="shared" si="33"/>
        <v>2.6002319901281141</v>
      </c>
      <c r="H575">
        <f t="shared" si="34"/>
        <v>7.8084727707799914E-3</v>
      </c>
      <c r="I575">
        <f t="shared" si="35"/>
        <v>3.9472955681309388E-2</v>
      </c>
    </row>
    <row r="576" spans="1:9" x14ac:dyDescent="0.4">
      <c r="A576">
        <v>19.133333333333333</v>
      </c>
      <c r="B576">
        <v>-6.2811871728827811</v>
      </c>
      <c r="C576">
        <v>2.5708333104625862</v>
      </c>
      <c r="D576">
        <v>7.943864441991396</v>
      </c>
      <c r="E576">
        <v>2.6248389441544653</v>
      </c>
      <c r="F576">
        <f t="shared" si="32"/>
        <v>1.8613214398686411</v>
      </c>
      <c r="G576">
        <f t="shared" si="33"/>
        <v>2.6017464733373989</v>
      </c>
      <c r="H576">
        <f t="shared" si="34"/>
        <v>-9.1134162107633383E-3</v>
      </c>
      <c r="I576">
        <f t="shared" si="35"/>
        <v>4.9923913130473778E-2</v>
      </c>
    </row>
    <row r="577" spans="1:9" x14ac:dyDescent="0.4">
      <c r="A577">
        <v>19.166666666666668</v>
      </c>
      <c r="B577">
        <v>-6.2257762322298742</v>
      </c>
      <c r="C577">
        <v>2.5742081175705587</v>
      </c>
      <c r="D577">
        <v>7.9095407471452797</v>
      </c>
      <c r="E577">
        <v>2.6271379370725896</v>
      </c>
      <c r="F577">
        <f t="shared" si="32"/>
        <v>1.8653677132996096</v>
      </c>
      <c r="G577">
        <f t="shared" si="33"/>
        <v>2.6045054776670256</v>
      </c>
      <c r="H577">
        <f t="shared" si="34"/>
        <v>9.9775195690863672E-3</v>
      </c>
      <c r="I577">
        <f t="shared" si="35"/>
        <v>7.2448641777207931E-2</v>
      </c>
    </row>
    <row r="578" spans="1:9" x14ac:dyDescent="0.4">
      <c r="A578">
        <v>19.2</v>
      </c>
      <c r="B578">
        <v>-6.1837453518597592</v>
      </c>
      <c r="C578">
        <v>2.5757985854533842</v>
      </c>
      <c r="D578">
        <v>7.8753276146975812</v>
      </c>
      <c r="E578">
        <v>2.6282825090056012</v>
      </c>
      <c r="F578">
        <f t="shared" si="32"/>
        <v>1.8637560433403733</v>
      </c>
      <c r="G578">
        <f t="shared" si="33"/>
        <v>2.605840711916255</v>
      </c>
      <c r="H578">
        <f t="shared" si="34"/>
        <v>-1.8616660389474151E-2</v>
      </c>
      <c r="I578">
        <f t="shared" si="35"/>
        <v>7.785336751078642E-2</v>
      </c>
    </row>
    <row r="579" spans="1:9" x14ac:dyDescent="0.4">
      <c r="A579">
        <v>19.233333333333334</v>
      </c>
      <c r="B579">
        <v>-6.1353750923591326</v>
      </c>
      <c r="C579">
        <v>2.5831160451955215</v>
      </c>
      <c r="D579">
        <v>7.8381495388141644</v>
      </c>
      <c r="E579">
        <v>2.6305362100404106</v>
      </c>
      <c r="F579">
        <f t="shared" ref="F579:F642" si="36">(B579*58.73+D579*78.62)/(58.73+78.62)</f>
        <v>1.8631579000168748</v>
      </c>
      <c r="G579">
        <f t="shared" ref="G579:G642" si="37">(C579*58.73+E579*78.62)/(58.73+78.62)</f>
        <v>2.6102596444682207</v>
      </c>
      <c r="H579">
        <f t="shared" si="34"/>
        <v>-4.897729986610462E-2</v>
      </c>
      <c r="I579">
        <f t="shared" si="35"/>
        <v>3.9262451669665917E-2</v>
      </c>
    </row>
    <row r="580" spans="1:9" x14ac:dyDescent="0.4">
      <c r="A580">
        <v>19.266666666666666</v>
      </c>
      <c r="B580">
        <v>-6.0871004980420214</v>
      </c>
      <c r="C580">
        <v>2.5845554890244355</v>
      </c>
      <c r="D580">
        <v>7.7953892719292188</v>
      </c>
      <c r="E580">
        <v>2.632230477936262</v>
      </c>
      <c r="F580">
        <f t="shared" si="36"/>
        <v>1.8593235697784294</v>
      </c>
      <c r="G580">
        <f t="shared" si="37"/>
        <v>2.6118449511885991</v>
      </c>
      <c r="H580">
        <f t="shared" si="34"/>
        <v>-3.2362765534596237E-2</v>
      </c>
      <c r="I580">
        <f t="shared" si="35"/>
        <v>-7.1804308256779746E-3</v>
      </c>
    </row>
    <row r="581" spans="1:9" x14ac:dyDescent="0.4">
      <c r="A581">
        <v>19.3</v>
      </c>
      <c r="B581">
        <v>-6.0283872757970425</v>
      </c>
      <c r="C581">
        <v>2.5825659291922927</v>
      </c>
      <c r="D581">
        <v>7.7517001809763411</v>
      </c>
      <c r="E581">
        <v>2.6270818132817664</v>
      </c>
      <c r="F581">
        <f t="shared" si="36"/>
        <v>1.8594210667695641</v>
      </c>
      <c r="G581">
        <f t="shared" si="37"/>
        <v>2.6080470999757979</v>
      </c>
      <c r="H581">
        <f t="shared" ref="H581:H644" si="38">SLOPE(F579:F583,$A579:$A583)</f>
        <v>-8.7686421245411674E-3</v>
      </c>
      <c r="I581">
        <f t="shared" ref="I581:I644" si="39">SLOPE(G579:G583,$A579:$A583)</f>
        <v>-2.9925525549245078E-2</v>
      </c>
    </row>
    <row r="582" spans="1:9" x14ac:dyDescent="0.4">
      <c r="A582">
        <v>19.333333333333332</v>
      </c>
      <c r="B582">
        <v>-5.9740632390851083</v>
      </c>
      <c r="C582">
        <v>2.5826176520932922</v>
      </c>
      <c r="D582">
        <v>7.712533909520455</v>
      </c>
      <c r="E582">
        <v>2.6230305461497232</v>
      </c>
      <c r="F582">
        <f t="shared" si="36"/>
        <v>1.8602306657082626</v>
      </c>
      <c r="G582">
        <f t="shared" si="37"/>
        <v>2.60575024569152</v>
      </c>
      <c r="H582">
        <f t="shared" si="38"/>
        <v>-2.0968222752398725E-2</v>
      </c>
      <c r="I582">
        <f t="shared" si="39"/>
        <v>-9.3183910522756236E-3</v>
      </c>
    </row>
    <row r="583" spans="1:9" x14ac:dyDescent="0.4">
      <c r="A583">
        <v>19.366666666666667</v>
      </c>
      <c r="B583">
        <v>-5.9287191819439569</v>
      </c>
      <c r="C583">
        <v>2.5875260280739485</v>
      </c>
      <c r="D583">
        <v>7.6804298076478084</v>
      </c>
      <c r="E583">
        <v>2.6238522930964239</v>
      </c>
      <c r="F583">
        <f t="shared" si="36"/>
        <v>1.8612429116978679</v>
      </c>
      <c r="G583">
        <f t="shared" si="37"/>
        <v>2.6083194096252194</v>
      </c>
      <c r="H583">
        <f t="shared" si="38"/>
        <v>-5.6160398815652206E-2</v>
      </c>
      <c r="I583">
        <f t="shared" si="39"/>
        <v>4.762250481147768E-2</v>
      </c>
    </row>
    <row r="584" spans="1:9" x14ac:dyDescent="0.4">
      <c r="A584">
        <v>19.399999999999999</v>
      </c>
      <c r="B584">
        <v>-5.878192313918035</v>
      </c>
      <c r="C584">
        <v>2.5897901727029922</v>
      </c>
      <c r="D584">
        <v>7.6316358959448207</v>
      </c>
      <c r="E584">
        <v>2.6253690261497713</v>
      </c>
      <c r="F584">
        <f t="shared" si="36"/>
        <v>1.854917943522211</v>
      </c>
      <c r="G584">
        <f t="shared" si="37"/>
        <v>2.6101557311885091</v>
      </c>
      <c r="H584">
        <f t="shared" si="38"/>
        <v>-6.2785493140934498E-2</v>
      </c>
      <c r="I584">
        <f t="shared" si="39"/>
        <v>0.10981034841283731</v>
      </c>
    </row>
    <row r="585" spans="1:9" x14ac:dyDescent="0.4">
      <c r="A585">
        <v>19.433333333333334</v>
      </c>
      <c r="B585">
        <v>-5.8324100016706586</v>
      </c>
      <c r="C585">
        <v>2.591546047241144</v>
      </c>
      <c r="D585">
        <v>7.5935915668467251</v>
      </c>
      <c r="E585">
        <v>2.630391523997377</v>
      </c>
      <c r="F585">
        <f t="shared" si="36"/>
        <v>1.8527173613933146</v>
      </c>
      <c r="G585">
        <f t="shared" si="37"/>
        <v>2.6137814413625495</v>
      </c>
      <c r="H585">
        <f t="shared" si="38"/>
        <v>-4.7879635250282722E-2</v>
      </c>
      <c r="I585">
        <f t="shared" si="39"/>
        <v>0.1353502522388737</v>
      </c>
    </row>
    <row r="586" spans="1:9" x14ac:dyDescent="0.4">
      <c r="A586">
        <v>19.466666666666665</v>
      </c>
      <c r="B586">
        <v>-5.778703457055121</v>
      </c>
      <c r="C586">
        <v>2.6017913516777176</v>
      </c>
      <c r="D586">
        <v>7.5557639729656287</v>
      </c>
      <c r="E586">
        <v>2.6359097815384631</v>
      </c>
      <c r="F586">
        <f t="shared" si="36"/>
        <v>1.8540291920037169</v>
      </c>
      <c r="G586">
        <f t="shared" si="37"/>
        <v>2.6213209545583278</v>
      </c>
      <c r="H586">
        <f t="shared" si="38"/>
        <v>-2.4267260036450331E-2</v>
      </c>
      <c r="I586">
        <f t="shared" si="39"/>
        <v>0.11016134245451509</v>
      </c>
    </row>
    <row r="587" spans="1:9" x14ac:dyDescent="0.4">
      <c r="A587">
        <v>19.5</v>
      </c>
      <c r="B587">
        <v>-5.7218743791094759</v>
      </c>
      <c r="C587">
        <v>2.6047441868788077</v>
      </c>
      <c r="D587">
        <v>7.5127497655439219</v>
      </c>
      <c r="E587">
        <v>2.6406469849810579</v>
      </c>
      <c r="F587">
        <f t="shared" si="36"/>
        <v>1.8537073482487345</v>
      </c>
      <c r="G587">
        <f t="shared" si="37"/>
        <v>2.6252951733134555</v>
      </c>
      <c r="H587">
        <f t="shared" si="38"/>
        <v>-6.1708114565442271E-2</v>
      </c>
      <c r="I587">
        <f t="shared" si="39"/>
        <v>6.3455766326230276E-2</v>
      </c>
    </row>
    <row r="588" spans="1:9" x14ac:dyDescent="0.4">
      <c r="A588">
        <v>19.533333333333335</v>
      </c>
      <c r="B588">
        <v>-5.6609675560018369</v>
      </c>
      <c r="C588">
        <v>2.6059984492664707</v>
      </c>
      <c r="D588">
        <v>7.4614360052378501</v>
      </c>
      <c r="E588">
        <v>2.635279470142645</v>
      </c>
      <c r="F588">
        <f t="shared" si="36"/>
        <v>1.8503784067550926</v>
      </c>
      <c r="G588">
        <f t="shared" si="37"/>
        <v>2.6227590889554757</v>
      </c>
      <c r="H588">
        <f t="shared" si="38"/>
        <v>-0.10831002732707633</v>
      </c>
      <c r="I588">
        <f t="shared" si="39"/>
        <v>1.1067052378080592E-2</v>
      </c>
    </row>
    <row r="589" spans="1:9" x14ac:dyDescent="0.4">
      <c r="A589">
        <v>19.566666666666666</v>
      </c>
      <c r="B589">
        <v>-5.6131727753399874</v>
      </c>
      <c r="C589">
        <v>2.6085203129374137</v>
      </c>
      <c r="D589">
        <v>7.4150404829658845</v>
      </c>
      <c r="E589">
        <v>2.6349316632336008</v>
      </c>
      <c r="F589">
        <f t="shared" si="36"/>
        <v>1.8442580682567196</v>
      </c>
      <c r="G589">
        <f t="shared" si="37"/>
        <v>2.6236383352183474</v>
      </c>
      <c r="H589">
        <f t="shared" si="38"/>
        <v>-6.7593418023233071E-2</v>
      </c>
      <c r="I589">
        <f t="shared" si="39"/>
        <v>-5.7200465060953257E-3</v>
      </c>
    </row>
    <row r="590" spans="1:9" x14ac:dyDescent="0.4">
      <c r="A590">
        <v>19.600000000000001</v>
      </c>
      <c r="B590">
        <v>-5.5632810473028504</v>
      </c>
      <c r="C590">
        <v>2.6125861691578143</v>
      </c>
      <c r="D590">
        <v>7.3715586071105239</v>
      </c>
      <c r="E590">
        <v>2.6325155688648056</v>
      </c>
      <c r="F590">
        <f t="shared" si="36"/>
        <v>1.8407021607785445</v>
      </c>
      <c r="G590">
        <f t="shared" si="37"/>
        <v>2.623993882335562</v>
      </c>
      <c r="H590">
        <f t="shared" si="38"/>
        <v>-3.2653432089113268E-2</v>
      </c>
      <c r="I590">
        <f t="shared" si="39"/>
        <v>3.2394238587127339E-2</v>
      </c>
    </row>
    <row r="591" spans="1:9" x14ac:dyDescent="0.4">
      <c r="A591">
        <v>19.633333333333333</v>
      </c>
      <c r="B591">
        <v>-5.4958835257787575</v>
      </c>
      <c r="C591">
        <v>2.6080862578724284</v>
      </c>
      <c r="D591">
        <v>7.3327033063996563</v>
      </c>
      <c r="E591">
        <v>2.635406325317255</v>
      </c>
      <c r="F591">
        <f t="shared" si="36"/>
        <v>1.8472799015664698</v>
      </c>
      <c r="G591">
        <f t="shared" si="37"/>
        <v>2.6237244355390632</v>
      </c>
      <c r="H591">
        <f t="shared" si="38"/>
        <v>1.3885799962324794E-2</v>
      </c>
      <c r="I591">
        <f t="shared" si="39"/>
        <v>5.2441244777762228E-2</v>
      </c>
    </row>
    <row r="592" spans="1:9" x14ac:dyDescent="0.4">
      <c r="A592">
        <v>19.666666666666668</v>
      </c>
      <c r="B592">
        <v>-5.4381268020696156</v>
      </c>
      <c r="C592">
        <v>2.6128218199670541</v>
      </c>
      <c r="D592">
        <v>7.282824286032902</v>
      </c>
      <c r="E592">
        <v>2.6395393100165516</v>
      </c>
      <c r="F592">
        <f t="shared" si="36"/>
        <v>1.8434252514186986</v>
      </c>
      <c r="G592">
        <f t="shared" si="37"/>
        <v>2.628115078559639</v>
      </c>
      <c r="H592">
        <f t="shared" si="38"/>
        <v>3.2976239266153853E-4</v>
      </c>
      <c r="I592">
        <f t="shared" si="39"/>
        <v>7.0126998819005873E-2</v>
      </c>
    </row>
    <row r="593" spans="1:9" x14ac:dyDescent="0.4">
      <c r="A593">
        <v>19.7</v>
      </c>
      <c r="B593">
        <v>-5.3817814620246152</v>
      </c>
      <c r="C593">
        <v>2.619874471882186</v>
      </c>
      <c r="D593">
        <v>7.2438531136376376</v>
      </c>
      <c r="E593">
        <v>2.6381193329044561</v>
      </c>
      <c r="F593">
        <f t="shared" si="36"/>
        <v>1.8452108229303634</v>
      </c>
      <c r="G593">
        <f t="shared" si="37"/>
        <v>2.6303179445692693</v>
      </c>
      <c r="H593">
        <f t="shared" si="38"/>
        <v>-4.3230253182911238E-2</v>
      </c>
      <c r="I593">
        <f t="shared" si="39"/>
        <v>7.5887683783937718E-2</v>
      </c>
    </row>
    <row r="594" spans="1:9" x14ac:dyDescent="0.4">
      <c r="A594">
        <v>19.733333333333334</v>
      </c>
      <c r="B594">
        <v>-5.3235091572634268</v>
      </c>
      <c r="C594">
        <v>2.6185080033047226</v>
      </c>
      <c r="D594">
        <v>7.1943497503831182</v>
      </c>
      <c r="E594">
        <v>2.6427512001189526</v>
      </c>
      <c r="F594">
        <f t="shared" si="36"/>
        <v>1.8417916604953748</v>
      </c>
      <c r="G594">
        <f t="shared" si="37"/>
        <v>2.6323849609569598</v>
      </c>
      <c r="H594">
        <f t="shared" si="38"/>
        <v>-5.4569425505303963E-2</v>
      </c>
      <c r="I594">
        <f t="shared" si="39"/>
        <v>2.5410545664292059E-2</v>
      </c>
    </row>
    <row r="595" spans="1:9" x14ac:dyDescent="0.4">
      <c r="A595">
        <v>19.766666666666666</v>
      </c>
      <c r="B595">
        <v>-5.2735388648145172</v>
      </c>
      <c r="C595">
        <v>2.6256184020741786</v>
      </c>
      <c r="D595">
        <v>7.1554490755735385</v>
      </c>
      <c r="E595">
        <v>2.6406759584727175</v>
      </c>
      <c r="F595">
        <f t="shared" si="36"/>
        <v>1.8408916548309799</v>
      </c>
      <c r="G595">
        <f t="shared" si="37"/>
        <v>2.6342374416377257</v>
      </c>
      <c r="H595">
        <f t="shared" si="38"/>
        <v>-8.2170526487592058E-2</v>
      </c>
      <c r="I595">
        <f t="shared" si="39"/>
        <v>2.5479326244575311E-2</v>
      </c>
    </row>
    <row r="596" spans="1:9" x14ac:dyDescent="0.4">
      <c r="A596">
        <v>19.8</v>
      </c>
      <c r="B596">
        <v>-5.2079078330097923</v>
      </c>
      <c r="C596">
        <v>2.6229426750535838</v>
      </c>
      <c r="D596">
        <v>7.0987321175958993</v>
      </c>
      <c r="E596">
        <v>2.6359539686372204</v>
      </c>
      <c r="F596">
        <f t="shared" si="36"/>
        <v>1.8364899312175065</v>
      </c>
      <c r="G596">
        <f t="shared" si="37"/>
        <v>2.6303904209694595</v>
      </c>
      <c r="H596">
        <f t="shared" si="38"/>
        <v>-8.7747182579612878E-2</v>
      </c>
      <c r="I596">
        <f t="shared" si="39"/>
        <v>5.0200107364561104E-2</v>
      </c>
    </row>
    <row r="597" spans="1:9" x14ac:dyDescent="0.4">
      <c r="A597">
        <v>19.833333333333332</v>
      </c>
      <c r="B597">
        <v>-5.1474842427750573</v>
      </c>
      <c r="C597">
        <v>2.6323385830640547</v>
      </c>
      <c r="D597">
        <v>7.0495361493722166</v>
      </c>
      <c r="E597">
        <v>2.6379695240417309</v>
      </c>
      <c r="F597">
        <f t="shared" si="36"/>
        <v>1.8341665998213657</v>
      </c>
      <c r="G597">
        <f t="shared" si="37"/>
        <v>2.6355617689371154</v>
      </c>
      <c r="H597">
        <f t="shared" si="38"/>
        <v>-9.4636528345870163E-2</v>
      </c>
      <c r="I597">
        <f t="shared" si="39"/>
        <v>9.5036147874068611E-2</v>
      </c>
    </row>
    <row r="598" spans="1:9" x14ac:dyDescent="0.4">
      <c r="A598">
        <v>19.866666666666667</v>
      </c>
      <c r="B598">
        <v>-5.0840206832292383</v>
      </c>
      <c r="C598">
        <v>2.6327854996235414</v>
      </c>
      <c r="D598">
        <v>6.9957743982870326</v>
      </c>
      <c r="E598">
        <v>2.6455456365006698</v>
      </c>
      <c r="F598">
        <f t="shared" si="36"/>
        <v>1.8305296575702465</v>
      </c>
      <c r="G598">
        <f t="shared" si="37"/>
        <v>2.6400894818680252</v>
      </c>
      <c r="H598">
        <f t="shared" si="38"/>
        <v>-0.10148361176504232</v>
      </c>
      <c r="I598">
        <f t="shared" si="39"/>
        <v>0.11982221705205562</v>
      </c>
    </row>
    <row r="599" spans="1:9" x14ac:dyDescent="0.4">
      <c r="A599">
        <v>19.899999999999999</v>
      </c>
      <c r="B599">
        <v>-5.0190930545543484</v>
      </c>
      <c r="C599">
        <v>2.6403447676001344</v>
      </c>
      <c r="D599">
        <v>6.9430264285977268</v>
      </c>
      <c r="E599">
        <v>2.6488745512464256</v>
      </c>
      <c r="F599">
        <f t="shared" si="36"/>
        <v>1.8280990369302983</v>
      </c>
      <c r="G599">
        <f t="shared" si="37"/>
        <v>2.6452272691674543</v>
      </c>
      <c r="H599">
        <f t="shared" si="38"/>
        <v>-0.11773727375174529</v>
      </c>
      <c r="I599">
        <f t="shared" si="39"/>
        <v>9.2780734531553499E-2</v>
      </c>
    </row>
    <row r="600" spans="1:9" x14ac:dyDescent="0.4">
      <c r="A600">
        <v>19.933333333333334</v>
      </c>
      <c r="B600">
        <v>-4.9656574263197824</v>
      </c>
      <c r="C600">
        <v>2.6369957559316743</v>
      </c>
      <c r="D600">
        <v>6.8935196332914597</v>
      </c>
      <c r="E600">
        <v>2.6519017501651767</v>
      </c>
      <c r="F600">
        <f t="shared" si="36"/>
        <v>1.8226097773688665</v>
      </c>
      <c r="G600">
        <f t="shared" si="37"/>
        <v>2.645528040362966</v>
      </c>
      <c r="H600">
        <f t="shared" si="38"/>
        <v>-0.1377953988974846</v>
      </c>
      <c r="I600">
        <f t="shared" si="39"/>
        <v>2.4689996769133613E-2</v>
      </c>
    </row>
    <row r="601" spans="1:9" x14ac:dyDescent="0.4">
      <c r="A601">
        <v>19.966666666666665</v>
      </c>
      <c r="B601">
        <v>-4.900848516382708</v>
      </c>
      <c r="C601">
        <v>2.6400058773773076</v>
      </c>
      <c r="D601">
        <v>6.837933238367893</v>
      </c>
      <c r="E601">
        <v>2.6545061870832893</v>
      </c>
      <c r="F601">
        <f t="shared" si="36"/>
        <v>1.8185036609634315</v>
      </c>
      <c r="G601">
        <f t="shared" si="37"/>
        <v>2.6483059454449038</v>
      </c>
      <c r="H601">
        <f t="shared" si="38"/>
        <v>-0.12706918587727681</v>
      </c>
      <c r="I601">
        <f t="shared" si="39"/>
        <v>-2.5686216091799007E-2</v>
      </c>
    </row>
    <row r="602" spans="1:9" x14ac:dyDescent="0.4">
      <c r="A602">
        <v>20</v>
      </c>
      <c r="B602">
        <v>-4.8284521974300958</v>
      </c>
      <c r="C602">
        <v>2.6388005999186297</v>
      </c>
      <c r="D602">
        <v>6.7731218790016001</v>
      </c>
      <c r="E602">
        <v>2.6455519992882013</v>
      </c>
      <c r="F602">
        <f t="shared" si="36"/>
        <v>1.8123614457374326</v>
      </c>
      <c r="G602">
        <f t="shared" si="37"/>
        <v>2.6426651431908228</v>
      </c>
      <c r="H602">
        <f t="shared" si="38"/>
        <v>-9.1737334861115308E-2</v>
      </c>
      <c r="I602">
        <f t="shared" si="39"/>
        <v>-2.8048082750208096E-2</v>
      </c>
    </row>
    <row r="603" spans="1:9" x14ac:dyDescent="0.4">
      <c r="A603">
        <v>20.033333333333335</v>
      </c>
      <c r="B603">
        <v>-4.7641602478410423</v>
      </c>
      <c r="C603">
        <v>2.6425783106616421</v>
      </c>
      <c r="D603">
        <v>6.7245422641333272</v>
      </c>
      <c r="E603">
        <v>2.6422278097378156</v>
      </c>
      <c r="F603">
        <f t="shared" si="36"/>
        <v>1.812045005099802</v>
      </c>
      <c r="G603">
        <f t="shared" si="37"/>
        <v>2.6423776817382261</v>
      </c>
      <c r="H603">
        <f t="shared" si="38"/>
        <v>-8.7203370815980119E-2</v>
      </c>
      <c r="I603">
        <f t="shared" si="39"/>
        <v>6.4431276243424492E-3</v>
      </c>
    </row>
    <row r="604" spans="1:9" x14ac:dyDescent="0.4">
      <c r="A604">
        <v>20.066666666666666</v>
      </c>
      <c r="B604">
        <v>-4.6981308234394419</v>
      </c>
      <c r="C604">
        <v>2.6464340338138417</v>
      </c>
      <c r="D604">
        <v>6.6726049845219775</v>
      </c>
      <c r="E604">
        <v>2.6418629062206271</v>
      </c>
      <c r="F604">
        <f t="shared" si="36"/>
        <v>1.8105495494904953</v>
      </c>
      <c r="G604">
        <f t="shared" si="37"/>
        <v>2.6438174917579369</v>
      </c>
      <c r="H604">
        <f t="shared" si="38"/>
        <v>-5.9021003060206967E-2</v>
      </c>
      <c r="I604">
        <f t="shared" si="39"/>
        <v>7.6677045744293501E-2</v>
      </c>
    </row>
    <row r="605" spans="1:9" x14ac:dyDescent="0.4">
      <c r="A605">
        <v>20.100000000000001</v>
      </c>
      <c r="B605">
        <v>-4.635093875716092</v>
      </c>
      <c r="C605">
        <v>2.6552624106703777</v>
      </c>
      <c r="D605">
        <v>6.6156034422788421</v>
      </c>
      <c r="E605">
        <v>2.6439788427907276</v>
      </c>
      <c r="F605">
        <f t="shared" si="36"/>
        <v>1.8048757139509033</v>
      </c>
      <c r="G605">
        <f t="shared" si="37"/>
        <v>2.648803625765404</v>
      </c>
      <c r="H605">
        <f t="shared" si="38"/>
        <v>-4.0779351599810013E-2</v>
      </c>
      <c r="I605">
        <f t="shared" si="39"/>
        <v>0.10183235447045207</v>
      </c>
    </row>
    <row r="606" spans="1:9" x14ac:dyDescent="0.4">
      <c r="A606">
        <v>20.133333333333333</v>
      </c>
      <c r="B606">
        <v>-4.5631400321571789</v>
      </c>
      <c r="C606">
        <v>2.6548633272022322</v>
      </c>
      <c r="D606">
        <v>6.5640081480779893</v>
      </c>
      <c r="E606">
        <v>2.6502658086589808</v>
      </c>
      <c r="F606">
        <f t="shared" si="36"/>
        <v>1.8061092574685143</v>
      </c>
      <c r="G606">
        <f t="shared" si="37"/>
        <v>2.6522316788012827</v>
      </c>
      <c r="H606">
        <f t="shared" si="38"/>
        <v>-6.3901377025322739E-2</v>
      </c>
      <c r="I606">
        <f t="shared" si="39"/>
        <v>5.4174780198198609E-2</v>
      </c>
    </row>
    <row r="607" spans="1:9" x14ac:dyDescent="0.4">
      <c r="A607">
        <v>20.166666666666668</v>
      </c>
      <c r="B607">
        <v>-4.4779888715484217</v>
      </c>
      <c r="C607">
        <v>2.6539457484657558</v>
      </c>
      <c r="D607">
        <v>6.5027740728491539</v>
      </c>
      <c r="E607">
        <v>2.6560367438128867</v>
      </c>
      <c r="F607">
        <f t="shared" si="36"/>
        <v>1.8074685925108243</v>
      </c>
      <c r="G607">
        <f t="shared" si="37"/>
        <v>2.6551426472949617</v>
      </c>
      <c r="H607">
        <f t="shared" si="38"/>
        <v>-2.8045740526204403E-2</v>
      </c>
      <c r="I607">
        <f t="shared" si="39"/>
        <v>1.2874036716159311E-2</v>
      </c>
    </row>
    <row r="608" spans="1:9" x14ac:dyDescent="0.4">
      <c r="A608">
        <v>20.2</v>
      </c>
      <c r="B608">
        <v>-4.4099780284677346</v>
      </c>
      <c r="C608">
        <v>2.6540133435021045</v>
      </c>
      <c r="D608">
        <v>6.4364807336164116</v>
      </c>
      <c r="E608">
        <v>2.64643789793397</v>
      </c>
      <c r="F608">
        <f t="shared" si="36"/>
        <v>1.7986028807063144</v>
      </c>
      <c r="G608">
        <f t="shared" si="37"/>
        <v>2.649677111026191</v>
      </c>
      <c r="H608">
        <f t="shared" si="38"/>
        <v>-2.5151504169187624E-2</v>
      </c>
      <c r="I608">
        <f t="shared" si="39"/>
        <v>8.4617333915793617E-3</v>
      </c>
    </row>
    <row r="609" spans="1:9" x14ac:dyDescent="0.4">
      <c r="A609">
        <v>20.233333333333334</v>
      </c>
      <c r="B609">
        <v>-4.3324775925635262</v>
      </c>
      <c r="C609">
        <v>2.6581704293352484</v>
      </c>
      <c r="D609">
        <v>6.3879365937803456</v>
      </c>
      <c r="E609">
        <v>2.6477864637895476</v>
      </c>
      <c r="F609">
        <f t="shared" si="36"/>
        <v>1.8039546122443024</v>
      </c>
      <c r="G609">
        <f t="shared" si="37"/>
        <v>2.6522265824389764</v>
      </c>
      <c r="H609">
        <f t="shared" si="38"/>
        <v>-1.0686646008036583E-2</v>
      </c>
      <c r="I609">
        <f t="shared" si="39"/>
        <v>3.1303538678152332E-2</v>
      </c>
    </row>
    <row r="610" spans="1:9" x14ac:dyDescent="0.4">
      <c r="A610">
        <v>20.266666666666666</v>
      </c>
      <c r="B610">
        <v>-4.2481011846655701</v>
      </c>
      <c r="C610">
        <v>2.6604501671838978</v>
      </c>
      <c r="D610">
        <v>6.3244168383859876</v>
      </c>
      <c r="E610">
        <v>2.6511033668131878</v>
      </c>
      <c r="F610">
        <f t="shared" si="36"/>
        <v>1.8036743302402438</v>
      </c>
      <c r="G610">
        <f t="shared" si="37"/>
        <v>2.655100000127872</v>
      </c>
      <c r="H610">
        <f t="shared" si="38"/>
        <v>-2.3221148411274217E-2</v>
      </c>
      <c r="I610">
        <f t="shared" si="39"/>
        <v>8.6629743666297929E-2</v>
      </c>
    </row>
    <row r="611" spans="1:9" x14ac:dyDescent="0.4">
      <c r="A611">
        <v>20.3</v>
      </c>
      <c r="B611">
        <v>-4.1684536474503551</v>
      </c>
      <c r="C611">
        <v>2.6634668912902626</v>
      </c>
      <c r="D611">
        <v>6.264006321052884</v>
      </c>
      <c r="E611">
        <v>2.6533020267659033</v>
      </c>
      <c r="F611">
        <f t="shared" si="36"/>
        <v>1.8031517600758533</v>
      </c>
      <c r="G611">
        <f t="shared" si="37"/>
        <v>2.6576484591904799</v>
      </c>
      <c r="H611">
        <f t="shared" si="38"/>
        <v>-0.10340689139804517</v>
      </c>
      <c r="I611">
        <f t="shared" si="39"/>
        <v>8.0157273884080685E-2</v>
      </c>
    </row>
    <row r="612" spans="1:9" x14ac:dyDescent="0.4">
      <c r="A612">
        <v>20.333333333333332</v>
      </c>
      <c r="B612">
        <v>-4.0849721996284396</v>
      </c>
      <c r="C612">
        <v>2.6649179119213029</v>
      </c>
      <c r="D612">
        <v>6.187637853380954</v>
      </c>
      <c r="E612">
        <v>2.6587798786800727</v>
      </c>
      <c r="F612">
        <f t="shared" si="36"/>
        <v>1.7951341153886597</v>
      </c>
      <c r="G612">
        <f t="shared" si="37"/>
        <v>2.6614044632614888</v>
      </c>
      <c r="H612">
        <f t="shared" si="38"/>
        <v>-0.1249619250662659</v>
      </c>
      <c r="I612">
        <f t="shared" si="39"/>
        <v>5.879081793347201E-2</v>
      </c>
    </row>
    <row r="613" spans="1:9" x14ac:dyDescent="0.4">
      <c r="A613">
        <v>20.366666666666667</v>
      </c>
      <c r="B613">
        <v>-4.0110681048086434</v>
      </c>
      <c r="C613">
        <v>2.6698012651431617</v>
      </c>
      <c r="D613">
        <v>6.1251912866087359</v>
      </c>
      <c r="E613">
        <v>2.6569303915682703</v>
      </c>
      <c r="F613">
        <f t="shared" si="36"/>
        <v>1.7909902377704203</v>
      </c>
      <c r="G613">
        <f t="shared" si="37"/>
        <v>2.6624338965195147</v>
      </c>
      <c r="H613">
        <f t="shared" si="38"/>
        <v>-7.9925217790579164E-2</v>
      </c>
      <c r="I613">
        <f t="shared" si="39"/>
        <v>5.3290717571666341E-2</v>
      </c>
    </row>
    <row r="614" spans="1:9" x14ac:dyDescent="0.4">
      <c r="A614">
        <v>20.399999999999999</v>
      </c>
      <c r="B614">
        <v>-3.9280024782727261</v>
      </c>
      <c r="C614">
        <v>2.6767092765952554</v>
      </c>
      <c r="D614">
        <v>6.0595377844967988</v>
      </c>
      <c r="E614">
        <v>2.651895562220123</v>
      </c>
      <c r="F614">
        <f t="shared" si="36"/>
        <v>1.788928103881916</v>
      </c>
      <c r="G614">
        <f t="shared" si="37"/>
        <v>2.6625057511189332</v>
      </c>
      <c r="H614">
        <f t="shared" si="38"/>
        <v>-2.7672678069642083E-2</v>
      </c>
      <c r="I614">
        <f t="shared" si="39"/>
        <v>5.4690829232517418E-2</v>
      </c>
    </row>
    <row r="615" spans="1:9" x14ac:dyDescent="0.4">
      <c r="A615">
        <v>20.433333333333334</v>
      </c>
      <c r="B615">
        <v>-3.8365436339678638</v>
      </c>
      <c r="C615">
        <v>2.6781949485432768</v>
      </c>
      <c r="D615">
        <v>5.9982151903542862</v>
      </c>
      <c r="E615">
        <v>2.6568546036801557</v>
      </c>
      <c r="F615">
        <f t="shared" si="36"/>
        <v>1.7929338961974619</v>
      </c>
      <c r="G615">
        <f t="shared" si="37"/>
        <v>2.6659796015237021</v>
      </c>
      <c r="H615">
        <f t="shared" si="38"/>
        <v>-4.5077575541010197E-2</v>
      </c>
      <c r="I615">
        <f t="shared" si="39"/>
        <v>7.8159080319527854E-2</v>
      </c>
    </row>
    <row r="616" spans="1:9" x14ac:dyDescent="0.4">
      <c r="A616">
        <v>20.466666666666665</v>
      </c>
      <c r="B616">
        <v>-3.7490598619926701</v>
      </c>
      <c r="C616">
        <v>2.6787415800782077</v>
      </c>
      <c r="D616">
        <v>5.9269524545769592</v>
      </c>
      <c r="E616">
        <v>2.661280500792726</v>
      </c>
      <c r="F616">
        <f t="shared" si="36"/>
        <v>1.7895501731635319</v>
      </c>
      <c r="G616">
        <f t="shared" si="37"/>
        <v>2.6687467489648147</v>
      </c>
      <c r="H616">
        <f t="shared" si="38"/>
        <v>-7.0855528271730944E-2</v>
      </c>
      <c r="I616">
        <f t="shared" si="39"/>
        <v>5.4366042001899179E-2</v>
      </c>
    </row>
    <row r="617" spans="1:9" x14ac:dyDescent="0.4">
      <c r="A617">
        <v>20.5</v>
      </c>
      <c r="B617">
        <v>-3.6653197098134926</v>
      </c>
      <c r="C617">
        <v>2.6793709259181724</v>
      </c>
      <c r="D617">
        <v>5.8532449029988847</v>
      </c>
      <c r="E617">
        <v>2.6670876659165987</v>
      </c>
      <c r="F617">
        <f t="shared" si="36"/>
        <v>1.7831662738727774</v>
      </c>
      <c r="G617">
        <f t="shared" si="37"/>
        <v>2.6723399109831618</v>
      </c>
      <c r="H617">
        <f t="shared" si="38"/>
        <v>-8.3910341164152788E-2</v>
      </c>
      <c r="I617">
        <f t="shared" si="39"/>
        <v>4.8185956977143868E-2</v>
      </c>
    </row>
    <row r="618" spans="1:9" x14ac:dyDescent="0.4">
      <c r="A618">
        <v>20.533333333333335</v>
      </c>
      <c r="B618">
        <v>-3.5795931142462076</v>
      </c>
      <c r="C618">
        <v>2.6805249296799314</v>
      </c>
      <c r="D618">
        <v>5.7871733527896403</v>
      </c>
      <c r="E618">
        <v>2.6593191408731647</v>
      </c>
      <c r="F618">
        <f t="shared" si="36"/>
        <v>1.7820026603323029</v>
      </c>
      <c r="G618">
        <f t="shared" si="37"/>
        <v>2.6683866033895201</v>
      </c>
      <c r="H618">
        <f t="shared" si="38"/>
        <v>-2.9746184002452422E-2</v>
      </c>
      <c r="I618">
        <f t="shared" si="39"/>
        <v>4.5748466152221903E-2</v>
      </c>
    </row>
    <row r="619" spans="1:9" x14ac:dyDescent="0.4">
      <c r="A619">
        <v>20.566666666666666</v>
      </c>
      <c r="B619">
        <v>-3.4819741263194803</v>
      </c>
      <c r="C619">
        <v>2.688189234987223</v>
      </c>
      <c r="D619">
        <v>5.715508636038324</v>
      </c>
      <c r="E619">
        <v>2.6637335838336216</v>
      </c>
      <c r="F619">
        <f t="shared" si="36"/>
        <v>1.7827225957523842</v>
      </c>
      <c r="G619">
        <f t="shared" si="37"/>
        <v>2.6741906671408735</v>
      </c>
      <c r="H619">
        <f t="shared" si="38"/>
        <v>8.1737990543314619E-3</v>
      </c>
      <c r="I619">
        <f t="shared" si="39"/>
        <v>6.8932822006394695E-2</v>
      </c>
    </row>
    <row r="620" spans="1:9" x14ac:dyDescent="0.4">
      <c r="A620">
        <v>20.6</v>
      </c>
      <c r="B620">
        <v>-3.4164906798842898</v>
      </c>
      <c r="C620">
        <v>2.6880600569427386</v>
      </c>
      <c r="D620">
        <v>5.6702460414620193</v>
      </c>
      <c r="E620">
        <v>2.6660233628161709</v>
      </c>
      <c r="F620">
        <f t="shared" si="36"/>
        <v>1.7848143148899864</v>
      </c>
      <c r="G620">
        <f t="shared" si="37"/>
        <v>2.6754461152446627</v>
      </c>
      <c r="H620">
        <f t="shared" si="38"/>
        <v>-1.1242729932896269E-2</v>
      </c>
      <c r="I620">
        <f t="shared" si="39"/>
        <v>0.10653211296940462</v>
      </c>
    </row>
    <row r="621" spans="1:9" x14ac:dyDescent="0.4">
      <c r="A621">
        <v>20.633333333333333</v>
      </c>
      <c r="B621">
        <v>-3.435073230069229</v>
      </c>
      <c r="C621">
        <v>2.6936541411070181</v>
      </c>
      <c r="D621">
        <v>5.6811722211268751</v>
      </c>
      <c r="E621">
        <v>2.6703224913944705</v>
      </c>
      <c r="F621">
        <f t="shared" si="36"/>
        <v>1.7831227464363242</v>
      </c>
      <c r="G621">
        <f t="shared" si="37"/>
        <v>2.680298958723323</v>
      </c>
      <c r="H621">
        <f t="shared" si="38"/>
        <v>-2.2270180086039513E-2</v>
      </c>
      <c r="I621">
        <f t="shared" si="39"/>
        <v>9.4281263349791061E-2</v>
      </c>
    </row>
    <row r="622" spans="1:9" x14ac:dyDescent="0.4">
      <c r="A622">
        <v>20.666666666666668</v>
      </c>
      <c r="B622">
        <v>-3.4388350424685825</v>
      </c>
      <c r="C622">
        <v>2.6971320855742738</v>
      </c>
      <c r="D622">
        <v>5.6784024709559251</v>
      </c>
      <c r="E622">
        <v>2.6725965821004842</v>
      </c>
      <c r="F622">
        <f t="shared" si="36"/>
        <v>1.7799287966681836</v>
      </c>
      <c r="G622">
        <f t="shared" si="37"/>
        <v>2.6830878097598627</v>
      </c>
      <c r="H622">
        <f t="shared" si="38"/>
        <v>-8.0802503648671045E-2</v>
      </c>
      <c r="I622">
        <f t="shared" si="39"/>
        <v>8.545296597005915E-2</v>
      </c>
    </row>
    <row r="623" spans="1:9" x14ac:dyDescent="0.4">
      <c r="A623">
        <v>20.7</v>
      </c>
      <c r="B623">
        <v>-3.4339920015135226</v>
      </c>
      <c r="C623">
        <v>2.7007784138619124</v>
      </c>
      <c r="D623">
        <v>5.6774486161310751</v>
      </c>
      <c r="E623">
        <v>2.6751060006152771</v>
      </c>
      <c r="F623">
        <f t="shared" si="36"/>
        <v>1.7814536581822791</v>
      </c>
      <c r="G623">
        <f t="shared" si="37"/>
        <v>2.6860833637749053</v>
      </c>
      <c r="H623">
        <f t="shared" si="38"/>
        <v>-9.6101810603250862E-2</v>
      </c>
      <c r="I623">
        <f t="shared" si="39"/>
        <v>6.1547666531484004E-2</v>
      </c>
    </row>
    <row r="624" spans="1:9" x14ac:dyDescent="0.4">
      <c r="A624">
        <v>20.733333333333334</v>
      </c>
      <c r="B624">
        <v>-3.4417381970288714</v>
      </c>
      <c r="C624">
        <v>2.7044340966705511</v>
      </c>
      <c r="D624">
        <v>5.6670370277045823</v>
      </c>
      <c r="E624">
        <v>2.6736202776283409</v>
      </c>
      <c r="F624">
        <f t="shared" si="36"/>
        <v>1.772181775075564</v>
      </c>
      <c r="G624">
        <f t="shared" si="37"/>
        <v>2.6867960737138814</v>
      </c>
      <c r="H624">
        <f t="shared" si="38"/>
        <v>-0.11052801876529872</v>
      </c>
      <c r="I624">
        <f t="shared" si="39"/>
        <v>1.0748593171549565E-2</v>
      </c>
    </row>
    <row r="625" spans="1:9" x14ac:dyDescent="0.4">
      <c r="A625">
        <v>20.766666666666666</v>
      </c>
      <c r="B625">
        <v>-3.438351026277696</v>
      </c>
      <c r="C625">
        <v>2.7024149784293221</v>
      </c>
      <c r="D625">
        <v>5.66240601742303</v>
      </c>
      <c r="E625">
        <v>2.6784596023505713</v>
      </c>
      <c r="F625">
        <f t="shared" si="36"/>
        <v>1.770979288798759</v>
      </c>
      <c r="G625">
        <f t="shared" si="37"/>
        <v>2.6887027711682276</v>
      </c>
      <c r="H625">
        <f t="shared" si="38"/>
        <v>-9.2232486541597797E-2</v>
      </c>
      <c r="I625">
        <f t="shared" si="39"/>
        <v>-2.4842178106259813E-2</v>
      </c>
    </row>
    <row r="626" spans="1:9" x14ac:dyDescent="0.4">
      <c r="A626">
        <v>20.8</v>
      </c>
      <c r="B626">
        <v>-3.4292413628529461</v>
      </c>
      <c r="C626">
        <v>2.698095591683122</v>
      </c>
      <c r="D626">
        <v>5.6482030299826951</v>
      </c>
      <c r="E626">
        <v>2.6727184174542069</v>
      </c>
      <c r="F626">
        <f t="shared" si="36"/>
        <v>1.7667446448990607</v>
      </c>
      <c r="G626">
        <f t="shared" si="37"/>
        <v>2.6835695382584599</v>
      </c>
      <c r="H626">
        <f t="shared" si="38"/>
        <v>-3.0831935859995382E-2</v>
      </c>
      <c r="I626">
        <f t="shared" si="39"/>
        <v>-2.0941189984856154E-2</v>
      </c>
    </row>
    <row r="627" spans="1:9" x14ac:dyDescent="0.4">
      <c r="A627">
        <v>20.833333333333332</v>
      </c>
      <c r="B627">
        <v>-3.4222007163721333</v>
      </c>
      <c r="C627">
        <v>2.7001406645948545</v>
      </c>
      <c r="D627">
        <v>5.6465345662807769</v>
      </c>
      <c r="E627">
        <v>2.6711675431791657</v>
      </c>
      <c r="F627">
        <f t="shared" si="36"/>
        <v>1.7688001421802646</v>
      </c>
      <c r="G627">
        <f t="shared" si="37"/>
        <v>2.6835562684849061</v>
      </c>
      <c r="H627">
        <f t="shared" si="38"/>
        <v>-3.2995730676336689E-2</v>
      </c>
      <c r="I627">
        <f t="shared" si="39"/>
        <v>-2.4769223936543749E-2</v>
      </c>
    </row>
    <row r="628" spans="1:9" x14ac:dyDescent="0.4">
      <c r="A628">
        <v>20.866666666666667</v>
      </c>
      <c r="B628">
        <v>-3.4150717910117341</v>
      </c>
      <c r="C628">
        <v>2.7046108835921987</v>
      </c>
      <c r="D628">
        <v>5.6400431390025165</v>
      </c>
      <c r="E628">
        <v>2.6718862994438082</v>
      </c>
      <c r="F628">
        <f t="shared" si="36"/>
        <v>1.7681326924081453</v>
      </c>
      <c r="G628">
        <f t="shared" si="37"/>
        <v>2.6858791267247328</v>
      </c>
      <c r="H628">
        <f t="shared" si="38"/>
        <v>-4.3011564504009399E-2</v>
      </c>
      <c r="I628">
        <f t="shared" si="39"/>
        <v>5.7091100638062813E-3</v>
      </c>
    </row>
    <row r="629" spans="1:9" x14ac:dyDescent="0.4">
      <c r="A629">
        <v>20.9</v>
      </c>
      <c r="B629">
        <v>-3.4128709652349145</v>
      </c>
      <c r="C629">
        <v>2.7033662474337596</v>
      </c>
      <c r="D629">
        <v>5.6325523489443379</v>
      </c>
      <c r="E629">
        <v>2.6685195383147122</v>
      </c>
      <c r="F629">
        <f t="shared" si="36"/>
        <v>1.7647859765981606</v>
      </c>
      <c r="G629">
        <f t="shared" si="37"/>
        <v>2.6834197729456672</v>
      </c>
      <c r="H629">
        <f t="shared" si="38"/>
        <v>-6.3956011148831565E-2</v>
      </c>
      <c r="I629">
        <f t="shared" si="39"/>
        <v>8.172222442006891E-3</v>
      </c>
    </row>
    <row r="630" spans="1:9" x14ac:dyDescent="0.4">
      <c r="A630">
        <v>20.933333333333334</v>
      </c>
      <c r="B630">
        <v>-3.4147798817760746</v>
      </c>
      <c r="C630">
        <v>2.7002948422623247</v>
      </c>
      <c r="D630">
        <v>5.6283829287396108</v>
      </c>
      <c r="E630">
        <v>2.6728570957699604</v>
      </c>
      <c r="F630">
        <f t="shared" si="36"/>
        <v>1.7615831336061112</v>
      </c>
      <c r="G630">
        <f t="shared" si="37"/>
        <v>2.684589304372047</v>
      </c>
      <c r="H630">
        <f t="shared" si="38"/>
        <v>-8.1367010673215875E-2</v>
      </c>
      <c r="I630">
        <f t="shared" si="39"/>
        <v>2.7849722001116524E-2</v>
      </c>
    </row>
    <row r="631" spans="1:9" x14ac:dyDescent="0.4">
      <c r="A631">
        <v>20.966666666666665</v>
      </c>
      <c r="B631">
        <v>-3.4171228317344875</v>
      </c>
      <c r="C631">
        <v>2.7021576137446752</v>
      </c>
      <c r="D631">
        <v>5.6298404311677279</v>
      </c>
      <c r="E631">
        <v>2.6731670206476221</v>
      </c>
      <c r="F631">
        <f t="shared" si="36"/>
        <v>1.7614155863898098</v>
      </c>
      <c r="G631">
        <f t="shared" si="37"/>
        <v>2.6855632167349168</v>
      </c>
      <c r="H631">
        <f t="shared" si="38"/>
        <v>-9.6920215077845068E-2</v>
      </c>
      <c r="I631">
        <f t="shared" si="39"/>
        <v>3.9348568885302457E-2</v>
      </c>
    </row>
    <row r="632" spans="1:9" x14ac:dyDescent="0.4">
      <c r="A632">
        <v>21</v>
      </c>
      <c r="B632">
        <v>-3.4247252654628779</v>
      </c>
      <c r="C632">
        <v>2.7080917023632645</v>
      </c>
      <c r="D632">
        <v>5.6265069346789325</v>
      </c>
      <c r="E632">
        <v>2.6755227413689866</v>
      </c>
      <c r="F632">
        <f t="shared" si="36"/>
        <v>1.7562567190667848</v>
      </c>
      <c r="G632">
        <f t="shared" si="37"/>
        <v>2.6894490251636274</v>
      </c>
      <c r="H632">
        <f t="shared" si="38"/>
        <v>-0.11144197378255301</v>
      </c>
      <c r="I632">
        <f t="shared" si="39"/>
        <v>5.086274365265394E-2</v>
      </c>
    </row>
    <row r="633" spans="1:9" x14ac:dyDescent="0.4">
      <c r="A633">
        <v>21.033333333333335</v>
      </c>
      <c r="B633">
        <v>-3.4329718014976844</v>
      </c>
      <c r="C633">
        <v>2.7057299851970065</v>
      </c>
      <c r="D633">
        <v>5.6240004330880291</v>
      </c>
      <c r="E633">
        <v>2.6739658710358456</v>
      </c>
      <c r="F633">
        <f t="shared" si="36"/>
        <v>1.7512958146881827</v>
      </c>
      <c r="G633">
        <f t="shared" si="37"/>
        <v>2.6875480073640943</v>
      </c>
      <c r="H633">
        <f t="shared" si="38"/>
        <v>-0.12005526904029322</v>
      </c>
      <c r="I633">
        <f t="shared" si="39"/>
        <v>7.0640012844333924E-2</v>
      </c>
    </row>
    <row r="634" spans="1:9" x14ac:dyDescent="0.4">
      <c r="A634">
        <v>21.066666666666666</v>
      </c>
      <c r="B634">
        <v>-3.4388743932996428</v>
      </c>
      <c r="C634">
        <v>2.7106375171830646</v>
      </c>
      <c r="D634">
        <v>5.6227730771354736</v>
      </c>
      <c r="E634">
        <v>2.6782069072542503</v>
      </c>
      <c r="F634">
        <f t="shared" si="36"/>
        <v>1.7480693571598325</v>
      </c>
      <c r="G634">
        <f t="shared" si="37"/>
        <v>2.6920740329995674</v>
      </c>
      <c r="H634">
        <f t="shared" si="38"/>
        <v>-8.4897654094607269E-2</v>
      </c>
      <c r="I634">
        <f t="shared" si="39"/>
        <v>5.1227647920775346E-2</v>
      </c>
    </row>
    <row r="635" spans="1:9" x14ac:dyDescent="0.4">
      <c r="A635">
        <v>21.1</v>
      </c>
      <c r="B635">
        <v>-3.4434888425632613</v>
      </c>
      <c r="C635">
        <v>2.7135543254534737</v>
      </c>
      <c r="D635">
        <v>5.6217315236949021</v>
      </c>
      <c r="E635">
        <v>2.682928739492326</v>
      </c>
      <c r="F635">
        <f t="shared" si="36"/>
        <v>1.7455000558365701</v>
      </c>
      <c r="G635">
        <f t="shared" si="37"/>
        <v>2.6960240482910027</v>
      </c>
      <c r="H635">
        <f t="shared" si="38"/>
        <v>-3.442509469151285E-2</v>
      </c>
      <c r="I635">
        <f t="shared" si="39"/>
        <v>7.0343960695718355E-2</v>
      </c>
    </row>
    <row r="636" spans="1:9" x14ac:dyDescent="0.4">
      <c r="A636">
        <v>21.133333333333333</v>
      </c>
      <c r="B636">
        <v>-3.4405161525794092</v>
      </c>
      <c r="C636">
        <v>2.7127890284269736</v>
      </c>
      <c r="D636">
        <v>5.6186460054137664</v>
      </c>
      <c r="E636">
        <v>2.679525796188913</v>
      </c>
      <c r="F636">
        <f t="shared" si="36"/>
        <v>1.7450049894768234</v>
      </c>
      <c r="G636">
        <f t="shared" si="37"/>
        <v>2.6937489460203023</v>
      </c>
      <c r="H636">
        <f t="shared" si="38"/>
        <v>-9.7359754939534658E-3</v>
      </c>
      <c r="I636">
        <f t="shared" si="39"/>
        <v>5.7278639583551262E-2</v>
      </c>
    </row>
    <row r="637" spans="1:9" x14ac:dyDescent="0.4">
      <c r="A637">
        <v>21.166666666666668</v>
      </c>
      <c r="B637">
        <v>-3.4413962062418308</v>
      </c>
      <c r="C637">
        <v>2.7183999160337398</v>
      </c>
      <c r="D637">
        <v>5.6229467946831431</v>
      </c>
      <c r="E637">
        <v>2.6835201932251</v>
      </c>
      <c r="F637">
        <f t="shared" si="36"/>
        <v>1.7470904827477685</v>
      </c>
      <c r="G637">
        <f t="shared" si="37"/>
        <v>2.6984345443030131</v>
      </c>
      <c r="H637">
        <f t="shared" si="38"/>
        <v>-1.8821846494392933E-2</v>
      </c>
      <c r="I637">
        <f t="shared" si="39"/>
        <v>6.2776586836179329E-2</v>
      </c>
    </row>
    <row r="638" spans="1:9" x14ac:dyDescent="0.4">
      <c r="A638">
        <v>21.2</v>
      </c>
      <c r="B638">
        <v>-3.4371051865648394</v>
      </c>
      <c r="C638">
        <v>2.7225168720061133</v>
      </c>
      <c r="D638">
        <v>5.61722740446511</v>
      </c>
      <c r="E638">
        <v>2.6839050527908102</v>
      </c>
      <c r="F638">
        <f t="shared" si="36"/>
        <v>1.7456514811219077</v>
      </c>
      <c r="G638">
        <f t="shared" si="37"/>
        <v>2.700415224924154</v>
      </c>
      <c r="H638">
        <f t="shared" si="38"/>
        <v>-4.3202762106102383E-2</v>
      </c>
      <c r="I638">
        <f t="shared" si="39"/>
        <v>8.6174177907782493E-2</v>
      </c>
    </row>
    <row r="639" spans="1:9" x14ac:dyDescent="0.4">
      <c r="A639">
        <v>21.233333333333334</v>
      </c>
      <c r="B639">
        <v>-3.4389375220858671</v>
      </c>
      <c r="C639">
        <v>2.7281947439321357</v>
      </c>
      <c r="D639">
        <v>5.6122865949062435</v>
      </c>
      <c r="E639">
        <v>2.684447719641792</v>
      </c>
      <c r="F639">
        <f t="shared" si="36"/>
        <v>1.7420398355982958</v>
      </c>
      <c r="G639">
        <f t="shared" si="37"/>
        <v>2.7031536733117734</v>
      </c>
      <c r="H639">
        <f t="shared" si="38"/>
        <v>-9.0544499422367627E-2</v>
      </c>
      <c r="I639">
        <f t="shared" si="39"/>
        <v>8.4059810104926566E-2</v>
      </c>
    </row>
    <row r="640" spans="1:9" x14ac:dyDescent="0.4">
      <c r="A640">
        <v>21.266666666666666</v>
      </c>
      <c r="B640">
        <v>-3.4380577840570319</v>
      </c>
      <c r="C640">
        <v>2.7310567275480349</v>
      </c>
      <c r="D640">
        <v>5.6086420621481681</v>
      </c>
      <c r="E640">
        <v>2.6868486453606555</v>
      </c>
      <c r="F640">
        <f t="shared" si="36"/>
        <v>1.7403298527005426</v>
      </c>
      <c r="G640">
        <f t="shared" si="37"/>
        <v>2.7057517445005526</v>
      </c>
      <c r="H640">
        <f t="shared" si="38"/>
        <v>-8.3122820617934898E-2</v>
      </c>
      <c r="I640">
        <f t="shared" si="39"/>
        <v>8.231253486760258E-2</v>
      </c>
    </row>
    <row r="641" spans="1:9" x14ac:dyDescent="0.4">
      <c r="A641">
        <v>21.3</v>
      </c>
      <c r="B641">
        <v>-3.4429643226215565</v>
      </c>
      <c r="C641">
        <v>2.7353146187199542</v>
      </c>
      <c r="D641">
        <v>5.6024029611489468</v>
      </c>
      <c r="E641">
        <v>2.6906988142161286</v>
      </c>
      <c r="F641">
        <f t="shared" si="36"/>
        <v>1.7346605470547232</v>
      </c>
      <c r="G641">
        <f t="shared" si="37"/>
        <v>2.7097762528656348</v>
      </c>
      <c r="H641">
        <f t="shared" si="38"/>
        <v>-8.2134209168109887E-2</v>
      </c>
      <c r="I641">
        <f t="shared" si="39"/>
        <v>6.8229400125829245E-2</v>
      </c>
    </row>
    <row r="642" spans="1:9" x14ac:dyDescent="0.4">
      <c r="A642">
        <v>21.333333333333332</v>
      </c>
      <c r="B642">
        <v>-3.4489320983537901</v>
      </c>
      <c r="C642">
        <v>2.7341430311879145</v>
      </c>
      <c r="D642">
        <v>5.6083053396993519</v>
      </c>
      <c r="E642">
        <v>2.6934021417130807</v>
      </c>
      <c r="F642">
        <f t="shared" si="36"/>
        <v>1.7354873219573717</v>
      </c>
      <c r="G642">
        <f t="shared" si="37"/>
        <v>2.7108226909584903</v>
      </c>
      <c r="H642">
        <f t="shared" si="38"/>
        <v>-6.6694407063107156E-2</v>
      </c>
      <c r="I642">
        <f t="shared" si="39"/>
        <v>5.645737603008915E-2</v>
      </c>
    </row>
    <row r="643" spans="1:9" x14ac:dyDescent="0.4">
      <c r="A643">
        <v>21.366666666666667</v>
      </c>
      <c r="B643">
        <v>-3.4589337219690046</v>
      </c>
      <c r="C643">
        <v>2.7333606438271714</v>
      </c>
      <c r="D643">
        <v>5.6075390583979416</v>
      </c>
      <c r="E643">
        <v>2.6960254878396146</v>
      </c>
      <c r="F643">
        <f t="shared" ref="F643:F706" si="40">(B643*58.73+D643*78.62)/(58.73+78.62)</f>
        <v>1.7307720661085297</v>
      </c>
      <c r="G643">
        <f t="shared" ref="G643:G706" si="41">(C643*58.73+E643*78.62)/(58.73+78.62)</f>
        <v>2.7119897667704427</v>
      </c>
      <c r="H643">
        <f t="shared" si="38"/>
        <v>-4.7468316431505141E-2</v>
      </c>
      <c r="I643">
        <f t="shared" si="39"/>
        <v>5.4183526920577776E-2</v>
      </c>
    </row>
    <row r="644" spans="1:9" x14ac:dyDescent="0.4">
      <c r="A644">
        <v>21.4</v>
      </c>
      <c r="B644">
        <v>-3.4606834461258607</v>
      </c>
      <c r="C644">
        <v>2.7367080135543889</v>
      </c>
      <c r="D644">
        <v>5.609520978801215</v>
      </c>
      <c r="E644">
        <v>2.6971321653096463</v>
      </c>
      <c r="F644">
        <f t="shared" si="40"/>
        <v>1.7311583586631216</v>
      </c>
      <c r="G644">
        <f t="shared" si="41"/>
        <v>2.7140545502198301</v>
      </c>
      <c r="H644">
        <f t="shared" si="38"/>
        <v>-4.3445815815226108E-2</v>
      </c>
      <c r="I644">
        <f t="shared" si="39"/>
        <v>7.1518839768102513E-2</v>
      </c>
    </row>
    <row r="645" spans="1:9" x14ac:dyDescent="0.4">
      <c r="A645">
        <v>21.433333333333334</v>
      </c>
      <c r="B645">
        <v>-3.4630203435177656</v>
      </c>
      <c r="C645">
        <v>2.742665887748732</v>
      </c>
      <c r="D645">
        <v>5.6073451232513269</v>
      </c>
      <c r="E645">
        <v>2.6981608248019535</v>
      </c>
      <c r="F645">
        <f t="shared" si="40"/>
        <v>1.7289136426299307</v>
      </c>
      <c r="G645">
        <f t="shared" si="41"/>
        <v>2.7171909110550612</v>
      </c>
      <c r="H645">
        <f t="shared" ref="H645:H708" si="42">SLOPE(F643:F647,$A643:$A647)</f>
        <v>-2.1135328609926077E-2</v>
      </c>
      <c r="I645">
        <f t="shared" ref="I645:I708" si="43">SLOPE(G643:G647,$A643:$A647)</f>
        <v>7.0394962127670421E-2</v>
      </c>
    </row>
    <row r="646" spans="1:9" x14ac:dyDescent="0.4">
      <c r="A646">
        <v>21.466666666666665</v>
      </c>
      <c r="B646">
        <v>-3.4607944816112948</v>
      </c>
      <c r="C646">
        <v>2.7455551401549565</v>
      </c>
      <c r="D646">
        <v>5.6061399602463187</v>
      </c>
      <c r="E646">
        <v>2.701157976067921</v>
      </c>
      <c r="F646">
        <f t="shared" si="40"/>
        <v>1.7291755643941336</v>
      </c>
      <c r="G646">
        <f t="shared" si="41"/>
        <v>2.7201419254441981</v>
      </c>
      <c r="H646">
        <f t="shared" si="42"/>
        <v>-2.3559805909005544E-2</v>
      </c>
      <c r="I646">
        <f t="shared" si="43"/>
        <v>5.5455065056799001E-2</v>
      </c>
    </row>
    <row r="647" spans="1:9" x14ac:dyDescent="0.4">
      <c r="A647">
        <v>21.5</v>
      </c>
      <c r="B647">
        <v>-3.4595254393240422</v>
      </c>
      <c r="C647">
        <v>2.7482788824055997</v>
      </c>
      <c r="D647">
        <v>5.6035591176609181</v>
      </c>
      <c r="E647">
        <v>2.7000608396940371</v>
      </c>
      <c r="F647">
        <f t="shared" si="40"/>
        <v>1.7282409084747028</v>
      </c>
      <c r="G647">
        <f t="shared" si="41"/>
        <v>2.7206785728462037</v>
      </c>
      <c r="H647">
        <f t="shared" si="42"/>
        <v>-2.0662251903895368E-2</v>
      </c>
      <c r="I647">
        <f t="shared" si="43"/>
        <v>3.6835162868981378E-2</v>
      </c>
    </row>
    <row r="648" spans="1:9" x14ac:dyDescent="0.4">
      <c r="A648">
        <v>21.533333333333335</v>
      </c>
      <c r="B648">
        <v>-3.4573189694074538</v>
      </c>
      <c r="C648">
        <v>2.7491528241311487</v>
      </c>
      <c r="D648">
        <v>5.6007354417475126</v>
      </c>
      <c r="E648">
        <v>2.7009360315724136</v>
      </c>
      <c r="F648">
        <f t="shared" si="40"/>
        <v>1.727568091422568</v>
      </c>
      <c r="G648">
        <f t="shared" si="41"/>
        <v>2.7215532301670589</v>
      </c>
      <c r="H648">
        <f t="shared" si="42"/>
        <v>-1.8652881390977719E-2</v>
      </c>
      <c r="I648">
        <f t="shared" si="43"/>
        <v>2.8070614704406877E-2</v>
      </c>
    </row>
    <row r="649" spans="1:9" x14ac:dyDescent="0.4">
      <c r="A649">
        <v>21.566666666666666</v>
      </c>
      <c r="B649">
        <v>-3.4559677979138441</v>
      </c>
      <c r="C649">
        <v>2.7501883395309048</v>
      </c>
      <c r="D649">
        <v>5.597464734289705</v>
      </c>
      <c r="E649">
        <v>2.7020339273839893</v>
      </c>
      <c r="F649">
        <f t="shared" si="40"/>
        <v>1.7262736704650643</v>
      </c>
      <c r="G649">
        <f t="shared" si="41"/>
        <v>2.7226244525051277</v>
      </c>
      <c r="H649">
        <f t="shared" si="42"/>
        <v>-2.9498577613095014E-2</v>
      </c>
      <c r="I649">
        <f t="shared" si="43"/>
        <v>3.3073524531868619E-2</v>
      </c>
    </row>
    <row r="650" spans="1:9" x14ac:dyDescent="0.4">
      <c r="A650">
        <v>21.6</v>
      </c>
      <c r="B650">
        <v>-3.452786889518884</v>
      </c>
      <c r="C650">
        <v>2.7510216316541118</v>
      </c>
      <c r="D650">
        <v>5.5964454632169298</v>
      </c>
      <c r="E650">
        <v>2.7035479890877605</v>
      </c>
      <c r="F650">
        <f t="shared" si="40"/>
        <v>1.7270503698337898</v>
      </c>
      <c r="G650">
        <f t="shared" si="41"/>
        <v>2.723847421398804</v>
      </c>
      <c r="H650">
        <f t="shared" si="42"/>
        <v>-4.6274784840973568E-2</v>
      </c>
      <c r="I650">
        <f t="shared" si="43"/>
        <v>3.8204066092086993E-2</v>
      </c>
    </row>
    <row r="651" spans="1:9" x14ac:dyDescent="0.4">
      <c r="A651">
        <v>21.633333333333333</v>
      </c>
      <c r="B651">
        <v>-3.4601044665543594</v>
      </c>
      <c r="C651">
        <v>2.7551903482525089</v>
      </c>
      <c r="D651">
        <v>5.5958548336808382</v>
      </c>
      <c r="E651">
        <v>2.7025238787050556</v>
      </c>
      <c r="F651">
        <f t="shared" si="40"/>
        <v>1.7235833396669094</v>
      </c>
      <c r="G651">
        <f t="shared" si="41"/>
        <v>2.7250437313189759</v>
      </c>
      <c r="H651">
        <f t="shared" si="42"/>
        <v>-4.9862482879083313E-2</v>
      </c>
      <c r="I651">
        <f t="shared" si="43"/>
        <v>3.5777139008007469E-2</v>
      </c>
    </row>
    <row r="652" spans="1:9" x14ac:dyDescent="0.4">
      <c r="A652">
        <v>21.666666666666668</v>
      </c>
      <c r="B652">
        <v>-3.4643998554676343</v>
      </c>
      <c r="C652">
        <v>2.7576106642771152</v>
      </c>
      <c r="D652">
        <v>5.5949012005395042</v>
      </c>
      <c r="E652">
        <v>2.7036284994174622</v>
      </c>
      <c r="F652">
        <f t="shared" si="40"/>
        <v>1.7212007926814832</v>
      </c>
      <c r="G652">
        <f t="shared" si="41"/>
        <v>2.7267109351088159</v>
      </c>
      <c r="H652">
        <f t="shared" si="42"/>
        <v>-5.7891373027457456E-2</v>
      </c>
      <c r="I652">
        <f t="shared" si="43"/>
        <v>3.7195044863068669E-2</v>
      </c>
    </row>
    <row r="653" spans="1:9" x14ac:dyDescent="0.4">
      <c r="A653">
        <v>21.7</v>
      </c>
      <c r="B653">
        <v>-3.4650844240182299</v>
      </c>
      <c r="C653">
        <v>2.7602943612938016</v>
      </c>
      <c r="D653">
        <v>5.5948662075128652</v>
      </c>
      <c r="E653">
        <v>2.7024004992268833</v>
      </c>
      <c r="F653">
        <f t="shared" si="40"/>
        <v>1.7208880452280371</v>
      </c>
      <c r="G653">
        <f t="shared" si="41"/>
        <v>2.7271555521514563</v>
      </c>
      <c r="H653">
        <f t="shared" si="42"/>
        <v>-4.2975988247846271E-2</v>
      </c>
      <c r="I653">
        <f t="shared" si="43"/>
        <v>3.23517889073879E-2</v>
      </c>
    </row>
    <row r="654" spans="1:9" x14ac:dyDescent="0.4">
      <c r="A654">
        <v>21.733333333333334</v>
      </c>
      <c r="B654">
        <v>-3.4668963281205509</v>
      </c>
      <c r="C654">
        <v>2.7629777991457427</v>
      </c>
      <c r="D654">
        <v>5.5924835789692224</v>
      </c>
      <c r="E654">
        <v>2.7036019391793782</v>
      </c>
      <c r="F654">
        <f t="shared" si="40"/>
        <v>1.7187494548819831</v>
      </c>
      <c r="G654">
        <f t="shared" si="41"/>
        <v>2.7289906851264085</v>
      </c>
      <c r="H654">
        <f t="shared" si="42"/>
        <v>-4.1453601516181326E-2</v>
      </c>
      <c r="I654">
        <f t="shared" si="43"/>
        <v>3.254376470622436E-2</v>
      </c>
    </row>
    <row r="655" spans="1:9" x14ac:dyDescent="0.4">
      <c r="A655">
        <v>21.766666666666666</v>
      </c>
      <c r="B655">
        <v>-3.4665783502566287</v>
      </c>
      <c r="C655">
        <v>2.7660903207560303</v>
      </c>
      <c r="D655">
        <v>5.5903188990023169</v>
      </c>
      <c r="E655">
        <v>2.701809927422282</v>
      </c>
      <c r="F655">
        <f t="shared" si="40"/>
        <v>1.7176463438586851</v>
      </c>
      <c r="G655">
        <f t="shared" si="41"/>
        <v>2.7292958211280776</v>
      </c>
      <c r="H655">
        <f t="shared" si="42"/>
        <v>-3.6014489708163649E-2</v>
      </c>
      <c r="I655">
        <f t="shared" si="43"/>
        <v>2.3853646698192094E-2</v>
      </c>
    </row>
    <row r="656" spans="1:9" x14ac:dyDescent="0.4">
      <c r="A656">
        <v>21.8</v>
      </c>
      <c r="B656">
        <v>-3.4683297491759499</v>
      </c>
      <c r="C656">
        <v>2.7700269922532401</v>
      </c>
      <c r="D656">
        <v>5.5885985354541363</v>
      </c>
      <c r="E656">
        <v>2.701959548765287</v>
      </c>
      <c r="F656">
        <f t="shared" si="40"/>
        <v>1.715912709780129</v>
      </c>
      <c r="G656">
        <f t="shared" si="41"/>
        <v>2.731064761404876</v>
      </c>
      <c r="H656">
        <f t="shared" si="42"/>
        <v>-4.0775006774994939E-2</v>
      </c>
      <c r="I656">
        <f t="shared" si="43"/>
        <v>2.2454769439616062E-2</v>
      </c>
    </row>
    <row r="657" spans="1:9" x14ac:dyDescent="0.4">
      <c r="A657">
        <v>21.833333333333332</v>
      </c>
      <c r="B657">
        <v>-3.4688461396343233</v>
      </c>
      <c r="C657">
        <v>2.7688391967331354</v>
      </c>
      <c r="D657">
        <v>5.5896678780093501</v>
      </c>
      <c r="E657">
        <v>2.7011511269961987</v>
      </c>
      <c r="F657">
        <f t="shared" si="40"/>
        <v>1.7163040028276035</v>
      </c>
      <c r="G657">
        <f t="shared" si="41"/>
        <v>2.7300941217952546</v>
      </c>
      <c r="H657">
        <f t="shared" si="42"/>
        <v>-4.996612503904517E-2</v>
      </c>
      <c r="I657">
        <f t="shared" si="43"/>
        <v>3.554591122923665E-2</v>
      </c>
    </row>
    <row r="658" spans="1:9" x14ac:dyDescent="0.4">
      <c r="A658">
        <v>21.866666666666667</v>
      </c>
      <c r="B658">
        <v>-3.4705242578075226</v>
      </c>
      <c r="C658">
        <v>2.7700764574489107</v>
      </c>
      <c r="D658">
        <v>5.5844938272190463</v>
      </c>
      <c r="E658">
        <v>2.7041399650840474</v>
      </c>
      <c r="F658">
        <f t="shared" si="40"/>
        <v>1.7126247909350247</v>
      </c>
      <c r="G658">
        <f t="shared" si="41"/>
        <v>2.7323339963660893</v>
      </c>
      <c r="H658">
        <f t="shared" si="42"/>
        <v>-5.9105546216965614E-2</v>
      </c>
      <c r="I658">
        <f t="shared" si="43"/>
        <v>4.9896527869401859E-2</v>
      </c>
    </row>
    <row r="659" spans="1:9" x14ac:dyDescent="0.4">
      <c r="A659">
        <v>21.9</v>
      </c>
      <c r="B659">
        <v>-3.4720882056743871</v>
      </c>
      <c r="C659">
        <v>2.7706227583614784</v>
      </c>
      <c r="D659">
        <v>5.5827582751960803</v>
      </c>
      <c r="E659">
        <v>2.7076653125621104</v>
      </c>
      <c r="F659">
        <f t="shared" si="40"/>
        <v>1.7109626157747297</v>
      </c>
      <c r="G659">
        <f t="shared" si="41"/>
        <v>2.734585522185677</v>
      </c>
      <c r="H659">
        <f t="shared" si="42"/>
        <v>-6.6735189458368246E-2</v>
      </c>
      <c r="I659">
        <f t="shared" si="43"/>
        <v>8.3917267423078964E-2</v>
      </c>
    </row>
    <row r="660" spans="1:9" x14ac:dyDescent="0.4">
      <c r="A660">
        <v>21.933333333333334</v>
      </c>
      <c r="B660">
        <v>-3.4742391979837142</v>
      </c>
      <c r="C660">
        <v>2.7735221017588967</v>
      </c>
      <c r="D660">
        <v>5.5804690165300217</v>
      </c>
      <c r="E660">
        <v>2.7099536975916791</v>
      </c>
      <c r="F660">
        <f t="shared" si="40"/>
        <v>1.7087324789370717</v>
      </c>
      <c r="G660">
        <f t="shared" si="41"/>
        <v>2.7371351491878984</v>
      </c>
      <c r="H660">
        <f t="shared" si="42"/>
        <v>-6.096912540644514E-2</v>
      </c>
      <c r="I660">
        <f t="shared" si="43"/>
        <v>8.4565385481488675E-2</v>
      </c>
    </row>
    <row r="661" spans="1:9" x14ac:dyDescent="0.4">
      <c r="A661">
        <v>21.966666666666665</v>
      </c>
      <c r="B661">
        <v>-3.4747552348846185</v>
      </c>
      <c r="C661">
        <v>2.7762675180282059</v>
      </c>
      <c r="D661">
        <v>5.5780508082877969</v>
      </c>
      <c r="E661">
        <v>2.7158423205058582</v>
      </c>
      <c r="F661">
        <f t="shared" si="40"/>
        <v>1.7071276272501854</v>
      </c>
      <c r="G661">
        <f t="shared" si="41"/>
        <v>2.7416797566215299</v>
      </c>
      <c r="H661">
        <f t="shared" si="42"/>
        <v>-5.5972105119232875E-2</v>
      </c>
      <c r="I661">
        <f t="shared" si="43"/>
        <v>7.52788600138731E-2</v>
      </c>
    </row>
    <row r="662" spans="1:9" x14ac:dyDescent="0.4">
      <c r="A662">
        <v>22</v>
      </c>
      <c r="B662">
        <v>-3.4769701908954818</v>
      </c>
      <c r="C662">
        <v>2.779217191966072</v>
      </c>
      <c r="D662">
        <v>5.5749066050289722</v>
      </c>
      <c r="E662">
        <v>2.7157376594099865</v>
      </c>
      <c r="F662">
        <f t="shared" si="40"/>
        <v>1.7043807642962228</v>
      </c>
      <c r="G662">
        <f t="shared" si="41"/>
        <v>2.7428811100617443</v>
      </c>
      <c r="H662">
        <f t="shared" si="42"/>
        <v>-7.0018435123908984E-2</v>
      </c>
      <c r="I662">
        <f t="shared" si="43"/>
        <v>5.8805718998811408E-2</v>
      </c>
    </row>
    <row r="663" spans="1:9" x14ac:dyDescent="0.4">
      <c r="A663">
        <v>22.033333333333335</v>
      </c>
      <c r="B663">
        <v>-3.4780823462400816</v>
      </c>
      <c r="C663">
        <v>2.783360921338772</v>
      </c>
      <c r="D663">
        <v>5.5747398969890387</v>
      </c>
      <c r="E663">
        <v>2.7150494692120262</v>
      </c>
      <c r="F663">
        <f t="shared" si="40"/>
        <v>1.7038097889086152</v>
      </c>
      <c r="G663">
        <f t="shared" si="41"/>
        <v>2.7442590184177331</v>
      </c>
      <c r="H663">
        <f t="shared" si="42"/>
        <v>-5.6154915713388528E-2</v>
      </c>
      <c r="I663">
        <f t="shared" si="43"/>
        <v>4.7220825710271565E-2</v>
      </c>
    </row>
    <row r="664" spans="1:9" x14ac:dyDescent="0.4">
      <c r="A664">
        <v>22.066666666666666</v>
      </c>
      <c r="B664">
        <v>-3.4869513313807134</v>
      </c>
      <c r="C664">
        <v>2.7851143969235608</v>
      </c>
      <c r="D664">
        <v>5.5724761071575326</v>
      </c>
      <c r="E664">
        <v>2.7161634994046975</v>
      </c>
      <c r="F664">
        <f t="shared" si="40"/>
        <v>1.6987216589205385</v>
      </c>
      <c r="G664">
        <f t="shared" si="41"/>
        <v>2.7456464714562654</v>
      </c>
      <c r="H664">
        <f t="shared" si="42"/>
        <v>-4.6082794266950444E-2</v>
      </c>
      <c r="I664">
        <f t="shared" si="43"/>
        <v>5.8937483216419735E-2</v>
      </c>
    </row>
    <row r="665" spans="1:9" x14ac:dyDescent="0.4">
      <c r="A665">
        <v>22.1</v>
      </c>
      <c r="B665">
        <v>-3.4807263521717977</v>
      </c>
      <c r="C665">
        <v>2.7890875197687075</v>
      </c>
      <c r="D665">
        <v>5.5711040157126943</v>
      </c>
      <c r="E665">
        <v>2.7175992971771366</v>
      </c>
      <c r="F665">
        <f t="shared" si="40"/>
        <v>1.7005980273191292</v>
      </c>
      <c r="G665">
        <f t="shared" si="41"/>
        <v>2.748167213542648</v>
      </c>
      <c r="H665">
        <f t="shared" si="42"/>
        <v>-4.8622576031451446E-2</v>
      </c>
      <c r="I665">
        <f t="shared" si="43"/>
        <v>7.1420240520588055E-2</v>
      </c>
    </row>
    <row r="666" spans="1:9" x14ac:dyDescent="0.4">
      <c r="A666">
        <v>22.133333333333333</v>
      </c>
      <c r="B666">
        <v>-3.4847988243897139</v>
      </c>
      <c r="C666">
        <v>2.7913799553105845</v>
      </c>
      <c r="D666">
        <v>5.5701423135871835</v>
      </c>
      <c r="E666">
        <v>2.7203988503097039</v>
      </c>
      <c r="F666">
        <f t="shared" si="40"/>
        <v>1.6983061793798073</v>
      </c>
      <c r="G666">
        <f t="shared" si="41"/>
        <v>2.7507499263686901</v>
      </c>
      <c r="H666">
        <f t="shared" si="42"/>
        <v>-4.6857863891832767E-2</v>
      </c>
      <c r="I666">
        <f t="shared" si="43"/>
        <v>6.4888671575945744E-2</v>
      </c>
    </row>
    <row r="667" spans="1:9" x14ac:dyDescent="0.4">
      <c r="A667">
        <v>22.166666666666668</v>
      </c>
      <c r="B667">
        <v>-3.4863496854195319</v>
      </c>
      <c r="C667">
        <v>2.7940829650479517</v>
      </c>
      <c r="D667">
        <v>5.5671212514088069</v>
      </c>
      <c r="E667">
        <v>2.7233774130698176</v>
      </c>
      <c r="F667">
        <f t="shared" si="40"/>
        <v>1.6959137660070722</v>
      </c>
      <c r="G667">
        <f t="shared" si="41"/>
        <v>2.7536106643816187</v>
      </c>
      <c r="H667">
        <f t="shared" si="42"/>
        <v>-6.4403527670534033E-2</v>
      </c>
      <c r="I667">
        <f t="shared" si="43"/>
        <v>5.7694171178794218E-2</v>
      </c>
    </row>
    <row r="668" spans="1:9" x14ac:dyDescent="0.4">
      <c r="A668">
        <v>22.2</v>
      </c>
      <c r="B668">
        <v>-3.488249362521131</v>
      </c>
      <c r="C668">
        <v>2.7966479156655506</v>
      </c>
      <c r="D668">
        <v>5.5638939450303182</v>
      </c>
      <c r="E668">
        <v>2.7216864871695914</v>
      </c>
      <c r="F668">
        <f t="shared" si="40"/>
        <v>1.6932541455945949</v>
      </c>
      <c r="G668">
        <f t="shared" si="41"/>
        <v>2.7537395246327709</v>
      </c>
      <c r="H668">
        <f t="shared" si="42"/>
        <v>-6.5384501103422754E-2</v>
      </c>
      <c r="I668">
        <f t="shared" si="43"/>
        <v>5.9504725044819115E-2</v>
      </c>
    </row>
    <row r="669" spans="1:9" x14ac:dyDescent="0.4">
      <c r="A669">
        <v>22.233333333333334</v>
      </c>
      <c r="B669">
        <v>-3.4918400870538311</v>
      </c>
      <c r="C669">
        <v>2.7982902760678621</v>
      </c>
      <c r="D669">
        <v>5.5650667984935387</v>
      </c>
      <c r="E669">
        <v>2.724912031812083</v>
      </c>
      <c r="F669">
        <f t="shared" si="40"/>
        <v>1.6923901229333131</v>
      </c>
      <c r="G669">
        <f t="shared" si="41"/>
        <v>2.7562881096070733</v>
      </c>
      <c r="H669">
        <f t="shared" si="42"/>
        <v>-6.9273641969329794E-2</v>
      </c>
      <c r="I669">
        <f t="shared" si="43"/>
        <v>6.2905336485951202E-2</v>
      </c>
    </row>
    <row r="670" spans="1:9" x14ac:dyDescent="0.4">
      <c r="A670">
        <v>22.266666666666666</v>
      </c>
      <c r="B670">
        <v>-3.4942323215580564</v>
      </c>
      <c r="C670">
        <v>2.8030572411158388</v>
      </c>
      <c r="D670">
        <v>5.5612292542175741</v>
      </c>
      <c r="E670">
        <v>2.7266629279568289</v>
      </c>
      <c r="F670">
        <f t="shared" si="40"/>
        <v>1.6891705840661164</v>
      </c>
      <c r="G670">
        <f t="shared" si="41"/>
        <v>2.7593286579300993</v>
      </c>
      <c r="H670">
        <f t="shared" si="42"/>
        <v>-6.8501806735636397E-2</v>
      </c>
      <c r="I670">
        <f t="shared" si="43"/>
        <v>7.5400991405375054E-2</v>
      </c>
    </row>
    <row r="671" spans="1:9" x14ac:dyDescent="0.4">
      <c r="A671">
        <v>22.3</v>
      </c>
      <c r="B671">
        <v>-3.4993016107133688</v>
      </c>
      <c r="C671">
        <v>2.8042691660996462</v>
      </c>
      <c r="D671">
        <v>5.5601931928960546</v>
      </c>
      <c r="E671">
        <v>2.7292021227802077</v>
      </c>
      <c r="F671">
        <f t="shared" si="40"/>
        <v>1.6864099397764232</v>
      </c>
      <c r="G671">
        <f t="shared" si="41"/>
        <v>2.761300320480613</v>
      </c>
      <c r="H671">
        <f t="shared" si="42"/>
        <v>-6.9088878452637517E-2</v>
      </c>
      <c r="I671">
        <f t="shared" si="43"/>
        <v>6.9905183566593074E-2</v>
      </c>
    </row>
    <row r="672" spans="1:9" x14ac:dyDescent="0.4">
      <c r="A672">
        <v>22.333333333333332</v>
      </c>
      <c r="B672">
        <v>-3.498949185606941</v>
      </c>
      <c r="C672">
        <v>2.8077268440637151</v>
      </c>
      <c r="D672">
        <v>5.5571649849981686</v>
      </c>
      <c r="E672">
        <v>2.7309866056511929</v>
      </c>
      <c r="F672">
        <f t="shared" si="40"/>
        <v>1.6848272693837671</v>
      </c>
      <c r="G672">
        <f t="shared" si="41"/>
        <v>2.7638002510968969</v>
      </c>
      <c r="H672">
        <f t="shared" si="42"/>
        <v>-7.285364601477122E-2</v>
      </c>
      <c r="I672">
        <f t="shared" si="43"/>
        <v>5.7692508172101829E-2</v>
      </c>
    </row>
    <row r="673" spans="1:9" x14ac:dyDescent="0.4">
      <c r="A673">
        <v>22.366666666666667</v>
      </c>
      <c r="B673">
        <v>-3.5000858848700509</v>
      </c>
      <c r="C673">
        <v>2.8096827768766026</v>
      </c>
      <c r="D673">
        <v>5.5549039043908337</v>
      </c>
      <c r="E673">
        <v>2.7328499347280255</v>
      </c>
      <c r="F673">
        <f t="shared" si="40"/>
        <v>1.6830469671990482</v>
      </c>
      <c r="G673">
        <f t="shared" si="41"/>
        <v>2.76570317695144</v>
      </c>
      <c r="H673">
        <f t="shared" si="42"/>
        <v>-7.3722785046820019E-2</v>
      </c>
      <c r="I673">
        <f t="shared" si="43"/>
        <v>4.9094500437214202E-2</v>
      </c>
    </row>
    <row r="674" spans="1:9" x14ac:dyDescent="0.4">
      <c r="A674">
        <v>22.4</v>
      </c>
      <c r="B674">
        <v>-3.5062331991651732</v>
      </c>
      <c r="C674">
        <v>2.8111073849957982</v>
      </c>
      <c r="D674">
        <v>5.5519189299183598</v>
      </c>
      <c r="E674">
        <v>2.7336017036886489</v>
      </c>
      <c r="F674">
        <f t="shared" si="40"/>
        <v>1.6787097960190087</v>
      </c>
      <c r="G674">
        <f t="shared" si="41"/>
        <v>2.7667426477233694</v>
      </c>
      <c r="H674">
        <f t="shared" si="42"/>
        <v>-7.0597419331282357E-2</v>
      </c>
      <c r="I674">
        <f t="shared" si="43"/>
        <v>1.9199297326757292E-2</v>
      </c>
    </row>
    <row r="675" spans="1:9" x14ac:dyDescent="0.4">
      <c r="A675">
        <v>22.433333333333334</v>
      </c>
      <c r="B675">
        <v>-3.5047055362527861</v>
      </c>
      <c r="C675">
        <v>2.8131113034227053</v>
      </c>
      <c r="D675">
        <v>5.5481078788439646</v>
      </c>
      <c r="E675">
        <v>2.7343215214811618</v>
      </c>
      <c r="F675">
        <f t="shared" si="40"/>
        <v>1.6771815456176657</v>
      </c>
      <c r="G675">
        <f t="shared" si="41"/>
        <v>2.7680115389069124</v>
      </c>
      <c r="H675">
        <f t="shared" si="42"/>
        <v>-5.995993660611236E-2</v>
      </c>
      <c r="I675">
        <f t="shared" si="43"/>
        <v>1.6230850819925785E-3</v>
      </c>
    </row>
    <row r="676" spans="1:9" x14ac:dyDescent="0.4">
      <c r="A676">
        <v>22.466666666666665</v>
      </c>
      <c r="B676">
        <v>-3.5094986038957807</v>
      </c>
      <c r="C676">
        <v>2.8111358464773537</v>
      </c>
      <c r="D676">
        <v>5.5496132497189317</v>
      </c>
      <c r="E676">
        <v>2.7320139071723486</v>
      </c>
      <c r="F676">
        <f t="shared" si="40"/>
        <v>1.6759937436192447</v>
      </c>
      <c r="G676">
        <f t="shared" si="41"/>
        <v>2.7658459530069535</v>
      </c>
      <c r="H676">
        <f t="shared" si="42"/>
        <v>-5.6877793754246009E-2</v>
      </c>
      <c r="I676">
        <f t="shared" si="43"/>
        <v>5.0131718047479578E-3</v>
      </c>
    </row>
    <row r="677" spans="1:9" x14ac:dyDescent="0.4">
      <c r="A677">
        <v>22.5</v>
      </c>
      <c r="B677">
        <v>-3.511297500944413</v>
      </c>
      <c r="C677">
        <v>2.8117133554652187</v>
      </c>
      <c r="D677">
        <v>5.5481931466759962</v>
      </c>
      <c r="E677">
        <v>2.7325889292816901</v>
      </c>
      <c r="F677">
        <f t="shared" si="40"/>
        <v>1.6744116706312449</v>
      </c>
      <c r="G677">
        <f t="shared" si="41"/>
        <v>2.76642203848998</v>
      </c>
      <c r="H677">
        <f t="shared" si="42"/>
        <v>-6.0570094944243369E-2</v>
      </c>
      <c r="I677">
        <f t="shared" si="43"/>
        <v>1.3956995759332779E-2</v>
      </c>
    </row>
    <row r="678" spans="1:9" x14ac:dyDescent="0.4">
      <c r="A678">
        <v>22.533333333333335</v>
      </c>
      <c r="B678">
        <v>-3.5152950287490099</v>
      </c>
      <c r="C678">
        <v>2.8129547086026463</v>
      </c>
      <c r="D678">
        <v>5.544546695382536</v>
      </c>
      <c r="E678">
        <v>2.7350698477181528</v>
      </c>
      <c r="F678">
        <f t="shared" si="40"/>
        <v>1.6706151012198447</v>
      </c>
      <c r="G678">
        <f t="shared" si="41"/>
        <v>2.7683729265659602</v>
      </c>
      <c r="H678">
        <f t="shared" si="42"/>
        <v>-6.3772878571342409E-2</v>
      </c>
      <c r="I678">
        <f t="shared" si="43"/>
        <v>2.7410564199832781E-2</v>
      </c>
    </row>
    <row r="679" spans="1:9" x14ac:dyDescent="0.4">
      <c r="A679">
        <v>22.566666666666666</v>
      </c>
      <c r="B679">
        <v>-3.5159324229584215</v>
      </c>
      <c r="C679">
        <v>2.8140848971433421</v>
      </c>
      <c r="D679">
        <v>5.5435566565031955</v>
      </c>
      <c r="E679">
        <v>2.7354507484744572</v>
      </c>
      <c r="F679">
        <f t="shared" si="40"/>
        <v>1.6697758509933252</v>
      </c>
      <c r="G679">
        <f t="shared" si="41"/>
        <v>2.7690742180872978</v>
      </c>
      <c r="H679">
        <f t="shared" si="42"/>
        <v>-5.569361701901384E-2</v>
      </c>
      <c r="I679">
        <f t="shared" si="43"/>
        <v>2.4623528227094692E-2</v>
      </c>
    </row>
    <row r="680" spans="1:9" x14ac:dyDescent="0.4">
      <c r="A680">
        <v>22.6</v>
      </c>
      <c r="B680">
        <v>-3.5185645495098719</v>
      </c>
      <c r="C680">
        <v>2.8151570221403288</v>
      </c>
      <c r="D680">
        <v>5.5418663713281999</v>
      </c>
      <c r="E680">
        <v>2.7346744441638968</v>
      </c>
      <c r="F680">
        <f t="shared" si="40"/>
        <v>1.6676828403429806</v>
      </c>
      <c r="G680">
        <f t="shared" si="41"/>
        <v>2.7690882905749334</v>
      </c>
      <c r="H680">
        <f t="shared" si="42"/>
        <v>-4.0329833231021316E-2</v>
      </c>
      <c r="I680">
        <f t="shared" si="43"/>
        <v>2.4535580404703279E-2</v>
      </c>
    </row>
    <row r="681" spans="1:9" x14ac:dyDescent="0.4">
      <c r="A681">
        <v>22.633333333333333</v>
      </c>
      <c r="B681">
        <v>-3.5202791527741306</v>
      </c>
      <c r="C681">
        <v>2.8157681163572694</v>
      </c>
      <c r="D681">
        <v>5.5412476583958856</v>
      </c>
      <c r="E681">
        <v>2.7361046996941236</v>
      </c>
      <c r="F681">
        <f t="shared" si="40"/>
        <v>1.666595531566508</v>
      </c>
      <c r="G681">
        <f t="shared" si="41"/>
        <v>2.7701682778566759</v>
      </c>
      <c r="H681">
        <f t="shared" si="42"/>
        <v>-4.3841146842449281E-2</v>
      </c>
      <c r="I681">
        <f t="shared" si="43"/>
        <v>4.1616753549507113E-2</v>
      </c>
    </row>
    <row r="682" spans="1:9" x14ac:dyDescent="0.4">
      <c r="A682">
        <v>22.666666666666668</v>
      </c>
      <c r="B682">
        <v>-3.51883331351037</v>
      </c>
      <c r="C682">
        <v>2.8200621878516019</v>
      </c>
      <c r="D682">
        <v>5.5382250825820343</v>
      </c>
      <c r="E682">
        <v>2.7359488036726747</v>
      </c>
      <c r="F682">
        <f t="shared" si="40"/>
        <v>1.6654836220614164</v>
      </c>
      <c r="G682">
        <f t="shared" si="41"/>
        <v>2.7719151600820551</v>
      </c>
      <c r="H682">
        <f t="shared" si="42"/>
        <v>-3.386313363302642E-2</v>
      </c>
      <c r="I682">
        <f t="shared" si="43"/>
        <v>4.319638806480032E-2</v>
      </c>
    </row>
    <row r="683" spans="1:9" x14ac:dyDescent="0.4">
      <c r="A683">
        <v>22.7</v>
      </c>
      <c r="B683">
        <v>-3.5173393951084182</v>
      </c>
      <c r="C683">
        <v>2.8261263616936896</v>
      </c>
      <c r="D683">
        <v>5.5337635487704819</v>
      </c>
      <c r="E683">
        <v>2.7361038440425149</v>
      </c>
      <c r="F683">
        <f t="shared" si="40"/>
        <v>1.6635686023270324</v>
      </c>
      <c r="G683">
        <f t="shared" si="41"/>
        <v>2.7745969089253215</v>
      </c>
      <c r="H683">
        <f t="shared" si="42"/>
        <v>-2.7609174063103543E-2</v>
      </c>
      <c r="I683">
        <f t="shared" si="43"/>
        <v>3.4351287179573552E-2</v>
      </c>
    </row>
    <row r="684" spans="1:9" x14ac:dyDescent="0.4">
      <c r="A684">
        <v>22.733333333333334</v>
      </c>
      <c r="B684">
        <v>-3.517703206962318</v>
      </c>
      <c r="C684">
        <v>2.8253282318543391</v>
      </c>
      <c r="D684">
        <v>5.5340071007900056</v>
      </c>
      <c r="E684">
        <v>2.7357854328644859</v>
      </c>
      <c r="F684">
        <f t="shared" si="40"/>
        <v>1.663552449357214</v>
      </c>
      <c r="G684">
        <f t="shared" si="41"/>
        <v>2.7740733730514107</v>
      </c>
      <c r="H684">
        <f t="shared" si="42"/>
        <v>-3.1451416841513105E-2</v>
      </c>
      <c r="I684">
        <f t="shared" si="43"/>
        <v>3.5017461721496987E-2</v>
      </c>
    </row>
    <row r="685" spans="1:9" x14ac:dyDescent="0.4">
      <c r="A685">
        <v>22.766666666666666</v>
      </c>
      <c r="B685">
        <v>-3.5184993187567173</v>
      </c>
      <c r="C685">
        <v>2.8268116106540533</v>
      </c>
      <c r="D685">
        <v>5.5335660713191093</v>
      </c>
      <c r="E685">
        <v>2.7359718902304384</v>
      </c>
      <c r="F685">
        <f t="shared" si="40"/>
        <v>1.6629595889080919</v>
      </c>
      <c r="G685">
        <f t="shared" si="41"/>
        <v>2.774814385901927</v>
      </c>
      <c r="H685">
        <f t="shared" si="42"/>
        <v>-3.3450609253756196E-2</v>
      </c>
      <c r="I685">
        <f t="shared" si="43"/>
        <v>2.9097289112640329E-2</v>
      </c>
    </row>
    <row r="686" spans="1:9" x14ac:dyDescent="0.4">
      <c r="A686">
        <v>22.8</v>
      </c>
      <c r="B686">
        <v>-3.5207569230980127</v>
      </c>
      <c r="C686">
        <v>2.8291765125026838</v>
      </c>
      <c r="D686">
        <v>5.5310363549948773</v>
      </c>
      <c r="E686">
        <v>2.7391463175764503</v>
      </c>
      <c r="F686">
        <f t="shared" si="40"/>
        <v>1.6605462259639678</v>
      </c>
      <c r="G686">
        <f t="shared" si="41"/>
        <v>2.7776426652140018</v>
      </c>
      <c r="H686">
        <f t="shared" si="42"/>
        <v>-6.4351073612277529E-2</v>
      </c>
      <c r="I686">
        <f t="shared" si="43"/>
        <v>4.5985787887150062E-2</v>
      </c>
    </row>
    <row r="687" spans="1:9" x14ac:dyDescent="0.4">
      <c r="A687">
        <v>22.833333333333332</v>
      </c>
      <c r="B687">
        <v>-3.5243310014485725</v>
      </c>
      <c r="C687">
        <v>2.8301400165073161</v>
      </c>
      <c r="D687">
        <v>5.5318725443829795</v>
      </c>
      <c r="E687">
        <v>2.7384600174945617</v>
      </c>
      <c r="F687">
        <f t="shared" si="40"/>
        <v>1.6594966124813628</v>
      </c>
      <c r="G687">
        <f t="shared" si="41"/>
        <v>2.777661811029466</v>
      </c>
      <c r="H687">
        <f t="shared" si="42"/>
        <v>-6.5415372255274024E-2</v>
      </c>
      <c r="I687">
        <f t="shared" si="43"/>
        <v>5.23979018280104E-2</v>
      </c>
    </row>
    <row r="688" spans="1:9" x14ac:dyDescent="0.4">
      <c r="A688">
        <v>22.866666666666667</v>
      </c>
      <c r="B688">
        <v>-3.5272653931843774</v>
      </c>
      <c r="C688">
        <v>2.8342861001866737</v>
      </c>
      <c r="D688">
        <v>5.5254380824251212</v>
      </c>
      <c r="E688">
        <v>2.7399961782209461</v>
      </c>
      <c r="F688">
        <f t="shared" si="40"/>
        <v>1.6545587586351991</v>
      </c>
      <c r="G688">
        <f t="shared" si="41"/>
        <v>2.7803139584688328</v>
      </c>
      <c r="H688">
        <f t="shared" si="42"/>
        <v>-3.9239805029448405E-2</v>
      </c>
      <c r="I688">
        <f t="shared" si="43"/>
        <v>6.2674782907602672E-2</v>
      </c>
    </row>
    <row r="689" spans="1:9" x14ac:dyDescent="0.4">
      <c r="A689">
        <v>22.9</v>
      </c>
      <c r="B689">
        <v>-3.5295846994284923</v>
      </c>
      <c r="C689">
        <v>2.8372912986968619</v>
      </c>
      <c r="D689">
        <v>5.5280301622516061</v>
      </c>
      <c r="E689">
        <v>2.7410666773030647</v>
      </c>
      <c r="F689">
        <f t="shared" si="40"/>
        <v>1.6550507605299307</v>
      </c>
      <c r="G689">
        <f t="shared" si="41"/>
        <v>2.7822117229125132</v>
      </c>
      <c r="H689">
        <f t="shared" si="42"/>
        <v>-1.8756416048882098E-2</v>
      </c>
      <c r="I689">
        <f t="shared" si="43"/>
        <v>7.6843937065789542E-2</v>
      </c>
    </row>
    <row r="690" spans="1:9" x14ac:dyDescent="0.4">
      <c r="A690">
        <v>22.933333333333334</v>
      </c>
      <c r="B690">
        <v>-3.5274497931655624</v>
      </c>
      <c r="C690">
        <v>2.8424749183370159</v>
      </c>
      <c r="D690">
        <v>5.528494083372296</v>
      </c>
      <c r="E690">
        <v>2.7434868119227729</v>
      </c>
      <c r="F690">
        <f t="shared" si="40"/>
        <v>1.6562291844347758</v>
      </c>
      <c r="G690">
        <f t="shared" si="41"/>
        <v>2.7858135064237453</v>
      </c>
      <c r="H690">
        <f t="shared" si="42"/>
        <v>7.0821324324564176E-3</v>
      </c>
      <c r="I690">
        <f t="shared" si="43"/>
        <v>7.3510849004716813E-2</v>
      </c>
    </row>
    <row r="691" spans="1:9" x14ac:dyDescent="0.4">
      <c r="A691">
        <v>22.966666666666665</v>
      </c>
      <c r="B691">
        <v>-3.5278010111278419</v>
      </c>
      <c r="C691">
        <v>2.8444721773990755</v>
      </c>
      <c r="D691">
        <v>5.5275442761640168</v>
      </c>
      <c r="E691">
        <v>2.7453243844201247</v>
      </c>
      <c r="F691">
        <f t="shared" si="40"/>
        <v>1.6555353302400941</v>
      </c>
      <c r="G691">
        <f t="shared" si="41"/>
        <v>2.7877193598963079</v>
      </c>
      <c r="H691">
        <f t="shared" si="42"/>
        <v>-8.032576316051027E-3</v>
      </c>
      <c r="I691">
        <f t="shared" si="43"/>
        <v>7.1980146638501386E-2</v>
      </c>
    </row>
    <row r="692" spans="1:9" x14ac:dyDescent="0.4">
      <c r="A692">
        <v>23</v>
      </c>
      <c r="B692">
        <v>-3.5260704727994661</v>
      </c>
      <c r="C692">
        <v>2.8469762003147134</v>
      </c>
      <c r="D692">
        <v>5.5261842833394139</v>
      </c>
      <c r="E692">
        <v>2.7471096264709818</v>
      </c>
      <c r="F692">
        <f t="shared" si="40"/>
        <v>1.6554968291855268</v>
      </c>
      <c r="G692">
        <f t="shared" si="41"/>
        <v>2.7898119481443882</v>
      </c>
      <c r="H692">
        <f t="shared" si="42"/>
        <v>-2.8313091721147106E-2</v>
      </c>
      <c r="I692">
        <f t="shared" si="43"/>
        <v>6.3705897168585351E-2</v>
      </c>
    </row>
    <row r="693" spans="1:9" x14ac:dyDescent="0.4">
      <c r="A693">
        <v>23.033333333333335</v>
      </c>
      <c r="B693">
        <v>-3.5258188267165362</v>
      </c>
      <c r="C693">
        <v>2.8496205953685001</v>
      </c>
      <c r="D693">
        <v>5.5235178973427717</v>
      </c>
      <c r="E693">
        <v>2.7493222477021479</v>
      </c>
      <c r="F693">
        <f t="shared" si="40"/>
        <v>1.6540781754352134</v>
      </c>
      <c r="G693">
        <f t="shared" si="41"/>
        <v>2.7922091931586088</v>
      </c>
      <c r="H693">
        <f t="shared" si="42"/>
        <v>-3.4538880565446663E-2</v>
      </c>
      <c r="I693">
        <f t="shared" si="43"/>
        <v>5.5937539815846732E-2</v>
      </c>
    </row>
    <row r="694" spans="1:9" x14ac:dyDescent="0.4">
      <c r="A694">
        <v>23.066666666666666</v>
      </c>
      <c r="B694">
        <v>-3.5295902248602227</v>
      </c>
      <c r="C694">
        <v>2.8531545377475114</v>
      </c>
      <c r="D694">
        <v>5.5231219617959706</v>
      </c>
      <c r="E694">
        <v>2.7501362753597784</v>
      </c>
      <c r="F694">
        <f t="shared" si="40"/>
        <v>1.652238913217025</v>
      </c>
      <c r="G694">
        <f t="shared" si="41"/>
        <v>2.7941862393206924</v>
      </c>
      <c r="H694">
        <f t="shared" si="42"/>
        <v>-4.4040700848857126E-2</v>
      </c>
      <c r="I694">
        <f t="shared" si="43"/>
        <v>4.3058074641627135E-2</v>
      </c>
    </row>
    <row r="695" spans="1:9" x14ac:dyDescent="0.4">
      <c r="A695">
        <v>23.1</v>
      </c>
      <c r="B695">
        <v>-3.5300616720618438</v>
      </c>
      <c r="C695">
        <v>2.8556929772641917</v>
      </c>
      <c r="D695">
        <v>5.5220221883345433</v>
      </c>
      <c r="E695">
        <v>2.7494086059032936</v>
      </c>
      <c r="F695">
        <f t="shared" si="40"/>
        <v>1.6514078081301038</v>
      </c>
      <c r="G695">
        <f t="shared" si="41"/>
        <v>2.7948551376107971</v>
      </c>
      <c r="H695">
        <f t="shared" si="42"/>
        <v>-5.249550129419521E-2</v>
      </c>
      <c r="I695">
        <f t="shared" si="43"/>
        <v>3.9161156885760093E-2</v>
      </c>
    </row>
    <row r="696" spans="1:9" x14ac:dyDescent="0.4">
      <c r="A696">
        <v>23.133333333333333</v>
      </c>
      <c r="B696">
        <v>-3.5326794106076607</v>
      </c>
      <c r="C696">
        <v>2.8580946096537296</v>
      </c>
      <c r="D696">
        <v>5.520630548266344</v>
      </c>
      <c r="E696">
        <v>2.7490299606896302</v>
      </c>
      <c r="F696">
        <f t="shared" si="40"/>
        <v>1.6494918960299387</v>
      </c>
      <c r="G696">
        <f t="shared" si="41"/>
        <v>2.7956653216918985</v>
      </c>
      <c r="H696">
        <f t="shared" si="42"/>
        <v>-5.8967871686969653E-2</v>
      </c>
      <c r="I696">
        <f t="shared" si="43"/>
        <v>4.156593053236049E-2</v>
      </c>
    </row>
    <row r="697" spans="1:9" x14ac:dyDescent="0.4">
      <c r="A697">
        <v>23.166666666666668</v>
      </c>
      <c r="B697">
        <v>-3.5406914706912911</v>
      </c>
      <c r="C697">
        <v>2.8611308075011324</v>
      </c>
      <c r="D697">
        <v>5.5217424237843158</v>
      </c>
      <c r="E697">
        <v>2.7508345017000844</v>
      </c>
      <c r="F697">
        <f t="shared" si="40"/>
        <v>1.6467024338130574</v>
      </c>
      <c r="G697">
        <f t="shared" si="41"/>
        <v>2.7979965114539658</v>
      </c>
      <c r="H697">
        <f t="shared" si="42"/>
        <v>-6.694968135467444E-2</v>
      </c>
      <c r="I697">
        <f t="shared" si="43"/>
        <v>4.1200637452313192E-2</v>
      </c>
    </row>
    <row r="698" spans="1:9" x14ac:dyDescent="0.4">
      <c r="A698">
        <v>23.2</v>
      </c>
      <c r="B698">
        <v>-3.5427882330688263</v>
      </c>
      <c r="C698">
        <v>2.8632857574764357</v>
      </c>
      <c r="D698">
        <v>5.5199216023532536</v>
      </c>
      <c r="E698">
        <v>2.7519268253861999</v>
      </c>
      <c r="F698">
        <f t="shared" si="40"/>
        <v>1.6447636217610533</v>
      </c>
      <c r="G698">
        <f t="shared" si="41"/>
        <v>2.7995432074878348</v>
      </c>
      <c r="H698">
        <f t="shared" si="42"/>
        <v>-6.2600984789884379E-2</v>
      </c>
      <c r="I698">
        <f t="shared" si="43"/>
        <v>3.3762865603615931E-2</v>
      </c>
    </row>
    <row r="699" spans="1:9" x14ac:dyDescent="0.4">
      <c r="A699">
        <v>23.233333333333334</v>
      </c>
      <c r="B699">
        <v>-3.5452139452066351</v>
      </c>
      <c r="C699">
        <v>2.8654815483496225</v>
      </c>
      <c r="D699">
        <v>5.5179776379427672</v>
      </c>
      <c r="E699">
        <v>2.7507054091611067</v>
      </c>
      <c r="F699">
        <f t="shared" si="40"/>
        <v>1.6426136650387675</v>
      </c>
      <c r="G699">
        <f t="shared" si="41"/>
        <v>2.7997829676215478</v>
      </c>
      <c r="H699">
        <f t="shared" si="42"/>
        <v>-4.5939361506723023E-2</v>
      </c>
      <c r="I699">
        <f t="shared" si="43"/>
        <v>1.8404324030393021E-2</v>
      </c>
    </row>
    <row r="700" spans="1:9" x14ac:dyDescent="0.4">
      <c r="A700">
        <v>23.266666666666666</v>
      </c>
      <c r="B700">
        <v>-3.5452837117006033</v>
      </c>
      <c r="C700">
        <v>2.8683997909338985</v>
      </c>
      <c r="D700">
        <v>5.5153902267444384</v>
      </c>
      <c r="E700">
        <v>2.7496020809035251</v>
      </c>
      <c r="F700">
        <f t="shared" si="40"/>
        <v>1.641102782952103</v>
      </c>
      <c r="G700">
        <f t="shared" si="41"/>
        <v>2.8003992378753768</v>
      </c>
      <c r="H700">
        <f t="shared" si="42"/>
        <v>-5.1368938489317478E-2</v>
      </c>
      <c r="I700">
        <f t="shared" si="43"/>
        <v>1.5644465462508961E-2</v>
      </c>
    </row>
    <row r="701" spans="1:9" x14ac:dyDescent="0.4">
      <c r="A701">
        <v>23.3</v>
      </c>
      <c r="B701">
        <v>-3.5418557186585882</v>
      </c>
      <c r="C701">
        <v>2.8688745066199535</v>
      </c>
      <c r="D701">
        <v>5.5124337979617843</v>
      </c>
      <c r="E701">
        <v>2.7496608857603277</v>
      </c>
      <c r="F701">
        <f t="shared" si="40"/>
        <v>1.640876292966412</v>
      </c>
      <c r="G701">
        <f t="shared" si="41"/>
        <v>2.8006358835985936</v>
      </c>
      <c r="H701">
        <f t="shared" si="42"/>
        <v>-6.1028151302212112E-2</v>
      </c>
      <c r="I701">
        <f t="shared" si="43"/>
        <v>2.8985803196785297E-2</v>
      </c>
    </row>
    <row r="702" spans="1:9" x14ac:dyDescent="0.4">
      <c r="A702">
        <v>23.333333333333332</v>
      </c>
      <c r="B702">
        <v>-3.5463969040661216</v>
      </c>
      <c r="C702">
        <v>2.8694888939624392</v>
      </c>
      <c r="D702">
        <v>5.5091779068282243</v>
      </c>
      <c r="E702">
        <v>2.7511031631882776</v>
      </c>
      <c r="F702">
        <f t="shared" si="40"/>
        <v>1.6370708180490114</v>
      </c>
      <c r="G702">
        <f t="shared" si="41"/>
        <v>2.80172416040973</v>
      </c>
      <c r="H702">
        <f t="shared" si="42"/>
        <v>-7.3632605053147351E-2</v>
      </c>
      <c r="I702">
        <f t="shared" si="43"/>
        <v>3.5198065811666748E-2</v>
      </c>
    </row>
    <row r="703" spans="1:9" x14ac:dyDescent="0.4">
      <c r="A703">
        <v>23.366666666666667</v>
      </c>
      <c r="B703">
        <v>-3.547648645870384</v>
      </c>
      <c r="C703">
        <v>2.8714736484322296</v>
      </c>
      <c r="D703">
        <v>5.5055488547172349</v>
      </c>
      <c r="E703">
        <v>2.7535116703153704</v>
      </c>
      <c r="F703">
        <f t="shared" si="40"/>
        <v>1.6344582889399446</v>
      </c>
      <c r="G703">
        <f t="shared" si="41"/>
        <v>2.8039514735538353</v>
      </c>
      <c r="H703">
        <f t="shared" si="42"/>
        <v>-7.6272103273839931E-2</v>
      </c>
      <c r="I703">
        <f t="shared" si="43"/>
        <v>4.1868013296097351E-2</v>
      </c>
    </row>
    <row r="704" spans="1:9" x14ac:dyDescent="0.4">
      <c r="A704">
        <v>23.4</v>
      </c>
      <c r="B704">
        <v>-3.5505070369975789</v>
      </c>
      <c r="C704">
        <v>2.8729505347732549</v>
      </c>
      <c r="D704">
        <v>5.5034587750849884</v>
      </c>
      <c r="E704">
        <v>2.7535550071819586</v>
      </c>
      <c r="F704">
        <f t="shared" si="40"/>
        <v>1.6320396841231455</v>
      </c>
      <c r="G704">
        <f t="shared" si="41"/>
        <v>2.8046077871997004</v>
      </c>
      <c r="H704">
        <f t="shared" si="42"/>
        <v>-6.1905860706916498E-2</v>
      </c>
      <c r="I704">
        <f t="shared" si="43"/>
        <v>3.6989061276593106E-2</v>
      </c>
    </row>
    <row r="705" spans="1:9" x14ac:dyDescent="0.4">
      <c r="A705">
        <v>23.433333333333334</v>
      </c>
      <c r="B705">
        <v>-3.5511492109207388</v>
      </c>
      <c r="C705">
        <v>2.8743636260755192</v>
      </c>
      <c r="D705">
        <v>5.5015628282187761</v>
      </c>
      <c r="E705">
        <v>2.7552322359122385</v>
      </c>
      <c r="F705">
        <f t="shared" si="40"/>
        <v>1.6306798427170384</v>
      </c>
      <c r="G705">
        <f t="shared" si="41"/>
        <v>2.8061720724196246</v>
      </c>
      <c r="H705">
        <f t="shared" si="42"/>
        <v>-6.3030926968284939E-2</v>
      </c>
      <c r="I705">
        <f t="shared" si="43"/>
        <v>2.5554892623030331E-2</v>
      </c>
    </row>
    <row r="706" spans="1:9" x14ac:dyDescent="0.4">
      <c r="A706">
        <v>23.466666666666665</v>
      </c>
      <c r="B706">
        <v>-3.5528978685049215</v>
      </c>
      <c r="C706">
        <v>2.8754414275428424</v>
      </c>
      <c r="D706">
        <v>5.4993096558467052</v>
      </c>
      <c r="E706">
        <v>2.7554868993466535</v>
      </c>
      <c r="F706">
        <f t="shared" si="40"/>
        <v>1.6286423977093119</v>
      </c>
      <c r="G706">
        <f t="shared" si="41"/>
        <v>2.8067787045229342</v>
      </c>
      <c r="H706">
        <f t="shared" si="42"/>
        <v>-6.0722857317286452E-2</v>
      </c>
      <c r="I706">
        <f t="shared" si="43"/>
        <v>2.0026698286718832E-2</v>
      </c>
    </row>
    <row r="707" spans="1:9" x14ac:dyDescent="0.4">
      <c r="A707">
        <v>23.5</v>
      </c>
      <c r="B707">
        <v>-3.5550485119273754</v>
      </c>
      <c r="C707">
        <v>2.8757585733514324</v>
      </c>
      <c r="D707">
        <v>5.495691564055166</v>
      </c>
      <c r="E707">
        <v>2.7558552558654976</v>
      </c>
      <c r="F707">
        <f t="shared" ref="F707:F770" si="44">(B707*58.73+D707*78.62)/(58.73+78.62)</f>
        <v>1.6256517776521473</v>
      </c>
      <c r="G707">
        <f t="shared" ref="G707:G770" si="45">(C707*58.73+E707*78.62)/(58.73+78.62)</f>
        <v>2.8071251636627235</v>
      </c>
      <c r="H707">
        <f t="shared" si="42"/>
        <v>-5.689419431384956E-2</v>
      </c>
      <c r="I707">
        <f t="shared" si="43"/>
        <v>1.7256109634091545E-2</v>
      </c>
    </row>
    <row r="708" spans="1:9" x14ac:dyDescent="0.4">
      <c r="A708">
        <v>23.533333333333335</v>
      </c>
      <c r="B708">
        <v>-3.5559775307682631</v>
      </c>
      <c r="C708">
        <v>2.8768325315813201</v>
      </c>
      <c r="D708">
        <v>5.4942567534458222</v>
      </c>
      <c r="E708">
        <v>2.7556537261841969</v>
      </c>
      <c r="F708">
        <f t="shared" si="44"/>
        <v>1.6244332404360431</v>
      </c>
      <c r="G708">
        <f t="shared" si="45"/>
        <v>2.8074690246259375</v>
      </c>
      <c r="H708">
        <f t="shared" si="42"/>
        <v>-6.294464056586857E-2</v>
      </c>
      <c r="I708">
        <f t="shared" si="43"/>
        <v>3.0386427845601017E-2</v>
      </c>
    </row>
    <row r="709" spans="1:9" x14ac:dyDescent="0.4">
      <c r="A709">
        <v>23.566666666666666</v>
      </c>
      <c r="B709">
        <v>-3.5579127567688089</v>
      </c>
      <c r="C709">
        <v>2.8786282731677826</v>
      </c>
      <c r="D709">
        <v>5.4937261962154391</v>
      </c>
      <c r="E709">
        <v>2.7564679348807539</v>
      </c>
      <c r="F709">
        <f t="shared" si="44"/>
        <v>1.6233020556346978</v>
      </c>
      <c r="G709">
        <f t="shared" si="45"/>
        <v>2.8087029306404716</v>
      </c>
      <c r="H709">
        <f t="shared" ref="H709:H772" si="46">SLOPE(F707:F711,$A707:$A711)</f>
        <v>-5.1069875197319016E-2</v>
      </c>
      <c r="I709">
        <f t="shared" ref="I709:I772" si="47">SLOPE(G707:G711,$A707:$A711)</f>
        <v>4.7594989971284286E-2</v>
      </c>
    </row>
    <row r="710" spans="1:9" x14ac:dyDescent="0.4">
      <c r="A710">
        <v>23.6</v>
      </c>
      <c r="B710">
        <v>-3.5608494163915507</v>
      </c>
      <c r="C710">
        <v>2.8822404031407638</v>
      </c>
      <c r="D710">
        <v>5.4889745481977998</v>
      </c>
      <c r="E710">
        <v>2.7578773724243622</v>
      </c>
      <c r="F710">
        <f t="shared" si="44"/>
        <v>1.6193264852903917</v>
      </c>
      <c r="G710">
        <f t="shared" si="45"/>
        <v>2.8110542256749937</v>
      </c>
      <c r="H710">
        <f t="shared" si="46"/>
        <v>-6.0301740984884777E-2</v>
      </c>
      <c r="I710">
        <f t="shared" si="47"/>
        <v>4.431703605132279E-2</v>
      </c>
    </row>
    <row r="711" spans="1:9" x14ac:dyDescent="0.4">
      <c r="A711">
        <v>23.633333333333333</v>
      </c>
      <c r="B711">
        <v>-3.5605498318775153</v>
      </c>
      <c r="C711">
        <v>2.8848133485197929</v>
      </c>
      <c r="D711">
        <v>5.4893919503509432</v>
      </c>
      <c r="E711">
        <v>2.759817708393407</v>
      </c>
      <c r="F711">
        <f t="shared" si="44"/>
        <v>1.6196935093587532</v>
      </c>
      <c r="G711">
        <f t="shared" si="45"/>
        <v>2.8132650614667427</v>
      </c>
      <c r="H711">
        <f t="shared" si="46"/>
        <v>-5.9921940873521276E-2</v>
      </c>
      <c r="I711">
        <f t="shared" si="47"/>
        <v>4.7572351634633595E-2</v>
      </c>
    </row>
    <row r="712" spans="1:9" x14ac:dyDescent="0.4">
      <c r="A712">
        <v>23.666666666666668</v>
      </c>
      <c r="B712">
        <v>-3.564143708542034</v>
      </c>
      <c r="C712">
        <v>2.8872278661264343</v>
      </c>
      <c r="D712">
        <v>5.4859510956247641</v>
      </c>
      <c r="E712">
        <v>2.7568069757976899</v>
      </c>
      <c r="F712">
        <f t="shared" si="44"/>
        <v>1.616187223409868</v>
      </c>
      <c r="G712">
        <f t="shared" si="45"/>
        <v>2.8125741318880224</v>
      </c>
      <c r="H712">
        <f t="shared" si="46"/>
        <v>-4.4596681159956582E-2</v>
      </c>
      <c r="I712">
        <f t="shared" si="47"/>
        <v>4.7474407157961813E-2</v>
      </c>
    </row>
    <row r="713" spans="1:9" x14ac:dyDescent="0.4">
      <c r="A713">
        <v>23.7</v>
      </c>
      <c r="B713">
        <v>-3.5647519035646327</v>
      </c>
      <c r="C713">
        <v>2.891159505580652</v>
      </c>
      <c r="D713">
        <v>5.4841298950766371</v>
      </c>
      <c r="E713">
        <v>2.7596308905839075</v>
      </c>
      <c r="F713">
        <f t="shared" si="44"/>
        <v>1.6148846964293728</v>
      </c>
      <c r="G713">
        <f t="shared" si="45"/>
        <v>2.8158717028063962</v>
      </c>
      <c r="H713">
        <f t="shared" si="46"/>
        <v>-3.8041151107862096E-2</v>
      </c>
      <c r="I713">
        <f t="shared" si="47"/>
        <v>4.8543688395340734E-2</v>
      </c>
    </row>
    <row r="714" spans="1:9" x14ac:dyDescent="0.4">
      <c r="A714">
        <v>23.733333333333334</v>
      </c>
      <c r="B714">
        <v>-3.5650740712275173</v>
      </c>
      <c r="C714">
        <v>2.89292314591632</v>
      </c>
      <c r="D714">
        <v>5.4833457876647067</v>
      </c>
      <c r="E714">
        <v>2.7614433826844551</v>
      </c>
      <c r="F714">
        <f t="shared" si="44"/>
        <v>1.6142981115617558</v>
      </c>
      <c r="G714">
        <f t="shared" si="45"/>
        <v>2.8176633061981606</v>
      </c>
      <c r="H714">
        <f t="shared" si="46"/>
        <v>-1.8280910580038612E-2</v>
      </c>
      <c r="I714">
        <f t="shared" si="47"/>
        <v>5.5997920328281776E-2</v>
      </c>
    </row>
    <row r="715" spans="1:9" x14ac:dyDescent="0.4">
      <c r="A715">
        <v>23.766666666666666</v>
      </c>
      <c r="B715">
        <v>-3.5663257945269509</v>
      </c>
      <c r="C715">
        <v>2.8944134282449743</v>
      </c>
      <c r="D715">
        <v>5.484280422645436</v>
      </c>
      <c r="E715">
        <v>2.7623353146705383</v>
      </c>
      <c r="F715">
        <f t="shared" si="44"/>
        <v>1.614297873431499</v>
      </c>
      <c r="G715">
        <f t="shared" si="45"/>
        <v>2.8188110890442304</v>
      </c>
      <c r="H715">
        <f t="shared" si="46"/>
        <v>-1.4954572291446887E-2</v>
      </c>
      <c r="I715">
        <f t="shared" si="47"/>
        <v>5.2747022458104934E-2</v>
      </c>
    </row>
    <row r="716" spans="1:9" x14ac:dyDescent="0.4">
      <c r="A716">
        <v>23.8</v>
      </c>
      <c r="B716">
        <v>-3.5657288574424606</v>
      </c>
      <c r="C716">
        <v>2.8962777089857776</v>
      </c>
      <c r="D716">
        <v>5.4823249871655895</v>
      </c>
      <c r="E716">
        <v>2.7637839041259658</v>
      </c>
      <c r="F716">
        <f t="shared" si="44"/>
        <v>1.6134338164787985</v>
      </c>
      <c r="G716">
        <f t="shared" si="45"/>
        <v>2.8204374254904856</v>
      </c>
      <c r="H716">
        <f t="shared" si="46"/>
        <v>-1.4329600619570627E-2</v>
      </c>
      <c r="I716">
        <f t="shared" si="47"/>
        <v>6.6475636659159551E-2</v>
      </c>
    </row>
    <row r="717" spans="1:9" x14ac:dyDescent="0.4">
      <c r="A717">
        <v>23.833333333333332</v>
      </c>
      <c r="B717">
        <v>-3.5643624216026599</v>
      </c>
      <c r="C717">
        <v>2.9005771167078231</v>
      </c>
      <c r="D717">
        <v>5.480239614043275</v>
      </c>
      <c r="E717">
        <v>2.765530894550722</v>
      </c>
      <c r="F717">
        <f t="shared" si="44"/>
        <v>1.6128244152556104</v>
      </c>
      <c r="G717">
        <f t="shared" si="45"/>
        <v>2.8232758135699179</v>
      </c>
      <c r="H717">
        <f t="shared" si="46"/>
        <v>-1.7430560511609454E-2</v>
      </c>
      <c r="I717">
        <f t="shared" si="47"/>
        <v>7.7823968321884235E-2</v>
      </c>
    </row>
    <row r="718" spans="1:9" x14ac:dyDescent="0.4">
      <c r="A718">
        <v>23.866666666666667</v>
      </c>
      <c r="B718">
        <v>-3.5654450885719395</v>
      </c>
      <c r="C718">
        <v>2.9044309251559373</v>
      </c>
      <c r="D718">
        <v>5.4807376872833453</v>
      </c>
      <c r="E718">
        <v>2.768302595153441</v>
      </c>
      <c r="F718">
        <f t="shared" si="44"/>
        <v>1.6126465738797717</v>
      </c>
      <c r="G718">
        <f t="shared" si="45"/>
        <v>2.8265102167118434</v>
      </c>
      <c r="H718">
        <f t="shared" si="46"/>
        <v>-1.7679734991775935E-2</v>
      </c>
      <c r="I718">
        <f t="shared" si="47"/>
        <v>8.2500193082713696E-2</v>
      </c>
    </row>
    <row r="719" spans="1:9" x14ac:dyDescent="0.4">
      <c r="A719">
        <v>23.9</v>
      </c>
      <c r="B719">
        <v>-3.5654737640893379</v>
      </c>
      <c r="C719">
        <v>2.9093307103879638</v>
      </c>
      <c r="D719">
        <v>5.4792563773241723</v>
      </c>
      <c r="E719">
        <v>2.7685472127132407</v>
      </c>
      <c r="F719">
        <f t="shared" si="44"/>
        <v>1.6117864013124108</v>
      </c>
      <c r="G719">
        <f t="shared" si="45"/>
        <v>2.8287453548205321</v>
      </c>
      <c r="H719">
        <f t="shared" si="46"/>
        <v>-2.1159436534724321E-2</v>
      </c>
      <c r="I719">
        <f t="shared" si="47"/>
        <v>9.895593594104099E-2</v>
      </c>
    </row>
    <row r="720" spans="1:9" x14ac:dyDescent="0.4">
      <c r="A720">
        <v>23.933333333333334</v>
      </c>
      <c r="B720">
        <v>-3.5669035145982391</v>
      </c>
      <c r="C720">
        <v>2.9143190513120469</v>
      </c>
      <c r="D720">
        <v>5.4789613980295089</v>
      </c>
      <c r="E720">
        <v>2.769550606488945</v>
      </c>
      <c r="F720">
        <f t="shared" si="44"/>
        <v>1.6110062009517689</v>
      </c>
      <c r="G720">
        <f t="shared" si="45"/>
        <v>2.8314526870456307</v>
      </c>
      <c r="H720">
        <f t="shared" si="46"/>
        <v>-2.6395474354855224E-2</v>
      </c>
      <c r="I720">
        <f t="shared" si="47"/>
        <v>8.8242417116225755E-2</v>
      </c>
    </row>
    <row r="721" spans="1:9" x14ac:dyDescent="0.4">
      <c r="A721">
        <v>23.966666666666665</v>
      </c>
      <c r="B721">
        <v>-3.5694040161125611</v>
      </c>
      <c r="C721">
        <v>2.9219317386428596</v>
      </c>
      <c r="D721">
        <v>5.4792776538345453</v>
      </c>
      <c r="E721">
        <v>2.7740743339278882</v>
      </c>
      <c r="F721">
        <f t="shared" si="44"/>
        <v>1.6101180289638244</v>
      </c>
      <c r="G721">
        <f t="shared" si="45"/>
        <v>2.8372972343931977</v>
      </c>
      <c r="H721">
        <f t="shared" si="46"/>
        <v>-3.9785638784390995E-2</v>
      </c>
      <c r="I721">
        <f t="shared" si="47"/>
        <v>7.0724004333266866E-2</v>
      </c>
    </row>
    <row r="722" spans="1:9" x14ac:dyDescent="0.4">
      <c r="A722">
        <v>24</v>
      </c>
      <c r="B722">
        <v>-3.5716407622596678</v>
      </c>
      <c r="C722">
        <v>2.922152857174424</v>
      </c>
      <c r="D722">
        <v>5.4791377252670586</v>
      </c>
      <c r="E722">
        <v>2.7732874158274043</v>
      </c>
      <c r="F722">
        <f t="shared" si="44"/>
        <v>1.6090815143282557</v>
      </c>
      <c r="G722">
        <f t="shared" si="45"/>
        <v>2.8369413464448816</v>
      </c>
      <c r="H722">
        <f t="shared" si="46"/>
        <v>-3.648384859771036E-2</v>
      </c>
      <c r="I722">
        <f t="shared" si="47"/>
        <v>5.5653128455224167E-2</v>
      </c>
    </row>
    <row r="723" spans="1:9" x14ac:dyDescent="0.4">
      <c r="A723">
        <v>24.033333333333335</v>
      </c>
      <c r="B723">
        <v>-3.5772954432900441</v>
      </c>
      <c r="C723">
        <v>2.9224209871254057</v>
      </c>
      <c r="D723">
        <v>5.4781842009333621</v>
      </c>
      <c r="E723">
        <v>2.7745668603282949</v>
      </c>
      <c r="F723">
        <f t="shared" si="44"/>
        <v>1.6061178048267688</v>
      </c>
      <c r="G723">
        <f t="shared" si="45"/>
        <v>2.8377883591764514</v>
      </c>
      <c r="H723">
        <f t="shared" si="46"/>
        <v>-4.3546192221128113E-2</v>
      </c>
      <c r="I723">
        <f t="shared" si="47"/>
        <v>2.3306440861696087E-2</v>
      </c>
    </row>
    <row r="724" spans="1:9" x14ac:dyDescent="0.4">
      <c r="A724">
        <v>24.066666666666666</v>
      </c>
      <c r="B724">
        <v>-3.5778364691102618</v>
      </c>
      <c r="C724">
        <v>2.9230048596909564</v>
      </c>
      <c r="D724">
        <v>5.4799997052069127</v>
      </c>
      <c r="E724">
        <v>2.7788376497981644</v>
      </c>
      <c r="F724">
        <f t="shared" si="44"/>
        <v>1.606925671587345</v>
      </c>
      <c r="G724">
        <f t="shared" si="45"/>
        <v>2.840482646063208</v>
      </c>
      <c r="H724">
        <f t="shared" si="46"/>
        <v>-4.8244439831363881E-2</v>
      </c>
      <c r="I724">
        <f t="shared" si="47"/>
        <v>2.2738363355073492E-2</v>
      </c>
    </row>
    <row r="725" spans="1:9" x14ac:dyDescent="0.4">
      <c r="A725">
        <v>24.1</v>
      </c>
      <c r="B725">
        <v>-3.5784355518905828</v>
      </c>
      <c r="C725">
        <v>2.92325694831491</v>
      </c>
      <c r="D725">
        <v>5.4752281712543702</v>
      </c>
      <c r="E725">
        <v>2.7767771444094986</v>
      </c>
      <c r="F725">
        <f t="shared" si="44"/>
        <v>1.6039382516307583</v>
      </c>
      <c r="G725">
        <f t="shared" si="45"/>
        <v>2.8394109913943173</v>
      </c>
      <c r="H725">
        <f t="shared" si="46"/>
        <v>-3.7987695892842899E-2</v>
      </c>
      <c r="I725">
        <f t="shared" si="47"/>
        <v>1.6008593170707793E-2</v>
      </c>
    </row>
    <row r="726" spans="1:9" x14ac:dyDescent="0.4">
      <c r="A726">
        <v>24.133333333333333</v>
      </c>
      <c r="B726">
        <v>-3.5807159010523208</v>
      </c>
      <c r="C726">
        <v>2.9255768072592878</v>
      </c>
      <c r="D726">
        <v>5.473773544166689</v>
      </c>
      <c r="E726">
        <v>2.7759330044616437</v>
      </c>
      <c r="F726">
        <f t="shared" si="44"/>
        <v>1.6021305509543671</v>
      </c>
      <c r="G726">
        <f t="shared" si="45"/>
        <v>2.8399197575617943</v>
      </c>
      <c r="H726">
        <f t="shared" si="46"/>
        <v>-4.2323928571649655E-2</v>
      </c>
      <c r="I726">
        <f t="shared" si="47"/>
        <v>8.3821911893222037E-4</v>
      </c>
    </row>
    <row r="727" spans="1:9" x14ac:dyDescent="0.4">
      <c r="A727">
        <v>24.166666666666668</v>
      </c>
      <c r="B727">
        <v>-3.5767377079369265</v>
      </c>
      <c r="C727">
        <v>2.9282017700048839</v>
      </c>
      <c r="D727">
        <v>5.4708953105793494</v>
      </c>
      <c r="E727">
        <v>2.7754014363647861</v>
      </c>
      <c r="F727">
        <f t="shared" si="44"/>
        <v>1.6021840824944507</v>
      </c>
      <c r="G727">
        <f t="shared" si="45"/>
        <v>2.840737902288943</v>
      </c>
      <c r="H727">
        <f t="shared" si="46"/>
        <v>-3.270735277273578E-2</v>
      </c>
      <c r="I727">
        <f t="shared" si="47"/>
        <v>1.534506816022161E-2</v>
      </c>
    </row>
    <row r="728" spans="1:9" x14ac:dyDescent="0.4">
      <c r="A728">
        <v>24.2</v>
      </c>
      <c r="B728">
        <v>-3.576305818579534</v>
      </c>
      <c r="C728">
        <v>2.927951620392883</v>
      </c>
      <c r="D728">
        <v>5.4680651744880153</v>
      </c>
      <c r="E728">
        <v>2.7742273645139073</v>
      </c>
      <c r="F728">
        <f t="shared" si="44"/>
        <v>1.6007487680602239</v>
      </c>
      <c r="G728">
        <f t="shared" si="45"/>
        <v>2.8399588938023839</v>
      </c>
      <c r="H728">
        <f t="shared" si="46"/>
        <v>-3.7771436428367236E-2</v>
      </c>
      <c r="I728">
        <f t="shared" si="47"/>
        <v>2.7860019919003887E-2</v>
      </c>
    </row>
    <row r="729" spans="1:9" x14ac:dyDescent="0.4">
      <c r="A729">
        <v>24.233333333333334</v>
      </c>
      <c r="B729">
        <v>-3.57611695779396</v>
      </c>
      <c r="C729">
        <v>2.9309144650092538</v>
      </c>
      <c r="D729">
        <v>5.4651798005056804</v>
      </c>
      <c r="E729">
        <v>2.7754907102772135</v>
      </c>
      <c r="F729">
        <f t="shared" si="44"/>
        <v>1.5991779176157073</v>
      </c>
      <c r="G729">
        <f t="shared" si="45"/>
        <v>2.8419489346340594</v>
      </c>
      <c r="H729">
        <f t="shared" si="46"/>
        <v>-5.747100501920429E-2</v>
      </c>
      <c r="I729">
        <f t="shared" si="47"/>
        <v>3.3412476957323821E-2</v>
      </c>
    </row>
    <row r="730" spans="1:9" x14ac:dyDescent="0.4">
      <c r="A730">
        <v>24.266666666666666</v>
      </c>
      <c r="B730">
        <v>-3.5804872043271154</v>
      </c>
      <c r="C730">
        <v>2.9349328148316713</v>
      </c>
      <c r="D730">
        <v>5.4652307545729091</v>
      </c>
      <c r="E730">
        <v>2.7759980810106848</v>
      </c>
      <c r="F730">
        <f t="shared" si="44"/>
        <v>1.5973383939890109</v>
      </c>
      <c r="G730">
        <f t="shared" si="45"/>
        <v>2.8439575780424033</v>
      </c>
      <c r="H730">
        <f t="shared" si="46"/>
        <v>-6.5783980505719888E-2</v>
      </c>
      <c r="I730">
        <f t="shared" si="47"/>
        <v>4.6517941496727923E-2</v>
      </c>
    </row>
    <row r="731" spans="1:9" x14ac:dyDescent="0.4">
      <c r="A731">
        <v>24.3</v>
      </c>
      <c r="B731">
        <v>-3.5852113542836732</v>
      </c>
      <c r="C731">
        <v>2.9365146311581607</v>
      </c>
      <c r="D731">
        <v>5.4634704517570016</v>
      </c>
      <c r="E731">
        <v>2.7754274260531537</v>
      </c>
      <c r="F731">
        <f t="shared" si="44"/>
        <v>1.5943107686935232</v>
      </c>
      <c r="G731">
        <f t="shared" si="45"/>
        <v>2.8443073063284872</v>
      </c>
      <c r="H731">
        <f t="shared" si="46"/>
        <v>-6.744169364811417E-2</v>
      </c>
      <c r="I731">
        <f t="shared" si="47"/>
        <v>5.4955805878908789E-2</v>
      </c>
    </row>
    <row r="732" spans="1:9" x14ac:dyDescent="0.4">
      <c r="A732">
        <v>24.333333333333332</v>
      </c>
      <c r="B732">
        <v>-3.5900059869142584</v>
      </c>
      <c r="C732">
        <v>2.9391996921045096</v>
      </c>
      <c r="D732">
        <v>5.4633966090439285</v>
      </c>
      <c r="E732">
        <v>2.7773094401056642</v>
      </c>
      <c r="F732">
        <f t="shared" si="44"/>
        <v>1.5922183457703627</v>
      </c>
      <c r="G732">
        <f t="shared" si="45"/>
        <v>2.8465326982046246</v>
      </c>
      <c r="H732">
        <f t="shared" si="46"/>
        <v>-7.1495428859337018E-2</v>
      </c>
      <c r="I732">
        <f t="shared" si="47"/>
        <v>5.7233752492079154E-2</v>
      </c>
    </row>
    <row r="733" spans="1:9" x14ac:dyDescent="0.4">
      <c r="A733">
        <v>24.366666666666667</v>
      </c>
      <c r="B733">
        <v>-3.595105089932281</v>
      </c>
      <c r="C733">
        <v>2.9430928106964394</v>
      </c>
      <c r="D733">
        <v>5.4641996369527828</v>
      </c>
      <c r="E733">
        <v>2.7801453702903038</v>
      </c>
      <c r="F733">
        <f t="shared" si="44"/>
        <v>1.5904976594503457</v>
      </c>
      <c r="G733">
        <f t="shared" si="45"/>
        <v>2.8498206755327669</v>
      </c>
      <c r="H733">
        <f t="shared" si="46"/>
        <v>-6.93787089216715E-2</v>
      </c>
      <c r="I733">
        <f t="shared" si="47"/>
        <v>6.4976060164235377E-2</v>
      </c>
    </row>
    <row r="734" spans="1:9" x14ac:dyDescent="0.4">
      <c r="A734">
        <v>24.4</v>
      </c>
      <c r="B734">
        <v>-3.597565384345792</v>
      </c>
      <c r="C734">
        <v>2.9450848855171992</v>
      </c>
      <c r="D734">
        <v>5.4605018975916542</v>
      </c>
      <c r="E734">
        <v>2.7802630802814332</v>
      </c>
      <c r="F734">
        <f t="shared" si="44"/>
        <v>1.5873290438007102</v>
      </c>
      <c r="G734">
        <f t="shared" si="45"/>
        <v>2.8507398521889433</v>
      </c>
      <c r="H734">
        <f t="shared" si="46"/>
        <v>-6.5259107379466622E-2</v>
      </c>
      <c r="I734">
        <f t="shared" si="47"/>
        <v>5.13406419547104E-2</v>
      </c>
    </row>
    <row r="735" spans="1:9" x14ac:dyDescent="0.4">
      <c r="A735">
        <v>24.433333333333334</v>
      </c>
      <c r="B735">
        <v>-3.5988294093402624</v>
      </c>
      <c r="C735">
        <v>2.9489443802520707</v>
      </c>
      <c r="D735">
        <v>5.4577132259600134</v>
      </c>
      <c r="E735">
        <v>2.7813862768091253</v>
      </c>
      <c r="F735">
        <f t="shared" si="44"/>
        <v>1.5851923015247376</v>
      </c>
      <c r="G735">
        <f t="shared" si="45"/>
        <v>2.8530330726970337</v>
      </c>
      <c r="H735">
        <f t="shared" si="46"/>
        <v>-4.6709256932014408E-2</v>
      </c>
      <c r="I735">
        <f t="shared" si="47"/>
        <v>4.8747593480505641E-2</v>
      </c>
    </row>
    <row r="736" spans="1:9" x14ac:dyDescent="0.4">
      <c r="A736">
        <v>24.466666666666665</v>
      </c>
      <c r="B736">
        <v>-3.5985308158550615</v>
      </c>
      <c r="C736">
        <v>2.9483075640973024</v>
      </c>
      <c r="D736">
        <v>5.4553976129378432</v>
      </c>
      <c r="E736">
        <v>2.7826484907885325</v>
      </c>
      <c r="F736">
        <f t="shared" si="44"/>
        <v>1.583994506836589</v>
      </c>
      <c r="G736">
        <f t="shared" si="45"/>
        <v>2.8534832732816096</v>
      </c>
      <c r="H736">
        <f t="shared" si="46"/>
        <v>-2.6694962400864025E-2</v>
      </c>
      <c r="I736">
        <f t="shared" si="47"/>
        <v>6.6799064167736052E-2</v>
      </c>
    </row>
    <row r="737" spans="1:9" x14ac:dyDescent="0.4">
      <c r="A737">
        <v>24.5</v>
      </c>
      <c r="B737">
        <v>-3.5928012781481526</v>
      </c>
      <c r="C737">
        <v>2.9531044365391832</v>
      </c>
      <c r="D737">
        <v>5.4517911368255101</v>
      </c>
      <c r="E737">
        <v>2.7844639461167433</v>
      </c>
      <c r="F737">
        <f t="shared" si="44"/>
        <v>1.5843800517770705</v>
      </c>
      <c r="G737">
        <f t="shared" si="45"/>
        <v>2.8565735638998513</v>
      </c>
      <c r="H737">
        <f t="shared" si="46"/>
        <v>-3.2112667446311902E-2</v>
      </c>
      <c r="I737">
        <f t="shared" si="47"/>
        <v>8.563454739064634E-2</v>
      </c>
    </row>
    <row r="738" spans="1:9" x14ac:dyDescent="0.4">
      <c r="A738">
        <v>24.533333333333335</v>
      </c>
      <c r="B738">
        <v>-3.5948850338232772</v>
      </c>
      <c r="C738">
        <v>2.9574645316650661</v>
      </c>
      <c r="D738">
        <v>5.4514364191418192</v>
      </c>
      <c r="E738">
        <v>2.7873724933945763</v>
      </c>
      <c r="F738">
        <f t="shared" si="44"/>
        <v>1.5832860082743996</v>
      </c>
      <c r="G738">
        <f t="shared" si="45"/>
        <v>2.860102783948824</v>
      </c>
      <c r="H738">
        <f t="shared" si="46"/>
        <v>-4.7549003394377939E-2</v>
      </c>
      <c r="I738">
        <f t="shared" si="47"/>
        <v>0.11097262033007313</v>
      </c>
    </row>
    <row r="739" spans="1:9" x14ac:dyDescent="0.4">
      <c r="A739">
        <v>24.566666666666666</v>
      </c>
      <c r="B739">
        <v>-3.5981234167210476</v>
      </c>
      <c r="C739">
        <v>2.9603028671283247</v>
      </c>
      <c r="D739">
        <v>5.4484545222367036</v>
      </c>
      <c r="E739">
        <v>2.7920532659302673</v>
      </c>
      <c r="F739">
        <f t="shared" si="44"/>
        <v>1.5801944395647802</v>
      </c>
      <c r="G739">
        <f t="shared" si="45"/>
        <v>2.8639957419285342</v>
      </c>
      <c r="H739">
        <f t="shared" si="46"/>
        <v>-5.8767696221534174E-2</v>
      </c>
      <c r="I739">
        <f t="shared" si="47"/>
        <v>0.11641374061325613</v>
      </c>
    </row>
    <row r="740" spans="1:9" x14ac:dyDescent="0.4">
      <c r="A740">
        <v>24.6</v>
      </c>
      <c r="B740">
        <v>-3.5988609572830348</v>
      </c>
      <c r="C740">
        <v>2.9630796604672542</v>
      </c>
      <c r="D740">
        <v>5.4454556158468685</v>
      </c>
      <c r="E740">
        <v>2.7974419903789118</v>
      </c>
      <c r="F740">
        <f t="shared" si="44"/>
        <v>1.578162479043671</v>
      </c>
      <c r="G740">
        <f t="shared" si="45"/>
        <v>2.8682676209889473</v>
      </c>
      <c r="H740">
        <f t="shared" si="46"/>
        <v>-5.2083109163392947E-2</v>
      </c>
      <c r="I740">
        <f t="shared" si="47"/>
        <v>9.9756114108289828E-2</v>
      </c>
    </row>
    <row r="741" spans="1:9" x14ac:dyDescent="0.4">
      <c r="A741">
        <v>24.633333333333333</v>
      </c>
      <c r="B741">
        <v>-3.6007864556911962</v>
      </c>
      <c r="C741">
        <v>2.9683070465527983</v>
      </c>
      <c r="D741">
        <v>5.4451202812461661</v>
      </c>
      <c r="E741">
        <v>2.7998714133732725</v>
      </c>
      <c r="F741">
        <f t="shared" si="44"/>
        <v>1.5771472003555125</v>
      </c>
      <c r="G741">
        <f t="shared" si="45"/>
        <v>2.8718934354819989</v>
      </c>
      <c r="H741">
        <f t="shared" si="46"/>
        <v>-5.0654460686815436E-2</v>
      </c>
      <c r="I741">
        <f t="shared" si="47"/>
        <v>6.3433583562529705E-2</v>
      </c>
    </row>
    <row r="742" spans="1:9" x14ac:dyDescent="0.4">
      <c r="A742">
        <v>24.666666666666668</v>
      </c>
      <c r="B742">
        <v>-3.607129474139231</v>
      </c>
      <c r="C742">
        <v>2.9681161240187004</v>
      </c>
      <c r="D742">
        <v>5.4480799698734454</v>
      </c>
      <c r="E742">
        <v>2.8015627959691871</v>
      </c>
      <c r="F742">
        <f t="shared" si="44"/>
        <v>1.5761291096851346</v>
      </c>
      <c r="G742">
        <f t="shared" si="45"/>
        <v>2.8727799561901399</v>
      </c>
      <c r="H742">
        <f t="shared" si="46"/>
        <v>-4.8782114074916338E-2</v>
      </c>
      <c r="I742">
        <f t="shared" si="47"/>
        <v>4.2205955078659013E-2</v>
      </c>
    </row>
    <row r="743" spans="1:9" x14ac:dyDescent="0.4">
      <c r="A743">
        <v>24.7</v>
      </c>
      <c r="B743">
        <v>-3.6097988800816778</v>
      </c>
      <c r="C743">
        <v>2.9726405513858931</v>
      </c>
      <c r="D743">
        <v>5.4442033975183746</v>
      </c>
      <c r="E743">
        <v>2.7973651920813318</v>
      </c>
      <c r="F743">
        <f t="shared" si="44"/>
        <v>1.5727687141295792</v>
      </c>
      <c r="G743">
        <f t="shared" si="45"/>
        <v>2.8723118382550261</v>
      </c>
      <c r="H743">
        <f t="shared" si="46"/>
        <v>-4.9421099446110228E-2</v>
      </c>
      <c r="I743">
        <f t="shared" si="47"/>
        <v>4.2350236419284613E-2</v>
      </c>
    </row>
    <row r="744" spans="1:9" x14ac:dyDescent="0.4">
      <c r="A744">
        <v>24.733333333333334</v>
      </c>
      <c r="B744">
        <v>-3.6117810397428975</v>
      </c>
      <c r="C744">
        <v>2.9770958369238638</v>
      </c>
      <c r="D744">
        <v>5.4447278759554338</v>
      </c>
      <c r="E744">
        <v>2.7988953203366149</v>
      </c>
      <c r="F744">
        <f t="shared" si="44"/>
        <v>1.5722213698108183</v>
      </c>
      <c r="G744">
        <f t="shared" si="45"/>
        <v>2.8750927454488768</v>
      </c>
      <c r="H744">
        <f t="shared" si="46"/>
        <v>-3.359902761272477E-2</v>
      </c>
      <c r="I744">
        <f t="shared" si="47"/>
        <v>5.9424215147770125E-2</v>
      </c>
    </row>
    <row r="745" spans="1:9" x14ac:dyDescent="0.4">
      <c r="A745">
        <v>24.766666666666666</v>
      </c>
      <c r="B745">
        <v>-3.6139156836378166</v>
      </c>
      <c r="C745">
        <v>2.9806070309970303</v>
      </c>
      <c r="D745">
        <v>5.4439515234027818</v>
      </c>
      <c r="E745">
        <v>2.8009940107608498</v>
      </c>
      <c r="F745">
        <f t="shared" si="44"/>
        <v>1.5708642203849856</v>
      </c>
      <c r="G745">
        <f t="shared" si="45"/>
        <v>2.8777954135891779</v>
      </c>
      <c r="H745">
        <f t="shared" si="46"/>
        <v>-2.6465463952694328E-2</v>
      </c>
      <c r="I745">
        <f t="shared" si="47"/>
        <v>8.1249140628199212E-2</v>
      </c>
    </row>
    <row r="746" spans="1:9" x14ac:dyDescent="0.4">
      <c r="A746">
        <v>24.8</v>
      </c>
      <c r="B746">
        <v>-3.6149520547394003</v>
      </c>
      <c r="C746">
        <v>2.9820628285289819</v>
      </c>
      <c r="D746">
        <v>5.4458041307246692</v>
      </c>
      <c r="E746">
        <v>2.803656981076402</v>
      </c>
      <c r="F746">
        <f t="shared" si="44"/>
        <v>1.5714815186219773</v>
      </c>
      <c r="G746">
        <f t="shared" si="45"/>
        <v>2.8799422043810257</v>
      </c>
      <c r="H746">
        <f t="shared" si="46"/>
        <v>-3.4076699058757091E-2</v>
      </c>
      <c r="I746">
        <f t="shared" si="47"/>
        <v>7.8535618547716804E-2</v>
      </c>
    </row>
    <row r="747" spans="1:9" x14ac:dyDescent="0.4">
      <c r="A747">
        <v>24.833333333333332</v>
      </c>
      <c r="B747">
        <v>-3.6170130795105457</v>
      </c>
      <c r="C747">
        <v>2.9863118110966176</v>
      </c>
      <c r="D747">
        <v>5.442532838295115</v>
      </c>
      <c r="E747">
        <v>2.8065737722039179</v>
      </c>
      <c r="F747">
        <f t="shared" si="44"/>
        <v>1.5687277290652173</v>
      </c>
      <c r="G747">
        <f t="shared" si="45"/>
        <v>2.8834286322269849</v>
      </c>
      <c r="H747">
        <f t="shared" si="46"/>
        <v>-3.8028524293169899E-2</v>
      </c>
      <c r="I747">
        <f t="shared" si="47"/>
        <v>6.3472160373593781E-2</v>
      </c>
    </row>
    <row r="748" spans="1:9" x14ac:dyDescent="0.4">
      <c r="A748">
        <v>24.866666666666667</v>
      </c>
      <c r="B748">
        <v>-3.6171796968512537</v>
      </c>
      <c r="C748">
        <v>2.9891470930175545</v>
      </c>
      <c r="D748">
        <v>5.4407049077209573</v>
      </c>
      <c r="E748">
        <v>2.8078393503661361</v>
      </c>
      <c r="F748">
        <f t="shared" si="44"/>
        <v>1.5676101656275763</v>
      </c>
      <c r="G748">
        <f t="shared" si="45"/>
        <v>2.8853654058879261</v>
      </c>
      <c r="H748">
        <f t="shared" si="46"/>
        <v>-3.9950290050328345E-2</v>
      </c>
      <c r="I748">
        <f t="shared" si="47"/>
        <v>4.2446504391718147E-2</v>
      </c>
    </row>
    <row r="749" spans="1:9" x14ac:dyDescent="0.4">
      <c r="A749">
        <v>24.9</v>
      </c>
      <c r="B749">
        <v>-3.618495948491891</v>
      </c>
      <c r="C749">
        <v>2.990865507282495</v>
      </c>
      <c r="D749">
        <v>5.4396819713781799</v>
      </c>
      <c r="E749">
        <v>2.8070747136628307</v>
      </c>
      <c r="F749">
        <f t="shared" si="44"/>
        <v>1.5664618094999911</v>
      </c>
      <c r="G749">
        <f t="shared" si="45"/>
        <v>2.8856625062313266</v>
      </c>
      <c r="H749">
        <f t="shared" si="46"/>
        <v>-2.8686418035911505E-2</v>
      </c>
      <c r="I749">
        <f t="shared" si="47"/>
        <v>2.1167038067738151E-2</v>
      </c>
    </row>
    <row r="750" spans="1:9" x14ac:dyDescent="0.4">
      <c r="A750">
        <v>24.933333333333334</v>
      </c>
      <c r="B750">
        <v>-3.620438602246598</v>
      </c>
      <c r="C750">
        <v>2.9924307693269609</v>
      </c>
      <c r="D750">
        <v>5.4402496692412159</v>
      </c>
      <c r="E750">
        <v>2.8063197993082385</v>
      </c>
      <c r="F750">
        <f t="shared" si="44"/>
        <v>1.5659560967295356</v>
      </c>
      <c r="G750">
        <f t="shared" si="45"/>
        <v>2.8858996847774745</v>
      </c>
      <c r="H750">
        <f t="shared" si="46"/>
        <v>-2.7438539514005822E-2</v>
      </c>
      <c r="I750">
        <f t="shared" si="47"/>
        <v>2.639106320824269E-2</v>
      </c>
    </row>
    <row r="751" spans="1:9" x14ac:dyDescent="0.4">
      <c r="A751">
        <v>24.966666666666665</v>
      </c>
      <c r="B751">
        <v>-3.6218770449106805</v>
      </c>
      <c r="C751">
        <v>2.9923113303708204</v>
      </c>
      <c r="D751">
        <v>5.4392585308667769</v>
      </c>
      <c r="E751">
        <v>2.8077885446543585</v>
      </c>
      <c r="F751">
        <f t="shared" si="44"/>
        <v>1.5647736938415857</v>
      </c>
      <c r="G751">
        <f t="shared" si="45"/>
        <v>2.886689332460167</v>
      </c>
      <c r="H751">
        <f t="shared" si="46"/>
        <v>-1.9789478286145846E-2</v>
      </c>
      <c r="I751">
        <f t="shared" si="47"/>
        <v>3.4801522071706927E-2</v>
      </c>
    </row>
    <row r="752" spans="1:9" x14ac:dyDescent="0.4">
      <c r="A752">
        <v>25</v>
      </c>
      <c r="B752">
        <v>-3.6217885613329845</v>
      </c>
      <c r="C752">
        <v>2.9960618063043367</v>
      </c>
      <c r="D752">
        <v>5.4376331200521486</v>
      </c>
      <c r="E752">
        <v>2.8094612915941153</v>
      </c>
      <c r="F752">
        <f t="shared" si="44"/>
        <v>1.563881133537778</v>
      </c>
      <c r="G752">
        <f t="shared" si="45"/>
        <v>2.889250503308213</v>
      </c>
      <c r="H752">
        <f t="shared" si="46"/>
        <v>-2.2072353987657861E-2</v>
      </c>
      <c r="I752">
        <f t="shared" si="47"/>
        <v>4.7321192910802709E-2</v>
      </c>
    </row>
    <row r="753" spans="1:9" x14ac:dyDescent="0.4">
      <c r="A753">
        <v>25.033333333333335</v>
      </c>
      <c r="B753">
        <v>-3.6232770287131197</v>
      </c>
      <c r="C753">
        <v>2.9990581807696337</v>
      </c>
      <c r="D753">
        <v>5.439303909792744</v>
      </c>
      <c r="E753">
        <v>2.8081608452611522</v>
      </c>
      <c r="F753">
        <f t="shared" si="44"/>
        <v>1.5642010447148456</v>
      </c>
      <c r="G753">
        <f t="shared" si="45"/>
        <v>2.8897873506445753</v>
      </c>
      <c r="H753">
        <f t="shared" si="46"/>
        <v>-1.718804886613981E-2</v>
      </c>
      <c r="I753">
        <f t="shared" si="47"/>
        <v>5.4524042830995746E-2</v>
      </c>
    </row>
    <row r="754" spans="1:9" x14ac:dyDescent="0.4">
      <c r="A754">
        <v>25.066666666666666</v>
      </c>
      <c r="B754">
        <v>-3.6244789477902852</v>
      </c>
      <c r="C754">
        <v>3.001198515308428</v>
      </c>
      <c r="D754">
        <v>5.4373412897261497</v>
      </c>
      <c r="E754">
        <v>2.8108425015987151</v>
      </c>
      <c r="F754">
        <f t="shared" si="44"/>
        <v>1.562563695628296</v>
      </c>
      <c r="G754">
        <f t="shared" si="45"/>
        <v>2.8922375411704042</v>
      </c>
      <c r="H754">
        <f t="shared" si="46"/>
        <v>-3.6151120397607511E-2</v>
      </c>
      <c r="I754">
        <f t="shared" si="47"/>
        <v>6.5167442507686718E-2</v>
      </c>
    </row>
    <row r="755" spans="1:9" x14ac:dyDescent="0.4">
      <c r="A755">
        <v>25.1</v>
      </c>
      <c r="B755">
        <v>-3.6233407275681637</v>
      </c>
      <c r="C755">
        <v>3.0031300712143283</v>
      </c>
      <c r="D755">
        <v>5.4364980888114935</v>
      </c>
      <c r="E755">
        <v>2.8129733161995247</v>
      </c>
      <c r="F755">
        <f t="shared" si="44"/>
        <v>1.5625677379853034</v>
      </c>
      <c r="G755">
        <f t="shared" si="45"/>
        <v>2.8942831540009042</v>
      </c>
      <c r="H755">
        <f t="shared" si="46"/>
        <v>-3.8338257057700047E-2</v>
      </c>
      <c r="I755">
        <f t="shared" si="47"/>
        <v>6.5124946308020806E-2</v>
      </c>
    </row>
    <row r="756" spans="1:9" x14ac:dyDescent="0.4">
      <c r="A756">
        <v>25.133333333333333</v>
      </c>
      <c r="B756">
        <v>-3.6302777380195943</v>
      </c>
      <c r="C756">
        <v>3.0100707067287744</v>
      </c>
      <c r="D756">
        <v>5.4348752631288129</v>
      </c>
      <c r="E756">
        <v>2.814044086735072</v>
      </c>
      <c r="F756">
        <f t="shared" si="44"/>
        <v>1.5586726001696145</v>
      </c>
      <c r="G756">
        <f t="shared" si="45"/>
        <v>2.8978638420479963</v>
      </c>
      <c r="H756">
        <f t="shared" si="46"/>
        <v>-2.544584455116243E-2</v>
      </c>
      <c r="I756">
        <f t="shared" si="47"/>
        <v>5.1476484691781128E-2</v>
      </c>
    </row>
    <row r="757" spans="1:9" x14ac:dyDescent="0.4">
      <c r="A757">
        <v>25.166666666666668</v>
      </c>
      <c r="B757">
        <v>-3.628839118039604</v>
      </c>
      <c r="C757">
        <v>3.0103840304784226</v>
      </c>
      <c r="D757">
        <v>5.435694852118151</v>
      </c>
      <c r="E757">
        <v>2.8137480393135816</v>
      </c>
      <c r="F757">
        <f t="shared" si="44"/>
        <v>1.5597568829345696</v>
      </c>
      <c r="G757">
        <f t="shared" si="45"/>
        <v>2.8978283579237827</v>
      </c>
      <c r="H757">
        <f t="shared" si="46"/>
        <v>-3.007818705970932E-2</v>
      </c>
      <c r="I757">
        <f t="shared" si="47"/>
        <v>3.0752210047438482E-2</v>
      </c>
    </row>
    <row r="758" spans="1:9" x14ac:dyDescent="0.4">
      <c r="A758">
        <v>25.2</v>
      </c>
      <c r="B758">
        <v>-3.6282163331123178</v>
      </c>
      <c r="C758">
        <v>3.0122812392253637</v>
      </c>
      <c r="D758">
        <v>5.4351794265749804</v>
      </c>
      <c r="E758">
        <v>2.81445516089267</v>
      </c>
      <c r="F758">
        <f t="shared" si="44"/>
        <v>1.5597281490618025</v>
      </c>
      <c r="G758">
        <f t="shared" si="45"/>
        <v>2.8990443533242618</v>
      </c>
      <c r="H758">
        <f t="shared" si="46"/>
        <v>-2.6561145749358875E-2</v>
      </c>
      <c r="I758">
        <f t="shared" si="47"/>
        <v>1.8752895059689485E-2</v>
      </c>
    </row>
    <row r="759" spans="1:9" x14ac:dyDescent="0.4">
      <c r="A759">
        <v>25.233333333333334</v>
      </c>
      <c r="B759">
        <v>-3.6307849037035114</v>
      </c>
      <c r="C759">
        <v>3.0117578730999686</v>
      </c>
      <c r="D759">
        <v>5.4323791217821054</v>
      </c>
      <c r="E759">
        <v>2.8144511453146115</v>
      </c>
      <c r="F759">
        <f t="shared" si="44"/>
        <v>1.5570269323625912</v>
      </c>
      <c r="G759">
        <f t="shared" si="45"/>
        <v>2.8988182667040112</v>
      </c>
      <c r="H759">
        <f t="shared" si="46"/>
        <v>-5.010646264997401E-2</v>
      </c>
      <c r="I759">
        <f t="shared" si="47"/>
        <v>3.1135078358435302E-2</v>
      </c>
    </row>
    <row r="760" spans="1:9" x14ac:dyDescent="0.4">
      <c r="A760">
        <v>25.266666666666666</v>
      </c>
      <c r="B760">
        <v>-3.6326551436884187</v>
      </c>
      <c r="C760">
        <v>3.0146746943891447</v>
      </c>
      <c r="D760">
        <v>5.43130206923008</v>
      </c>
      <c r="E760">
        <v>2.8152004189910587</v>
      </c>
      <c r="F760">
        <f t="shared" si="44"/>
        <v>1.5556107178307106</v>
      </c>
      <c r="G760">
        <f t="shared" si="45"/>
        <v>2.9004943701678303</v>
      </c>
      <c r="H760">
        <f t="shared" si="46"/>
        <v>-4.7535855620950786E-2</v>
      </c>
      <c r="I760">
        <f t="shared" si="47"/>
        <v>3.9364444243164896E-2</v>
      </c>
    </row>
    <row r="761" spans="1:9" x14ac:dyDescent="0.4">
      <c r="A761">
        <v>25.3</v>
      </c>
      <c r="B761">
        <v>-3.6330398270492008</v>
      </c>
      <c r="C761">
        <v>3.0177074294466579</v>
      </c>
      <c r="D761">
        <v>5.427840003340485</v>
      </c>
      <c r="E761">
        <v>2.8160763362772716</v>
      </c>
      <c r="F761">
        <f t="shared" si="44"/>
        <v>1.5534645214417866</v>
      </c>
      <c r="G761">
        <f t="shared" si="45"/>
        <v>2.9022925292284043</v>
      </c>
      <c r="H761">
        <f t="shared" si="46"/>
        <v>-3.0738031735237165E-2</v>
      </c>
      <c r="I761">
        <f t="shared" si="47"/>
        <v>4.60991031528072E-2</v>
      </c>
    </row>
    <row r="762" spans="1:9" x14ac:dyDescent="0.4">
      <c r="A762">
        <v>25.333333333333332</v>
      </c>
      <c r="B762">
        <v>-3.6330952913046874</v>
      </c>
      <c r="C762">
        <v>3.020684352925783</v>
      </c>
      <c r="D762">
        <v>5.4280949038458344</v>
      </c>
      <c r="E762">
        <v>2.8166048415037714</v>
      </c>
      <c r="F762">
        <f t="shared" si="44"/>
        <v>1.553586711918713</v>
      </c>
      <c r="G762">
        <f t="shared" si="45"/>
        <v>2.9038679627692594</v>
      </c>
      <c r="H762">
        <f t="shared" si="46"/>
        <v>-2.7686346387768943E-2</v>
      </c>
      <c r="I762">
        <f t="shared" si="47"/>
        <v>4.5400956687272516E-2</v>
      </c>
    </row>
    <row r="763" spans="1:9" x14ac:dyDescent="0.4">
      <c r="A763">
        <v>25.366666666666667</v>
      </c>
      <c r="B763">
        <v>-3.6309846872619258</v>
      </c>
      <c r="C763">
        <v>3.0231186966789103</v>
      </c>
      <c r="D763">
        <v>5.4253463962405082</v>
      </c>
      <c r="E763">
        <v>2.8164402404852029</v>
      </c>
      <c r="F763">
        <f t="shared" si="44"/>
        <v>1.5529159300293838</v>
      </c>
      <c r="G763">
        <f t="shared" si="45"/>
        <v>2.9048146542620978</v>
      </c>
      <c r="H763">
        <f t="shared" si="46"/>
        <v>-1.8548003468098508E-2</v>
      </c>
      <c r="I763">
        <f t="shared" si="47"/>
        <v>4.7697283097432645E-2</v>
      </c>
    </row>
    <row r="764" spans="1:9" x14ac:dyDescent="0.4">
      <c r="A764">
        <v>25.4</v>
      </c>
      <c r="B764">
        <v>-3.6333000530211725</v>
      </c>
      <c r="C764">
        <v>3.026356650437827</v>
      </c>
      <c r="D764">
        <v>5.4242016294899722</v>
      </c>
      <c r="E764">
        <v>2.8174901080193564</v>
      </c>
      <c r="F764">
        <f t="shared" si="44"/>
        <v>1.5512706224722839</v>
      </c>
      <c r="G764">
        <f t="shared" si="45"/>
        <v>2.9068001337655289</v>
      </c>
      <c r="H764">
        <f t="shared" si="46"/>
        <v>-1.5757333243985362E-2</v>
      </c>
      <c r="I764">
        <f t="shared" si="47"/>
        <v>6.1283865199876664E-2</v>
      </c>
    </row>
    <row r="765" spans="1:9" x14ac:dyDescent="0.4">
      <c r="A765">
        <v>25.433333333333334</v>
      </c>
      <c r="B765">
        <v>-3.6326410860371698</v>
      </c>
      <c r="C765">
        <v>3.0297374224185245</v>
      </c>
      <c r="D765">
        <v>5.4241646620834647</v>
      </c>
      <c r="E765">
        <v>2.818416478418782</v>
      </c>
      <c r="F765">
        <f t="shared" si="44"/>
        <v>1.5515312322536514</v>
      </c>
      <c r="G765">
        <f t="shared" si="45"/>
        <v>2.908775990913175</v>
      </c>
      <c r="H765">
        <f t="shared" si="46"/>
        <v>-1.7167956624297331E-2</v>
      </c>
      <c r="I765">
        <f t="shared" si="47"/>
        <v>6.7216489886776781E-2</v>
      </c>
    </row>
    <row r="766" spans="1:9" x14ac:dyDescent="0.4">
      <c r="A766">
        <v>25.466666666666665</v>
      </c>
      <c r="B766">
        <v>-3.6293369735039396</v>
      </c>
      <c r="C766">
        <v>3.0341384875779047</v>
      </c>
      <c r="D766">
        <v>5.4219089014944428</v>
      </c>
      <c r="E766">
        <v>2.8209381369956148</v>
      </c>
      <c r="F766">
        <f t="shared" si="44"/>
        <v>1.5516528385992483</v>
      </c>
      <c r="G766">
        <f t="shared" si="45"/>
        <v>2.9121012719770336</v>
      </c>
      <c r="H766">
        <f t="shared" si="46"/>
        <v>-1.585960234799514E-2</v>
      </c>
      <c r="I766">
        <f t="shared" si="47"/>
        <v>6.8427014867404878E-2</v>
      </c>
    </row>
    <row r="767" spans="1:9" x14ac:dyDescent="0.4">
      <c r="A767">
        <v>25.5</v>
      </c>
      <c r="B767">
        <v>-3.6322151669300151</v>
      </c>
      <c r="C767">
        <v>3.0348061911059818</v>
      </c>
      <c r="D767">
        <v>5.4209329421320929</v>
      </c>
      <c r="E767">
        <v>2.822650304929549</v>
      </c>
      <c r="F767">
        <f t="shared" si="44"/>
        <v>1.549863495861852</v>
      </c>
      <c r="G767">
        <f t="shared" si="45"/>
        <v>2.9133668334708083</v>
      </c>
      <c r="H767">
        <f t="shared" si="46"/>
        <v>-5.4470734688990163E-2</v>
      </c>
      <c r="I767">
        <f t="shared" si="47"/>
        <v>7.3271322700744629E-2</v>
      </c>
    </row>
    <row r="768" spans="1:9" x14ac:dyDescent="0.4">
      <c r="A768">
        <v>25.533333333333335</v>
      </c>
      <c r="B768">
        <v>-3.6315177156034557</v>
      </c>
      <c r="C768">
        <v>3.0360909035632799</v>
      </c>
      <c r="D768">
        <v>5.4197091643379514</v>
      </c>
      <c r="E768">
        <v>2.8261321789508798</v>
      </c>
      <c r="F768">
        <f t="shared" si="44"/>
        <v>1.5494612236101843</v>
      </c>
      <c r="G768">
        <f t="shared" si="45"/>
        <v>2.9159092149646133</v>
      </c>
      <c r="H768">
        <f t="shared" si="46"/>
        <v>-8.847257253708006E-2</v>
      </c>
      <c r="I768">
        <f t="shared" si="47"/>
        <v>7.2436362882509014E-2</v>
      </c>
    </row>
    <row r="769" spans="1:9" x14ac:dyDescent="0.4">
      <c r="A769">
        <v>25.566666666666666</v>
      </c>
      <c r="B769">
        <v>-3.6413890250442509</v>
      </c>
      <c r="C769">
        <v>3.0426668204433911</v>
      </c>
      <c r="D769">
        <v>5.4167536943357035</v>
      </c>
      <c r="E769">
        <v>2.8267661180119998</v>
      </c>
      <c r="F769">
        <f t="shared" si="44"/>
        <v>1.5435485839666849</v>
      </c>
      <c r="G769">
        <f t="shared" si="45"/>
        <v>2.919083906536176</v>
      </c>
      <c r="H769">
        <f t="shared" si="46"/>
        <v>-8.0202727305675431E-2</v>
      </c>
      <c r="I769">
        <f t="shared" si="47"/>
        <v>6.7006024200424799E-2</v>
      </c>
    </row>
    <row r="770" spans="1:9" x14ac:dyDescent="0.4">
      <c r="A770">
        <v>25.6</v>
      </c>
      <c r="B770">
        <v>-3.6479734989067421</v>
      </c>
      <c r="C770">
        <v>3.0445305104764215</v>
      </c>
      <c r="D770">
        <v>5.4155862745756664</v>
      </c>
      <c r="E770">
        <v>2.8292724740098363</v>
      </c>
      <c r="F770">
        <f t="shared" si="44"/>
        <v>1.5400648657906515</v>
      </c>
      <c r="G770">
        <f t="shared" si="45"/>
        <v>2.9213154625914348</v>
      </c>
      <c r="H770">
        <f t="shared" si="46"/>
        <v>-5.9789259268274719E-2</v>
      </c>
      <c r="I770">
        <f t="shared" si="47"/>
        <v>6.5669415595721911E-2</v>
      </c>
    </row>
    <row r="771" spans="1:9" x14ac:dyDescent="0.4">
      <c r="A771">
        <v>25.633333333333333</v>
      </c>
      <c r="B771">
        <v>-3.6446006832294398</v>
      </c>
      <c r="C771">
        <v>3.0439604566777043</v>
      </c>
      <c r="D771">
        <v>5.4150403212504159</v>
      </c>
      <c r="E771">
        <v>2.830599624413848</v>
      </c>
      <c r="F771">
        <f t="shared" ref="F771:F834" si="48">(B771*58.73+D771*78.62)/(58.73+78.62)</f>
        <v>1.5411945535540059</v>
      </c>
      <c r="G771">
        <f t="shared" ref="G771:G834" si="49">(C771*58.73+E771*78.62)/(58.73+78.62)</f>
        <v>2.9218313803574683</v>
      </c>
      <c r="H771">
        <f t="shared" si="46"/>
        <v>-2.7649320573986082E-2</v>
      </c>
      <c r="I771">
        <f t="shared" si="47"/>
        <v>6.2993355528087394E-2</v>
      </c>
    </row>
    <row r="772" spans="1:9" x14ac:dyDescent="0.4">
      <c r="A772">
        <v>25.666666666666668</v>
      </c>
      <c r="B772">
        <v>-3.643450364782777</v>
      </c>
      <c r="C772">
        <v>3.0492903865897794</v>
      </c>
      <c r="D772">
        <v>5.4132704939166336</v>
      </c>
      <c r="E772">
        <v>2.8329929518990928</v>
      </c>
      <c r="F772">
        <f t="shared" si="48"/>
        <v>1.5406733622718114</v>
      </c>
      <c r="G772">
        <f t="shared" si="49"/>
        <v>2.9254803806532541</v>
      </c>
      <c r="H772">
        <f t="shared" si="46"/>
        <v>-2.4288036736597598E-2</v>
      </c>
      <c r="I772">
        <f t="shared" si="47"/>
        <v>7.1513357006149025E-2</v>
      </c>
    </row>
    <row r="773" spans="1:9" x14ac:dyDescent="0.4">
      <c r="A773">
        <v>25.7</v>
      </c>
      <c r="B773">
        <v>-3.6458669438665461</v>
      </c>
      <c r="C773">
        <v>3.0515711681540276</v>
      </c>
      <c r="D773">
        <v>5.4115166127591356</v>
      </c>
      <c r="E773">
        <v>2.8348180743592732</v>
      </c>
      <c r="F773">
        <f t="shared" si="48"/>
        <v>1.5386361156304407</v>
      </c>
      <c r="G773">
        <f t="shared" si="49"/>
        <v>2.9275003400932809</v>
      </c>
      <c r="H773">
        <f t="shared" ref="H773:H836" si="50">SLOPE(F771:F775,$A771:$A775)</f>
        <v>-3.4836257374083364E-2</v>
      </c>
      <c r="I773">
        <f t="shared" ref="I773:I836" si="51">SLOPE(G771:G775,$A771:$A775)</f>
        <v>7.9000276108040113E-2</v>
      </c>
    </row>
    <row r="774" spans="1:9" x14ac:dyDescent="0.4">
      <c r="A774">
        <v>25.733333333333334</v>
      </c>
      <c r="B774">
        <v>-3.6453097082893899</v>
      </c>
      <c r="C774">
        <v>3.055398769104154</v>
      </c>
      <c r="D774">
        <v>5.4087592923889689</v>
      </c>
      <c r="E774">
        <v>2.8370243347543722</v>
      </c>
      <c r="F774">
        <f t="shared" si="48"/>
        <v>1.5372960786296679</v>
      </c>
      <c r="G774">
        <f t="shared" si="49"/>
        <v>2.9303998755578866</v>
      </c>
      <c r="H774">
        <f t="shared" si="50"/>
        <v>-3.4238859437400238E-2</v>
      </c>
      <c r="I774">
        <f t="shared" si="51"/>
        <v>6.1529792428418328E-2</v>
      </c>
    </row>
    <row r="775" spans="1:9" x14ac:dyDescent="0.4">
      <c r="A775">
        <v>25.766666666666666</v>
      </c>
      <c r="B775">
        <v>-3.6444465881810162</v>
      </c>
      <c r="C775">
        <v>3.0595080428782868</v>
      </c>
      <c r="D775">
        <v>5.4077320658473189</v>
      </c>
      <c r="E775">
        <v>2.8376905928328759</v>
      </c>
      <c r="F775">
        <f t="shared" si="48"/>
        <v>1.5370771524793971</v>
      </c>
      <c r="G775">
        <f t="shared" si="49"/>
        <v>2.9325383455898253</v>
      </c>
      <c r="H775">
        <f t="shared" si="50"/>
        <v>-2.7959160854345844E-2</v>
      </c>
      <c r="I775">
        <f t="shared" si="51"/>
        <v>5.5490432965717956E-2</v>
      </c>
    </row>
    <row r="776" spans="1:9" x14ac:dyDescent="0.4">
      <c r="A776">
        <v>25.8</v>
      </c>
      <c r="B776">
        <v>-3.6468128974612606</v>
      </c>
      <c r="C776">
        <v>3.0603912083436842</v>
      </c>
      <c r="D776">
        <v>5.4071748284538694</v>
      </c>
      <c r="E776">
        <v>2.8382153280026099</v>
      </c>
      <c r="F776">
        <f t="shared" si="48"/>
        <v>1.5357463672744331</v>
      </c>
      <c r="G776">
        <f t="shared" si="49"/>
        <v>2.9332163433097183</v>
      </c>
      <c r="H776">
        <f t="shared" si="50"/>
        <v>-3.0277085115232492E-2</v>
      </c>
      <c r="I776">
        <f t="shared" si="51"/>
        <v>3.8795040364638621E-2</v>
      </c>
    </row>
    <row r="777" spans="1:9" x14ac:dyDescent="0.4">
      <c r="A777">
        <v>25.833333333333332</v>
      </c>
      <c r="B777">
        <v>-3.6483880095829746</v>
      </c>
      <c r="C777">
        <v>3.0630857964668725</v>
      </c>
      <c r="D777">
        <v>5.4066127311296421</v>
      </c>
      <c r="E777">
        <v>2.8399133866331194</v>
      </c>
      <c r="F777">
        <f t="shared" si="48"/>
        <v>1.5347511111656671</v>
      </c>
      <c r="G777">
        <f t="shared" si="49"/>
        <v>2.9353405117116513</v>
      </c>
      <c r="H777">
        <f t="shared" si="50"/>
        <v>-4.3048440216847041E-2</v>
      </c>
      <c r="I777">
        <f t="shared" si="51"/>
        <v>2.8465525234399304E-2</v>
      </c>
    </row>
    <row r="778" spans="1:9" x14ac:dyDescent="0.4">
      <c r="A778">
        <v>25.866666666666667</v>
      </c>
      <c r="B778">
        <v>-3.6514675943582691</v>
      </c>
      <c r="C778">
        <v>3.0659919836127631</v>
      </c>
      <c r="D778">
        <v>5.4065753773031062</v>
      </c>
      <c r="E778">
        <v>2.8379592735211006</v>
      </c>
      <c r="F778">
        <f t="shared" si="48"/>
        <v>1.5334129184339942</v>
      </c>
      <c r="G778">
        <f t="shared" si="49"/>
        <v>2.9354646325577467</v>
      </c>
      <c r="H778">
        <f t="shared" si="50"/>
        <v>-4.6705977600163845E-2</v>
      </c>
      <c r="I778">
        <f t="shared" si="51"/>
        <v>2.0353385004251573E-2</v>
      </c>
    </row>
    <row r="779" spans="1:9" x14ac:dyDescent="0.4">
      <c r="A779">
        <v>25.9</v>
      </c>
      <c r="B779">
        <v>-3.6544240160984724</v>
      </c>
      <c r="C779">
        <v>3.0662897091503276</v>
      </c>
      <c r="D779">
        <v>5.4046892446408243</v>
      </c>
      <c r="E779">
        <v>2.8389489849836287</v>
      </c>
      <c r="F779">
        <f t="shared" si="48"/>
        <v>1.5310691368634755</v>
      </c>
      <c r="G779">
        <f t="shared" si="49"/>
        <v>2.9361584551715443</v>
      </c>
      <c r="H779">
        <f t="shared" si="50"/>
        <v>-4.6124791273055507E-2</v>
      </c>
      <c r="I779">
        <f t="shared" si="51"/>
        <v>1.187779506125162E-2</v>
      </c>
    </row>
    <row r="780" spans="1:9" x14ac:dyDescent="0.4">
      <c r="A780">
        <v>25.933333333333334</v>
      </c>
      <c r="B780">
        <v>-3.6559631977009017</v>
      </c>
      <c r="C780">
        <v>3.0671457022534767</v>
      </c>
      <c r="D780">
        <v>5.4036271185545228</v>
      </c>
      <c r="E780">
        <v>2.8383814334544724</v>
      </c>
      <c r="F780">
        <f t="shared" si="48"/>
        <v>1.5298030248255017</v>
      </c>
      <c r="G780">
        <f t="shared" si="49"/>
        <v>2.9361996024138137</v>
      </c>
      <c r="H780">
        <f t="shared" si="50"/>
        <v>-4.6559270039480065E-2</v>
      </c>
      <c r="I780">
        <f t="shared" si="51"/>
        <v>2.5874793530235876E-2</v>
      </c>
    </row>
    <row r="781" spans="1:9" x14ac:dyDescent="0.4">
      <c r="A781">
        <v>25.966666666666665</v>
      </c>
      <c r="B781">
        <v>-3.658155482319577</v>
      </c>
      <c r="C781">
        <v>3.0671124185481693</v>
      </c>
      <c r="D781">
        <v>5.4036323161015511</v>
      </c>
      <c r="E781">
        <v>2.8397218953532568</v>
      </c>
      <c r="F781">
        <f t="shared" si="48"/>
        <v>1.5288685927577375</v>
      </c>
      <c r="G781">
        <f t="shared" si="49"/>
        <v>2.9369526592938264</v>
      </c>
      <c r="H781">
        <f t="shared" si="50"/>
        <v>-4.0112438841952688E-2</v>
      </c>
      <c r="I781">
        <f t="shared" si="51"/>
        <v>4.9022833492505379E-2</v>
      </c>
    </row>
    <row r="782" spans="1:9" x14ac:dyDescent="0.4">
      <c r="A782">
        <v>26</v>
      </c>
      <c r="B782">
        <v>-3.6579032730561027</v>
      </c>
      <c r="C782">
        <v>3.0709196902114235</v>
      </c>
      <c r="D782">
        <v>5.3997484946574463</v>
      </c>
      <c r="E782">
        <v>2.8411184057002652</v>
      </c>
      <c r="F782">
        <f t="shared" si="48"/>
        <v>1.5267533121469499</v>
      </c>
      <c r="G782">
        <f t="shared" si="49"/>
        <v>2.9393799960849782</v>
      </c>
      <c r="H782">
        <f t="shared" si="50"/>
        <v>-2.9552346705595537E-2</v>
      </c>
      <c r="I782">
        <f t="shared" si="51"/>
        <v>6.5643519400323966E-2</v>
      </c>
    </row>
    <row r="783" spans="1:9" x14ac:dyDescent="0.4">
      <c r="A783">
        <v>26.033333333333335</v>
      </c>
      <c r="B783">
        <v>-3.6582682597361211</v>
      </c>
      <c r="C783">
        <v>3.0743322289319521</v>
      </c>
      <c r="D783">
        <v>5.3985453991547088</v>
      </c>
      <c r="E783">
        <v>2.8444369478585196</v>
      </c>
      <c r="F783">
        <f t="shared" si="48"/>
        <v>1.5259085867290925</v>
      </c>
      <c r="G783">
        <f t="shared" si="49"/>
        <v>2.942738730584713</v>
      </c>
      <c r="H783">
        <f t="shared" si="50"/>
        <v>-2.8264973334715046E-2</v>
      </c>
      <c r="I783">
        <f t="shared" si="51"/>
        <v>6.6722165219878449E-2</v>
      </c>
    </row>
    <row r="784" spans="1:9" x14ac:dyDescent="0.4">
      <c r="A784">
        <v>26.066666666666666</v>
      </c>
      <c r="B784">
        <v>-3.6570860236446245</v>
      </c>
      <c r="C784">
        <v>3.0779345887505434</v>
      </c>
      <c r="D784">
        <v>5.3984467511122656</v>
      </c>
      <c r="E784">
        <v>2.8443811767140081</v>
      </c>
      <c r="F784">
        <f t="shared" si="48"/>
        <v>1.5263576367222249</v>
      </c>
      <c r="G784">
        <f t="shared" si="49"/>
        <v>2.9442471533350911</v>
      </c>
      <c r="H784">
        <f t="shared" si="50"/>
        <v>-1.8952116623038622E-2</v>
      </c>
      <c r="I784">
        <f t="shared" si="51"/>
        <v>5.6735099008835416E-2</v>
      </c>
    </row>
    <row r="785" spans="1:9" x14ac:dyDescent="0.4">
      <c r="A785">
        <v>26.1</v>
      </c>
      <c r="B785">
        <v>-3.6568710618606581</v>
      </c>
      <c r="C785">
        <v>3.079817750228997</v>
      </c>
      <c r="D785">
        <v>5.3947885950168422</v>
      </c>
      <c r="E785">
        <v>2.8454067772118838</v>
      </c>
      <c r="F785">
        <f t="shared" si="48"/>
        <v>1.5243556015809807</v>
      </c>
      <c r="G785">
        <f t="shared" si="49"/>
        <v>2.9456394415387499</v>
      </c>
      <c r="H785">
        <f t="shared" si="50"/>
        <v>-3.5313028269055455E-2</v>
      </c>
      <c r="I785">
        <f t="shared" si="51"/>
        <v>4.4041087352031938E-2</v>
      </c>
    </row>
    <row r="786" spans="1:9" x14ac:dyDescent="0.4">
      <c r="A786">
        <v>26.133333333333333</v>
      </c>
      <c r="B786">
        <v>-3.6573246267834292</v>
      </c>
      <c r="C786">
        <v>3.0818372380865036</v>
      </c>
      <c r="D786">
        <v>5.3951545214075107</v>
      </c>
      <c r="E786">
        <v>2.8469485642265773</v>
      </c>
      <c r="F786">
        <f t="shared" si="48"/>
        <v>1.524371118617166</v>
      </c>
      <c r="G786">
        <f t="shared" si="49"/>
        <v>2.9473854904427657</v>
      </c>
      <c r="H786">
        <f t="shared" si="50"/>
        <v>-4.5157654584321451E-2</v>
      </c>
      <c r="I786">
        <f t="shared" si="51"/>
        <v>3.1862112882956359E-2</v>
      </c>
    </row>
    <row r="787" spans="1:9" x14ac:dyDescent="0.4">
      <c r="A787">
        <v>26.166666666666668</v>
      </c>
      <c r="B787">
        <v>-3.6607771003192848</v>
      </c>
      <c r="C787">
        <v>3.0814333643508469</v>
      </c>
      <c r="D787">
        <v>5.3918727238327593</v>
      </c>
      <c r="E787">
        <v>2.8492143442879141</v>
      </c>
      <c r="F787">
        <f t="shared" si="48"/>
        <v>1.5210163410701127</v>
      </c>
      <c r="G787">
        <f t="shared" si="49"/>
        <v>2.9485097432562144</v>
      </c>
      <c r="H787">
        <f t="shared" si="50"/>
        <v>-3.5856308735154892E-2</v>
      </c>
      <c r="I787">
        <f t="shared" si="51"/>
        <v>4.0678501430172147E-2</v>
      </c>
    </row>
    <row r="788" spans="1:9" x14ac:dyDescent="0.4">
      <c r="A788">
        <v>26.2</v>
      </c>
      <c r="B788">
        <v>-3.6607936303169004</v>
      </c>
      <c r="C788">
        <v>3.0837509840606838</v>
      </c>
      <c r="D788">
        <v>5.3909847500852228</v>
      </c>
      <c r="E788">
        <v>2.8468062848340905</v>
      </c>
      <c r="F788">
        <f t="shared" si="48"/>
        <v>1.5205009912136054</v>
      </c>
      <c r="G788">
        <f t="shared" si="49"/>
        <v>2.9481223546235182</v>
      </c>
      <c r="H788">
        <f t="shared" si="50"/>
        <v>-2.6192100590977173E-2</v>
      </c>
      <c r="I788">
        <f t="shared" si="51"/>
        <v>4.7540908883768218E-2</v>
      </c>
    </row>
    <row r="789" spans="1:9" x14ac:dyDescent="0.4">
      <c r="A789">
        <v>26.233333333333334</v>
      </c>
      <c r="B789">
        <v>-3.6634026025588691</v>
      </c>
      <c r="C789">
        <v>3.0894537159613735</v>
      </c>
      <c r="D789">
        <v>5.3926080775554226</v>
      </c>
      <c r="E789">
        <v>2.8494092483409008</v>
      </c>
      <c r="F789">
        <f t="shared" si="48"/>
        <v>1.5203146138269019</v>
      </c>
      <c r="G789">
        <f t="shared" si="49"/>
        <v>2.9520507596867356</v>
      </c>
      <c r="H789">
        <f t="shared" si="50"/>
        <v>-1.2881567729161046E-2</v>
      </c>
      <c r="I789">
        <f t="shared" si="51"/>
        <v>5.9216074267700147E-2</v>
      </c>
    </row>
    <row r="790" spans="1:9" x14ac:dyDescent="0.4">
      <c r="A790">
        <v>26.266666666666666</v>
      </c>
      <c r="B790">
        <v>-3.6648323987074947</v>
      </c>
      <c r="C790">
        <v>3.094267127374521</v>
      </c>
      <c r="D790">
        <v>5.3937495573716348</v>
      </c>
      <c r="E790">
        <v>2.848412618385141</v>
      </c>
      <c r="F790">
        <f t="shared" si="48"/>
        <v>1.5203566321402753</v>
      </c>
      <c r="G790">
        <f t="shared" si="49"/>
        <v>2.9535384670414664</v>
      </c>
      <c r="H790">
        <f t="shared" si="50"/>
        <v>-2.2167074881587912E-2</v>
      </c>
      <c r="I790">
        <f t="shared" si="51"/>
        <v>6.9317153846728471E-2</v>
      </c>
    </row>
    <row r="791" spans="1:9" x14ac:dyDescent="0.4">
      <c r="A791">
        <v>26.3</v>
      </c>
      <c r="B791">
        <v>-3.6666036692226913</v>
      </c>
      <c r="C791">
        <v>3.096878019468198</v>
      </c>
      <c r="D791">
        <v>5.3926006263570274</v>
      </c>
      <c r="E791">
        <v>2.8501878690665983</v>
      </c>
      <c r="F791">
        <f t="shared" si="48"/>
        <v>1.5189415926519176</v>
      </c>
      <c r="G791">
        <f t="shared" si="49"/>
        <v>2.9556710327585236</v>
      </c>
      <c r="H791">
        <f t="shared" si="50"/>
        <v>-3.6390071276219092E-2</v>
      </c>
      <c r="I791">
        <f t="shared" si="51"/>
        <v>6.0188509254029535E-2</v>
      </c>
    </row>
    <row r="792" spans="1:9" x14ac:dyDescent="0.4">
      <c r="A792">
        <v>26.333333333333332</v>
      </c>
      <c r="B792">
        <v>-3.6685874834765224</v>
      </c>
      <c r="C792">
        <v>3.0992385672466702</v>
      </c>
      <c r="D792">
        <v>5.3915518314397417</v>
      </c>
      <c r="E792">
        <v>2.8522575334530598</v>
      </c>
      <c r="F792">
        <f t="shared" si="48"/>
        <v>1.5174929893208329</v>
      </c>
      <c r="G792">
        <f t="shared" si="49"/>
        <v>2.9578650770620789</v>
      </c>
      <c r="H792">
        <f t="shared" si="50"/>
        <v>-4.3218576345540577E-2</v>
      </c>
      <c r="I792">
        <f t="shared" si="51"/>
        <v>5.9012123322951276E-2</v>
      </c>
    </row>
    <row r="793" spans="1:9" x14ac:dyDescent="0.4">
      <c r="A793">
        <v>26.366666666666667</v>
      </c>
      <c r="B793">
        <v>-3.6710442180162093</v>
      </c>
      <c r="C793">
        <v>3.1022568145542313</v>
      </c>
      <c r="D793">
        <v>5.3902222134598148</v>
      </c>
      <c r="E793">
        <v>2.853590873467875</v>
      </c>
      <c r="F793">
        <f t="shared" si="48"/>
        <v>1.5156814233572533</v>
      </c>
      <c r="G793">
        <f t="shared" si="49"/>
        <v>2.9599188728854342</v>
      </c>
      <c r="H793">
        <f t="shared" si="50"/>
        <v>-5.0537970499837069E-2</v>
      </c>
      <c r="I793">
        <f t="shared" si="51"/>
        <v>5.4421873396001991E-2</v>
      </c>
    </row>
    <row r="794" spans="1:9" x14ac:dyDescent="0.4">
      <c r="A794">
        <v>26.4</v>
      </c>
      <c r="B794">
        <v>-3.6701472159919226</v>
      </c>
      <c r="C794">
        <v>3.1053292701801758</v>
      </c>
      <c r="D794">
        <v>5.3879836721250758</v>
      </c>
      <c r="E794">
        <v>2.8536210359469507</v>
      </c>
      <c r="F794">
        <f t="shared" si="48"/>
        <v>1.5147836207300174</v>
      </c>
      <c r="G794">
        <f t="shared" si="49"/>
        <v>2.9612499008651696</v>
      </c>
      <c r="H794">
        <f t="shared" si="50"/>
        <v>-4.5009367004734568E-2</v>
      </c>
      <c r="I794">
        <f t="shared" si="51"/>
        <v>5.0882037126566575E-2</v>
      </c>
    </row>
    <row r="795" spans="1:9" x14ac:dyDescent="0.4">
      <c r="A795">
        <v>26.433333333333334</v>
      </c>
      <c r="B795">
        <v>-3.6741494124087768</v>
      </c>
      <c r="C795">
        <v>3.1099441092930129</v>
      </c>
      <c r="D795">
        <v>5.3858889627930608</v>
      </c>
      <c r="E795">
        <v>2.8533166296245751</v>
      </c>
      <c r="F795">
        <f t="shared" si="48"/>
        <v>1.5118732818640193</v>
      </c>
      <c r="G795">
        <f t="shared" si="49"/>
        <v>2.9630489330896452</v>
      </c>
      <c r="H795">
        <f t="shared" si="50"/>
        <v>-4.8236184630246537E-2</v>
      </c>
      <c r="I795">
        <f t="shared" si="51"/>
        <v>5.2208714644993451E-2</v>
      </c>
    </row>
    <row r="796" spans="1:9" x14ac:dyDescent="0.4">
      <c r="A796">
        <v>26.466666666666665</v>
      </c>
      <c r="B796">
        <v>-3.6746804099830408</v>
      </c>
      <c r="C796">
        <v>3.1119542950397938</v>
      </c>
      <c r="D796">
        <v>5.3863244371943289</v>
      </c>
      <c r="E796">
        <v>2.8548398668975774</v>
      </c>
      <c r="F796">
        <f t="shared" si="48"/>
        <v>1.5118954988999942</v>
      </c>
      <c r="G796">
        <f t="shared" si="49"/>
        <v>2.9647803864810678</v>
      </c>
      <c r="H796">
        <f t="shared" si="50"/>
        <v>-5.1449230103906389E-2</v>
      </c>
      <c r="I796">
        <f t="shared" si="51"/>
        <v>5.9867010512721808E-2</v>
      </c>
    </row>
    <row r="797" spans="1:9" x14ac:dyDescent="0.4">
      <c r="A797">
        <v>26.5</v>
      </c>
      <c r="B797">
        <v>-3.6787395232874993</v>
      </c>
      <c r="C797">
        <v>3.1127832642199849</v>
      </c>
      <c r="D797">
        <v>5.3844486238570717</v>
      </c>
      <c r="E797">
        <v>2.8578451345236733</v>
      </c>
      <c r="F797">
        <f t="shared" si="48"/>
        <v>1.5090861201672239</v>
      </c>
      <c r="G797">
        <f t="shared" si="49"/>
        <v>2.9668550825183173</v>
      </c>
      <c r="H797">
        <f t="shared" si="50"/>
        <v>-4.4805932583500074E-2</v>
      </c>
      <c r="I797">
        <f t="shared" si="51"/>
        <v>6.0971423959849426E-2</v>
      </c>
    </row>
    <row r="798" spans="1:9" x14ac:dyDescent="0.4">
      <c r="A798">
        <v>26.533333333333335</v>
      </c>
      <c r="B798">
        <v>-3.682114469913496</v>
      </c>
      <c r="C798">
        <v>3.1154598992713494</v>
      </c>
      <c r="D798">
        <v>5.3843775480668992</v>
      </c>
      <c r="E798">
        <v>2.8601600398956717</v>
      </c>
      <c r="F798">
        <f t="shared" si="48"/>
        <v>1.5076023298944305</v>
      </c>
      <c r="G798">
        <f t="shared" si="49"/>
        <v>2.9693246612362874</v>
      </c>
      <c r="H798">
        <f t="shared" si="50"/>
        <v>-4.8811395788637288E-2</v>
      </c>
      <c r="I798">
        <f t="shared" si="51"/>
        <v>6.0071662776705163E-2</v>
      </c>
    </row>
    <row r="799" spans="1:9" x14ac:dyDescent="0.4">
      <c r="A799">
        <v>26.566666666666666</v>
      </c>
      <c r="B799">
        <v>-3.682073310021591</v>
      </c>
      <c r="C799">
        <v>3.1161548082678991</v>
      </c>
      <c r="D799">
        <v>5.3825122318704848</v>
      </c>
      <c r="E799">
        <v>2.8624606781347657</v>
      </c>
      <c r="F799">
        <f t="shared" si="48"/>
        <v>1.5065522109362177</v>
      </c>
      <c r="G799">
        <f t="shared" si="49"/>
        <v>2.9709386997053437</v>
      </c>
      <c r="H799">
        <f t="shared" si="50"/>
        <v>-4.2817270787118542E-2</v>
      </c>
      <c r="I799">
        <f t="shared" si="51"/>
        <v>4.7657692318276421E-2</v>
      </c>
    </row>
    <row r="800" spans="1:9" x14ac:dyDescent="0.4">
      <c r="A800">
        <v>26.6</v>
      </c>
      <c r="B800">
        <v>-3.6834510643016452</v>
      </c>
      <c r="C800">
        <v>3.1196379311158586</v>
      </c>
      <c r="D800">
        <v>5.3808772550859949</v>
      </c>
      <c r="E800">
        <v>2.8630240200816326</v>
      </c>
      <c r="F800">
        <f t="shared" si="48"/>
        <v>1.5050272208840576</v>
      </c>
      <c r="G800">
        <f t="shared" si="49"/>
        <v>2.9727505216836723</v>
      </c>
      <c r="H800">
        <f t="shared" si="50"/>
        <v>-4.7087913184582476E-2</v>
      </c>
      <c r="I800">
        <f t="shared" si="51"/>
        <v>3.1770653499674756E-2</v>
      </c>
    </row>
    <row r="801" spans="1:9" x14ac:dyDescent="0.4">
      <c r="A801">
        <v>26.633333333333333</v>
      </c>
      <c r="B801">
        <v>-3.6843139612563185</v>
      </c>
      <c r="C801">
        <v>3.1209557644292985</v>
      </c>
      <c r="D801">
        <v>5.3783951217298904</v>
      </c>
      <c r="E801">
        <v>2.8626240979316533</v>
      </c>
      <c r="F801">
        <f t="shared" si="48"/>
        <v>1.5032374628745573</v>
      </c>
      <c r="G801">
        <f t="shared" si="49"/>
        <v>2.9730851010143375</v>
      </c>
      <c r="H801">
        <f t="shared" si="50"/>
        <v>-3.4636616462370672E-2</v>
      </c>
      <c r="I801">
        <f t="shared" si="51"/>
        <v>2.742132634426098E-2</v>
      </c>
    </row>
    <row r="802" spans="1:9" x14ac:dyDescent="0.4">
      <c r="A802">
        <v>26.666666666666668</v>
      </c>
      <c r="B802">
        <v>-3.6875744788749638</v>
      </c>
      <c r="C802">
        <v>3.1227880225723017</v>
      </c>
      <c r="D802">
        <v>5.3776411684788954</v>
      </c>
      <c r="E802">
        <v>2.8620615715458451</v>
      </c>
      <c r="F802">
        <f t="shared" si="48"/>
        <v>1.5014117183944971</v>
      </c>
      <c r="G802">
        <f t="shared" si="49"/>
        <v>2.9735465694984029</v>
      </c>
      <c r="H802">
        <f t="shared" si="50"/>
        <v>-2.7975148847052964E-2</v>
      </c>
      <c r="I802">
        <f t="shared" si="51"/>
        <v>2.0322087236783318E-2</v>
      </c>
    </row>
    <row r="803" spans="1:9" x14ac:dyDescent="0.4">
      <c r="A803">
        <v>26.7</v>
      </c>
      <c r="B803">
        <v>-3.6860410023689605</v>
      </c>
      <c r="C803">
        <v>3.1247804413285074</v>
      </c>
      <c r="D803">
        <v>5.3785492113478925</v>
      </c>
      <c r="E803">
        <v>2.8633061099447947</v>
      </c>
      <c r="F803">
        <f t="shared" si="48"/>
        <v>1.5025871927706029</v>
      </c>
      <c r="G803">
        <f t="shared" si="49"/>
        <v>2.9751108968553552</v>
      </c>
      <c r="H803">
        <f t="shared" si="50"/>
        <v>-3.3404048435896332E-2</v>
      </c>
      <c r="I803">
        <f t="shared" si="51"/>
        <v>4.2803174410120562E-2</v>
      </c>
    </row>
    <row r="804" spans="1:9" x14ac:dyDescent="0.4">
      <c r="A804">
        <v>26.733333333333334</v>
      </c>
      <c r="B804">
        <v>-3.6874181269705999</v>
      </c>
      <c r="C804">
        <v>3.1235542158792042</v>
      </c>
      <c r="D804">
        <v>5.3762632269453139</v>
      </c>
      <c r="E804">
        <v>2.8642461202274254</v>
      </c>
      <c r="F804">
        <f t="shared" si="48"/>
        <v>1.5006898311281927</v>
      </c>
      <c r="G804">
        <f t="shared" si="49"/>
        <v>2.9751246383026273</v>
      </c>
      <c r="H804">
        <f t="shared" si="50"/>
        <v>-4.9763497297251109E-2</v>
      </c>
      <c r="I804">
        <f t="shared" si="51"/>
        <v>4.8903233041884098E-2</v>
      </c>
    </row>
    <row r="805" spans="1:9" x14ac:dyDescent="0.4">
      <c r="A805">
        <v>26.766666666666666</v>
      </c>
      <c r="B805">
        <v>-3.6889803261655119</v>
      </c>
      <c r="C805">
        <v>3.130387906823032</v>
      </c>
      <c r="D805">
        <v>5.3727853135006693</v>
      </c>
      <c r="E805">
        <v>2.8666626683076086</v>
      </c>
      <c r="F805">
        <f t="shared" si="48"/>
        <v>1.4980310651017268</v>
      </c>
      <c r="G805">
        <f t="shared" si="49"/>
        <v>2.9794299290139121</v>
      </c>
      <c r="H805">
        <f t="shared" si="50"/>
        <v>-8.3485104139996158E-2</v>
      </c>
      <c r="I805">
        <f t="shared" si="51"/>
        <v>5.3261155827759948E-2</v>
      </c>
    </row>
    <row r="806" spans="1:9" x14ac:dyDescent="0.4">
      <c r="A806">
        <v>26.8</v>
      </c>
      <c r="B806">
        <v>-3.6894717116726339</v>
      </c>
      <c r="C806">
        <v>3.1290808261347314</v>
      </c>
      <c r="D806">
        <v>5.3685486622154892</v>
      </c>
      <c r="E806">
        <v>2.8678271607471526</v>
      </c>
      <c r="F806">
        <f t="shared" si="48"/>
        <v>1.4953958660127267</v>
      </c>
      <c r="G806">
        <f t="shared" si="49"/>
        <v>2.9795375922594385</v>
      </c>
      <c r="H806">
        <f t="shared" si="50"/>
        <v>-8.7639253722072694E-2</v>
      </c>
      <c r="I806">
        <f t="shared" si="51"/>
        <v>6.3476986085211851E-2</v>
      </c>
    </row>
    <row r="807" spans="1:9" x14ac:dyDescent="0.4">
      <c r="A807">
        <v>26.833333333333332</v>
      </c>
      <c r="B807">
        <v>-3.6951370008988293</v>
      </c>
      <c r="C807">
        <v>3.1338304596543116</v>
      </c>
      <c r="D807">
        <v>5.3656600975391804</v>
      </c>
      <c r="E807">
        <v>2.8681988781492205</v>
      </c>
      <c r="F807">
        <f t="shared" si="48"/>
        <v>1.4913199913050033</v>
      </c>
      <c r="G807">
        <f t="shared" si="49"/>
        <v>2.9817812791815763</v>
      </c>
      <c r="H807">
        <f t="shared" si="50"/>
        <v>-7.6014080334311743E-2</v>
      </c>
      <c r="I807">
        <f t="shared" si="51"/>
        <v>5.4323364665053504E-2</v>
      </c>
    </row>
    <row r="808" spans="1:9" x14ac:dyDescent="0.4">
      <c r="A808">
        <v>26.866666666666667</v>
      </c>
      <c r="B808">
        <v>-3.6976569676803384</v>
      </c>
      <c r="C808">
        <v>3.1394202650303455</v>
      </c>
      <c r="D808">
        <v>5.3642561234697581</v>
      </c>
      <c r="E808">
        <v>2.8688225889002368</v>
      </c>
      <c r="F808">
        <f t="shared" si="48"/>
        <v>1.4894388257395423</v>
      </c>
      <c r="G808">
        <f t="shared" si="49"/>
        <v>2.9845284608996638</v>
      </c>
      <c r="H808">
        <f t="shared" si="50"/>
        <v>-6.4121614112942496E-2</v>
      </c>
      <c r="I808">
        <f t="shared" si="51"/>
        <v>5.3299548132901817E-2</v>
      </c>
    </row>
    <row r="809" spans="1:9" x14ac:dyDescent="0.4">
      <c r="A809">
        <v>26.9</v>
      </c>
      <c r="B809">
        <v>-3.6991484476171084</v>
      </c>
      <c r="C809">
        <v>3.1421111073336694</v>
      </c>
      <c r="D809">
        <v>5.3634516137375927</v>
      </c>
      <c r="E809">
        <v>2.8693630102850558</v>
      </c>
      <c r="F809">
        <f t="shared" si="48"/>
        <v>1.488340571849267</v>
      </c>
      <c r="G809">
        <f t="shared" si="49"/>
        <v>2.9859883888046417</v>
      </c>
      <c r="H809">
        <f t="shared" si="50"/>
        <v>-4.5218806487314724E-2</v>
      </c>
      <c r="I809">
        <f t="shared" si="51"/>
        <v>3.8624087853379889E-2</v>
      </c>
    </row>
    <row r="810" spans="1:9" x14ac:dyDescent="0.4">
      <c r="A810">
        <v>26.933333333333334</v>
      </c>
      <c r="B810">
        <v>-3.7022876826871745</v>
      </c>
      <c r="C810">
        <v>3.1431574354667928</v>
      </c>
      <c r="D810">
        <v>5.3620546783997236</v>
      </c>
      <c r="E810">
        <v>2.8691559952664387</v>
      </c>
      <c r="F810">
        <f t="shared" si="48"/>
        <v>1.4861986400551044</v>
      </c>
      <c r="G810">
        <f t="shared" si="49"/>
        <v>2.9863172954700561</v>
      </c>
      <c r="H810">
        <f t="shared" si="50"/>
        <v>-3.4923384901450201E-2</v>
      </c>
      <c r="I810">
        <f t="shared" si="51"/>
        <v>3.8178884486551587E-2</v>
      </c>
    </row>
    <row r="811" spans="1:9" x14ac:dyDescent="0.4">
      <c r="A811">
        <v>26.966666666666665</v>
      </c>
      <c r="B811">
        <v>-3.7033101518024973</v>
      </c>
      <c r="C811">
        <v>3.1469654664880662</v>
      </c>
      <c r="D811">
        <v>5.3614295589901992</v>
      </c>
      <c r="E811">
        <v>2.8680704449130916</v>
      </c>
      <c r="F811">
        <f t="shared" si="48"/>
        <v>1.4854036163993365</v>
      </c>
      <c r="G811">
        <f t="shared" si="49"/>
        <v>2.9873242098719435</v>
      </c>
      <c r="H811">
        <f t="shared" si="50"/>
        <v>-2.1929834254849047E-2</v>
      </c>
      <c r="I811">
        <f t="shared" si="51"/>
        <v>5.0057835493604014E-2</v>
      </c>
    </row>
    <row r="812" spans="1:9" x14ac:dyDescent="0.4">
      <c r="A812">
        <v>27</v>
      </c>
      <c r="B812">
        <v>-3.7031965421605757</v>
      </c>
      <c r="C812">
        <v>3.1488313444282623</v>
      </c>
      <c r="D812">
        <v>5.3607911036111036</v>
      </c>
      <c r="E812">
        <v>2.8717420507742473</v>
      </c>
      <c r="F812">
        <f t="shared" si="48"/>
        <v>1.4850867393142659</v>
      </c>
      <c r="G812">
        <f t="shared" si="49"/>
        <v>2.9902236977804382</v>
      </c>
      <c r="H812">
        <f t="shared" si="50"/>
        <v>-1.8711135756740355E-2</v>
      </c>
      <c r="I812">
        <f t="shared" si="51"/>
        <v>6.818718482451662E-2</v>
      </c>
    </row>
    <row r="813" spans="1:9" x14ac:dyDescent="0.4">
      <c r="A813">
        <v>27.033333333333335</v>
      </c>
      <c r="B813">
        <v>-3.7002617408043013</v>
      </c>
      <c r="C813">
        <v>3.1506501576647006</v>
      </c>
      <c r="D813">
        <v>5.3588692305837347</v>
      </c>
      <c r="E813">
        <v>2.8741472468605775</v>
      </c>
      <c r="F813">
        <f t="shared" si="48"/>
        <v>1.485241549843878</v>
      </c>
      <c r="G813">
        <f t="shared" si="49"/>
        <v>2.9923781602317181</v>
      </c>
      <c r="H813">
        <f t="shared" si="50"/>
        <v>-2.3198718846917894E-2</v>
      </c>
      <c r="I813">
        <f t="shared" si="51"/>
        <v>6.9101944285243286E-2</v>
      </c>
    </row>
    <row r="814" spans="1:9" x14ac:dyDescent="0.4">
      <c r="A814">
        <v>27.066666666666666</v>
      </c>
      <c r="B814">
        <v>-3.699389004878181</v>
      </c>
      <c r="C814">
        <v>3.1551540851040745</v>
      </c>
      <c r="D814">
        <v>5.3545828072508543</v>
      </c>
      <c r="E814">
        <v>2.8756336731065075</v>
      </c>
      <c r="F814">
        <f t="shared" si="48"/>
        <v>1.4831611507067102</v>
      </c>
      <c r="G814">
        <f t="shared" si="49"/>
        <v>2.9951548510942549</v>
      </c>
      <c r="H814">
        <f t="shared" si="50"/>
        <v>-2.4039629531746903E-2</v>
      </c>
      <c r="I814">
        <f t="shared" si="51"/>
        <v>5.9260907444168537E-2</v>
      </c>
    </row>
    <row r="815" spans="1:9" x14ac:dyDescent="0.4">
      <c r="A815">
        <v>27.1</v>
      </c>
      <c r="B815">
        <v>-3.6989298509686597</v>
      </c>
      <c r="C815">
        <v>3.1576389883347136</v>
      </c>
      <c r="D815">
        <v>5.3530847026014339</v>
      </c>
      <c r="E815">
        <v>2.8759101267080092</v>
      </c>
      <c r="F815">
        <f t="shared" si="48"/>
        <v>1.4824999575619613</v>
      </c>
      <c r="G815">
        <f t="shared" si="49"/>
        <v>2.9963756239292425</v>
      </c>
      <c r="H815">
        <f t="shared" si="50"/>
        <v>-2.4231075495700721E-2</v>
      </c>
      <c r="I815">
        <f t="shared" si="51"/>
        <v>5.1693044338377694E-2</v>
      </c>
    </row>
    <row r="816" spans="1:9" x14ac:dyDescent="0.4">
      <c r="A816">
        <v>27.133333333333333</v>
      </c>
      <c r="B816">
        <v>-3.6994452001353695</v>
      </c>
      <c r="C816">
        <v>3.1599627632242497</v>
      </c>
      <c r="D816">
        <v>5.3533840233107908</v>
      </c>
      <c r="E816">
        <v>2.8771898616908111</v>
      </c>
      <c r="F816">
        <f t="shared" si="48"/>
        <v>1.4824509305332665</v>
      </c>
      <c r="G816">
        <f t="shared" si="49"/>
        <v>2.9981017838390374</v>
      </c>
      <c r="H816">
        <f t="shared" si="50"/>
        <v>-1.9092187107267188E-2</v>
      </c>
      <c r="I816">
        <f t="shared" si="51"/>
        <v>5.4014890039118475E-2</v>
      </c>
    </row>
    <row r="817" spans="1:9" x14ac:dyDescent="0.4">
      <c r="A817">
        <v>27.166666666666668</v>
      </c>
      <c r="B817">
        <v>-3.7000198228578061</v>
      </c>
      <c r="C817">
        <v>3.162942818776298</v>
      </c>
      <c r="D817">
        <v>5.3522535707795011</v>
      </c>
      <c r="E817">
        <v>2.8774417183264553</v>
      </c>
      <c r="F817">
        <f t="shared" si="48"/>
        <v>1.4815581473479831</v>
      </c>
      <c r="G817">
        <f t="shared" si="49"/>
        <v>2.9995202012490565</v>
      </c>
      <c r="H817">
        <f t="shared" si="50"/>
        <v>-2.1880303650317116E-2</v>
      </c>
      <c r="I817">
        <f t="shared" si="51"/>
        <v>6.0374350082126473E-2</v>
      </c>
    </row>
    <row r="818" spans="1:9" x14ac:dyDescent="0.4">
      <c r="A818">
        <v>27.2</v>
      </c>
      <c r="B818">
        <v>-3.7029303044521837</v>
      </c>
      <c r="C818">
        <v>3.166345891338846</v>
      </c>
      <c r="D818">
        <v>5.3524918298561577</v>
      </c>
      <c r="E818">
        <v>2.8802538998962022</v>
      </c>
      <c r="F818">
        <f t="shared" si="48"/>
        <v>1.4804500246291548</v>
      </c>
      <c r="G818">
        <f t="shared" si="49"/>
        <v>3.0025850441075344</v>
      </c>
      <c r="H818">
        <f t="shared" si="50"/>
        <v>-2.4938753389494774E-2</v>
      </c>
      <c r="I818">
        <f t="shared" si="51"/>
        <v>6.45716827741315E-2</v>
      </c>
    </row>
    <row r="819" spans="1:9" x14ac:dyDescent="0.4">
      <c r="A819">
        <v>27.233333333333334</v>
      </c>
      <c r="B819">
        <v>-3.7046227511121854</v>
      </c>
      <c r="C819">
        <v>3.1690993436523183</v>
      </c>
      <c r="D819">
        <v>5.3527143085625841</v>
      </c>
      <c r="E819">
        <v>2.8810120718944092</v>
      </c>
      <c r="F819">
        <f t="shared" si="48"/>
        <v>1.4798536932389643</v>
      </c>
      <c r="G819">
        <f t="shared" si="49"/>
        <v>3.0041963854753484</v>
      </c>
      <c r="H819">
        <f t="shared" si="50"/>
        <v>-2.868251226763743E-2</v>
      </c>
      <c r="I819">
        <f t="shared" si="51"/>
        <v>6.7372538201211085E-2</v>
      </c>
    </row>
    <row r="820" spans="1:9" x14ac:dyDescent="0.4">
      <c r="A820">
        <v>27.266666666666666</v>
      </c>
      <c r="B820">
        <v>-3.7047553432715032</v>
      </c>
      <c r="C820">
        <v>3.1717806022992088</v>
      </c>
      <c r="D820">
        <v>5.3515782291445158</v>
      </c>
      <c r="E820">
        <v>2.8830783734888037</v>
      </c>
      <c r="F820">
        <f t="shared" si="48"/>
        <v>1.4791466986895268</v>
      </c>
      <c r="G820">
        <f t="shared" si="49"/>
        <v>3.0065256388549133</v>
      </c>
      <c r="H820">
        <f t="shared" si="50"/>
        <v>-3.3095050604554969E-2</v>
      </c>
      <c r="I820">
        <f t="shared" si="51"/>
        <v>6.6862574326370605E-2</v>
      </c>
    </row>
    <row r="821" spans="1:9" x14ac:dyDescent="0.4">
      <c r="A821">
        <v>27.3</v>
      </c>
      <c r="B821">
        <v>-3.7070622037608709</v>
      </c>
      <c r="C821">
        <v>3.1750994493739251</v>
      </c>
      <c r="D821">
        <v>5.3503013249050113</v>
      </c>
      <c r="E821">
        <v>2.8845352114289029</v>
      </c>
      <c r="F821">
        <f t="shared" si="48"/>
        <v>1.4774293916065242</v>
      </c>
      <c r="G821">
        <f t="shared" si="49"/>
        <v>3.0087786602422355</v>
      </c>
      <c r="H821">
        <f t="shared" si="50"/>
        <v>-3.5939232258819155E-2</v>
      </c>
      <c r="I821">
        <f t="shared" si="51"/>
        <v>7.4452718731251186E-2</v>
      </c>
    </row>
    <row r="822" spans="1:9" x14ac:dyDescent="0.4">
      <c r="A822">
        <v>27.333333333333332</v>
      </c>
      <c r="B822">
        <v>-3.7082222578692856</v>
      </c>
      <c r="C822">
        <v>3.1778934900461921</v>
      </c>
      <c r="D822">
        <v>5.3489263817772752</v>
      </c>
      <c r="E822">
        <v>2.8870933500648115</v>
      </c>
      <c r="F822">
        <f t="shared" si="48"/>
        <v>1.476146333677949</v>
      </c>
      <c r="G822">
        <f t="shared" si="49"/>
        <v>3.0114376691118192</v>
      </c>
      <c r="H822">
        <f t="shared" si="50"/>
        <v>-3.1619740099870744E-2</v>
      </c>
      <c r="I822">
        <f t="shared" si="51"/>
        <v>6.7506945811823246E-2</v>
      </c>
    </row>
    <row r="823" spans="1:9" x14ac:dyDescent="0.4">
      <c r="A823">
        <v>27.366666666666667</v>
      </c>
      <c r="B823">
        <v>-3.7117719785532288</v>
      </c>
      <c r="C823">
        <v>3.1807654154854426</v>
      </c>
      <c r="D823">
        <v>5.3502113229311643</v>
      </c>
      <c r="E823">
        <v>2.8896849890016401</v>
      </c>
      <c r="F823">
        <f t="shared" si="48"/>
        <v>1.4753640037016167</v>
      </c>
      <c r="G823">
        <f t="shared" si="49"/>
        <v>3.0141491568021039</v>
      </c>
      <c r="H823">
        <f t="shared" si="50"/>
        <v>-1.9136958856544428E-2</v>
      </c>
      <c r="I823">
        <f t="shared" si="51"/>
        <v>7.0465791100388225E-2</v>
      </c>
    </row>
    <row r="824" spans="1:9" x14ac:dyDescent="0.4">
      <c r="A824">
        <v>27.4</v>
      </c>
      <c r="B824">
        <v>-3.7114125271527225</v>
      </c>
      <c r="C824">
        <v>3.1829972554949726</v>
      </c>
      <c r="D824">
        <v>5.349148673983751</v>
      </c>
      <c r="E824">
        <v>2.8896641481997269</v>
      </c>
      <c r="F824">
        <f t="shared" si="48"/>
        <v>1.4749094359586687</v>
      </c>
      <c r="G824">
        <f t="shared" si="49"/>
        <v>3.0150915482102829</v>
      </c>
      <c r="H824">
        <f t="shared" si="50"/>
        <v>-1.1349863305875117E-2</v>
      </c>
      <c r="I824">
        <f t="shared" si="51"/>
        <v>5.8653334771655796E-2</v>
      </c>
    </row>
    <row r="825" spans="1:9" x14ac:dyDescent="0.4">
      <c r="A825">
        <v>27.433333333333334</v>
      </c>
      <c r="B825">
        <v>-3.712475537823976</v>
      </c>
      <c r="C825">
        <v>3.1868853135957145</v>
      </c>
      <c r="D825">
        <v>5.3498535021784788</v>
      </c>
      <c r="E825">
        <v>2.8930567765324446</v>
      </c>
      <c r="F825">
        <f t="shared" si="48"/>
        <v>1.4748583473234069</v>
      </c>
      <c r="G825">
        <f t="shared" si="49"/>
        <v>3.018696019209735</v>
      </c>
      <c r="H825">
        <f t="shared" si="50"/>
        <v>-5.9171265309747373E-3</v>
      </c>
      <c r="I825">
        <f t="shared" si="51"/>
        <v>5.234347056350145E-2</v>
      </c>
    </row>
    <row r="826" spans="1:9" x14ac:dyDescent="0.4">
      <c r="A826">
        <v>27.466666666666665</v>
      </c>
      <c r="B826">
        <v>-3.7123523868101844</v>
      </c>
      <c r="C826">
        <v>3.1892523180623331</v>
      </c>
      <c r="D826">
        <v>5.3491486043283087</v>
      </c>
      <c r="E826">
        <v>2.8917144750107426</v>
      </c>
      <c r="F826">
        <f t="shared" si="48"/>
        <v>1.4745075179827414</v>
      </c>
      <c r="G826">
        <f t="shared" si="49"/>
        <v>3.0189397937032796</v>
      </c>
      <c r="H826">
        <f t="shared" si="50"/>
        <v>-1.2569490759692338E-2</v>
      </c>
      <c r="I826">
        <f t="shared" si="51"/>
        <v>5.2693294025502387E-2</v>
      </c>
    </row>
    <row r="827" spans="1:9" x14ac:dyDescent="0.4">
      <c r="A827">
        <v>27.5</v>
      </c>
      <c r="B827">
        <v>-3.7123657712338236</v>
      </c>
      <c r="C827">
        <v>3.1920668545633721</v>
      </c>
      <c r="D827">
        <v>5.3492830893132117</v>
      </c>
      <c r="E827">
        <v>2.8931219961758674</v>
      </c>
      <c r="F827">
        <f t="shared" si="48"/>
        <v>1.4745787749344179</v>
      </c>
      <c r="G827">
        <f t="shared" si="49"/>
        <v>3.0209489458161891</v>
      </c>
      <c r="H827">
        <f t="shared" si="50"/>
        <v>-3.7223114253636592E-2</v>
      </c>
      <c r="I827">
        <f t="shared" si="51"/>
        <v>2.733133965941471E-2</v>
      </c>
    </row>
    <row r="828" spans="1:9" x14ac:dyDescent="0.4">
      <c r="A828">
        <v>27.533333333333335</v>
      </c>
      <c r="B828">
        <v>-3.7139464036116725</v>
      </c>
      <c r="C828">
        <v>3.1935966348580065</v>
      </c>
      <c r="D828">
        <v>5.3476258757849129</v>
      </c>
      <c r="E828">
        <v>2.8951209790024661</v>
      </c>
      <c r="F828">
        <f t="shared" si="48"/>
        <v>1.4729543070265478</v>
      </c>
      <c r="G828">
        <f t="shared" si="49"/>
        <v>3.022747300577973</v>
      </c>
      <c r="H828">
        <f t="shared" si="50"/>
        <v>-6.0299198549101013E-2</v>
      </c>
      <c r="I828">
        <f t="shared" si="51"/>
        <v>2.1101802794250835E-2</v>
      </c>
    </row>
    <row r="829" spans="1:9" x14ac:dyDescent="0.4">
      <c r="A829">
        <v>27.566666666666666</v>
      </c>
      <c r="B829">
        <v>-3.7155797266472321</v>
      </c>
      <c r="C829">
        <v>3.1935095747282065</v>
      </c>
      <c r="D829">
        <v>5.3426909054882845</v>
      </c>
      <c r="E829">
        <v>2.8927405278184528</v>
      </c>
      <c r="F829">
        <f t="shared" si="48"/>
        <v>1.4694311004258975</v>
      </c>
      <c r="G829">
        <f t="shared" si="49"/>
        <v>3.0213474890489573</v>
      </c>
      <c r="H829">
        <f t="shared" si="50"/>
        <v>-7.2093355363930245E-2</v>
      </c>
      <c r="I829">
        <f t="shared" si="51"/>
        <v>1.6422436509098279E-2</v>
      </c>
    </row>
    <row r="830" spans="1:9" x14ac:dyDescent="0.4">
      <c r="A830">
        <v>27.6</v>
      </c>
      <c r="B830">
        <v>-3.7173230040612948</v>
      </c>
      <c r="C830">
        <v>3.1951676494725869</v>
      </c>
      <c r="D830">
        <v>5.3398010050479368</v>
      </c>
      <c r="E830">
        <v>2.8930917080989795</v>
      </c>
      <c r="F830">
        <f t="shared" si="48"/>
        <v>1.4670314888121512</v>
      </c>
      <c r="G830">
        <f t="shared" si="49"/>
        <v>3.0222574892192706</v>
      </c>
      <c r="H830">
        <f t="shared" si="50"/>
        <v>-7.7243398872143099E-2</v>
      </c>
      <c r="I830">
        <f t="shared" si="51"/>
        <v>1.7366240719636369E-2</v>
      </c>
    </row>
    <row r="831" spans="1:9" x14ac:dyDescent="0.4">
      <c r="A831">
        <v>27.633333333333333</v>
      </c>
      <c r="B831">
        <v>-3.7215722989217603</v>
      </c>
      <c r="C831">
        <v>3.1977912461669531</v>
      </c>
      <c r="D831">
        <v>5.3403427669030563</v>
      </c>
      <c r="E831">
        <v>2.8940553619683036</v>
      </c>
      <c r="F831">
        <f t="shared" si="48"/>
        <v>1.4655246248142946</v>
      </c>
      <c r="G831">
        <f t="shared" si="49"/>
        <v>3.0239309242470567</v>
      </c>
      <c r="H831">
        <f t="shared" si="50"/>
        <v>-7.0369173163818216E-2</v>
      </c>
      <c r="I831">
        <f t="shared" si="51"/>
        <v>5.1711334166855936E-2</v>
      </c>
    </row>
    <row r="832" spans="1:9" x14ac:dyDescent="0.4">
      <c r="A832">
        <v>27.666666666666668</v>
      </c>
      <c r="B832">
        <v>-3.7231061454936532</v>
      </c>
      <c r="C832">
        <v>3.2001256670083325</v>
      </c>
      <c r="D832">
        <v>5.3353897871837184</v>
      </c>
      <c r="E832">
        <v>2.8930435778753849</v>
      </c>
      <c r="F832">
        <f t="shared" si="48"/>
        <v>1.4620336450203255</v>
      </c>
      <c r="G832">
        <f t="shared" si="49"/>
        <v>3.0243499564321961</v>
      </c>
      <c r="H832">
        <f t="shared" si="50"/>
        <v>-5.8888655496367202E-2</v>
      </c>
      <c r="I832">
        <f t="shared" si="51"/>
        <v>6.97651149498692E-2</v>
      </c>
    </row>
    <row r="833" spans="1:9" x14ac:dyDescent="0.4">
      <c r="A833">
        <v>27.7</v>
      </c>
      <c r="B833">
        <v>-3.7225341463017374</v>
      </c>
      <c r="C833">
        <v>3.2029500080979969</v>
      </c>
      <c r="D833">
        <v>5.3317622910522333</v>
      </c>
      <c r="E833">
        <v>2.8989173503442833</v>
      </c>
      <c r="F833">
        <f t="shared" si="48"/>
        <v>1.4602018267945074</v>
      </c>
      <c r="G833">
        <f t="shared" si="49"/>
        <v>3.0289198111369706</v>
      </c>
      <c r="H833">
        <f t="shared" si="50"/>
        <v>-4.8234351040622278E-2</v>
      </c>
      <c r="I833">
        <f t="shared" si="51"/>
        <v>8.2730216153131211E-2</v>
      </c>
    </row>
    <row r="834" spans="1:9" x14ac:dyDescent="0.4">
      <c r="A834">
        <v>27.733333333333334</v>
      </c>
      <c r="B834">
        <v>-3.7241489103507264</v>
      </c>
      <c r="C834">
        <v>3.2069667284511767</v>
      </c>
      <c r="D834">
        <v>5.3324030040089667</v>
      </c>
      <c r="E834">
        <v>2.9002332502106136</v>
      </c>
      <c r="F834">
        <f t="shared" si="48"/>
        <v>1.4598781119059836</v>
      </c>
      <c r="G834">
        <f t="shared" si="49"/>
        <v>3.0313905649326252</v>
      </c>
      <c r="H834">
        <f t="shared" si="50"/>
        <v>-3.4338031684103605E-2</v>
      </c>
      <c r="I834">
        <f t="shared" si="51"/>
        <v>7.0003552810813732E-2</v>
      </c>
    </row>
    <row r="835" spans="1:9" x14ac:dyDescent="0.4">
      <c r="A835">
        <v>27.766666666666666</v>
      </c>
      <c r="B835">
        <v>-3.7267098896236246</v>
      </c>
      <c r="C835">
        <v>3.2092487566909669</v>
      </c>
      <c r="D835">
        <v>5.3320191501724921</v>
      </c>
      <c r="E835">
        <v>2.9034348983406826</v>
      </c>
      <c r="F835">
        <f t="shared" ref="F835:F898" si="52">(B835*58.73+D835*78.62)/(58.73+78.62)</f>
        <v>1.4585633328646952</v>
      </c>
      <c r="G835">
        <f t="shared" ref="G835:G898" si="53">(C835*58.73+E835*78.62)/(58.73+78.62)</f>
        <v>3.0341989893556973</v>
      </c>
      <c r="H835">
        <f t="shared" si="50"/>
        <v>-3.9466704634648221E-2</v>
      </c>
      <c r="I835">
        <f t="shared" si="51"/>
        <v>4.0688265062073563E-2</v>
      </c>
    </row>
    <row r="836" spans="1:9" x14ac:dyDescent="0.4">
      <c r="A836">
        <v>27.8</v>
      </c>
      <c r="B836">
        <v>-3.7266931810444315</v>
      </c>
      <c r="C836">
        <v>3.2097993636086306</v>
      </c>
      <c r="D836">
        <v>5.3295024225592602</v>
      </c>
      <c r="E836">
        <v>2.9015886584009625</v>
      </c>
      <c r="F836">
        <f t="shared" si="52"/>
        <v>1.4571298867045477</v>
      </c>
      <c r="G836">
        <f t="shared" si="53"/>
        <v>3.033377626124635</v>
      </c>
      <c r="H836">
        <f t="shared" si="50"/>
        <v>-5.8825478642583556E-2</v>
      </c>
      <c r="I836">
        <f t="shared" si="51"/>
        <v>2.9426119780700356E-2</v>
      </c>
    </row>
    <row r="837" spans="1:9" x14ac:dyDescent="0.4">
      <c r="A837">
        <v>27.833333333333332</v>
      </c>
      <c r="B837">
        <v>-3.7286177761982744</v>
      </c>
      <c r="C837">
        <v>3.2137676403155377</v>
      </c>
      <c r="D837">
        <v>5.3272159580912062</v>
      </c>
      <c r="E837">
        <v>2.9009478926178587</v>
      </c>
      <c r="F837">
        <f t="shared" si="52"/>
        <v>1.4549981552894506</v>
      </c>
      <c r="G837">
        <f t="shared" si="53"/>
        <v>3.0347076580513113</v>
      </c>
      <c r="H837">
        <f t="shared" ref="H837:H900" si="54">SLOPE(F835:F839,$A835:$A839)</f>
        <v>-6.4536147990092357E-2</v>
      </c>
      <c r="I837">
        <f t="shared" ref="I837:I900" si="55">SLOPE(G835:G839,$A835:$A839)</f>
        <v>3.7397862747908447E-2</v>
      </c>
    </row>
    <row r="838" spans="1:9" x14ac:dyDescent="0.4">
      <c r="A838">
        <v>27.866666666666667</v>
      </c>
      <c r="B838">
        <v>-3.7306532756899515</v>
      </c>
      <c r="C838">
        <v>3.2154092315988168</v>
      </c>
      <c r="D838">
        <v>5.3232479124007179</v>
      </c>
      <c r="E838">
        <v>2.9020502419783698</v>
      </c>
      <c r="F838">
        <f t="shared" si="52"/>
        <v>1.4518564542531753</v>
      </c>
      <c r="G838">
        <f t="shared" si="53"/>
        <v>3.0360405838816016</v>
      </c>
      <c r="H838">
        <f t="shared" si="54"/>
        <v>-6.6865392894586873E-2</v>
      </c>
      <c r="I838">
        <f t="shared" si="55"/>
        <v>5.5043587114858149E-2</v>
      </c>
    </row>
    <row r="839" spans="1:9" x14ac:dyDescent="0.4">
      <c r="A839">
        <v>27.9</v>
      </c>
      <c r="B839">
        <v>-3.7308247731798323</v>
      </c>
      <c r="C839">
        <v>3.2192966257832119</v>
      </c>
      <c r="D839">
        <v>5.3209084925422987</v>
      </c>
      <c r="E839">
        <v>2.9044920012702642</v>
      </c>
      <c r="F839">
        <f t="shared" si="52"/>
        <v>1.450444024425366</v>
      </c>
      <c r="G839">
        <f t="shared" si="53"/>
        <v>3.0391004876018655</v>
      </c>
      <c r="H839">
        <f t="shared" si="54"/>
        <v>-5.5402414326709483E-2</v>
      </c>
      <c r="I839">
        <f t="shared" si="55"/>
        <v>6.4437681233995348E-2</v>
      </c>
    </row>
    <row r="840" spans="1:9" x14ac:dyDescent="0.4">
      <c r="A840">
        <v>27.933333333333334</v>
      </c>
      <c r="B840">
        <v>-3.7355492143450277</v>
      </c>
      <c r="C840">
        <v>3.2211825403786678</v>
      </c>
      <c r="D840">
        <v>5.3206269390583252</v>
      </c>
      <c r="E840">
        <v>2.9052750983307822</v>
      </c>
      <c r="F840">
        <f t="shared" si="52"/>
        <v>1.4482627199874922</v>
      </c>
      <c r="G840">
        <f t="shared" si="53"/>
        <v>3.0403551425351676</v>
      </c>
      <c r="H840">
        <f t="shared" si="54"/>
        <v>-4.6332187251415996E-2</v>
      </c>
      <c r="I840">
        <f t="shared" si="55"/>
        <v>7.1458452170710632E-2</v>
      </c>
    </row>
    <row r="841" spans="1:9" x14ac:dyDescent="0.4">
      <c r="A841">
        <v>27.966666666666665</v>
      </c>
      <c r="B841">
        <v>-3.7356667430567163</v>
      </c>
      <c r="C841">
        <v>3.2253139666804773</v>
      </c>
      <c r="D841">
        <v>5.3194893226676054</v>
      </c>
      <c r="E841">
        <v>2.9073160922697925</v>
      </c>
      <c r="F841">
        <f t="shared" si="52"/>
        <v>1.447561286701174</v>
      </c>
      <c r="G841">
        <f t="shared" si="53"/>
        <v>3.0432899922635275</v>
      </c>
      <c r="H841">
        <f t="shared" si="54"/>
        <v>-5.6976986225051179E-2</v>
      </c>
      <c r="I841">
        <f t="shared" si="55"/>
        <v>7.2468222191810483E-2</v>
      </c>
    </row>
    <row r="842" spans="1:9" x14ac:dyDescent="0.4">
      <c r="A842">
        <v>28</v>
      </c>
      <c r="B842">
        <v>-3.7389061016462732</v>
      </c>
      <c r="C842">
        <v>3.2277119799919598</v>
      </c>
      <c r="D842">
        <v>5.3184404778436924</v>
      </c>
      <c r="E842">
        <v>2.9100068487176083</v>
      </c>
      <c r="F842">
        <f t="shared" si="52"/>
        <v>1.445575791906702</v>
      </c>
      <c r="G842">
        <f t="shared" si="53"/>
        <v>3.0458555735792223</v>
      </c>
      <c r="H842">
        <f t="shared" si="54"/>
        <v>-6.0088320329408459E-2</v>
      </c>
      <c r="I842">
        <f t="shared" si="55"/>
        <v>8.5550257818707925E-2</v>
      </c>
    </row>
    <row r="843" spans="1:9" x14ac:dyDescent="0.4">
      <c r="A843">
        <v>28.033333333333335</v>
      </c>
      <c r="B843">
        <v>-3.7411910508986712</v>
      </c>
      <c r="C843">
        <v>3.2296725132804198</v>
      </c>
      <c r="D843">
        <v>5.3144093587346228</v>
      </c>
      <c r="E843">
        <v>2.9130369060232457</v>
      </c>
      <c r="F843">
        <f t="shared" si="52"/>
        <v>1.4422913240949191</v>
      </c>
      <c r="G843">
        <f t="shared" si="53"/>
        <v>3.0484283091118067</v>
      </c>
      <c r="H843">
        <f t="shared" si="54"/>
        <v>-6.3066065436265015E-2</v>
      </c>
      <c r="I843">
        <f t="shared" si="55"/>
        <v>9.4695265305546616E-2</v>
      </c>
    </row>
    <row r="844" spans="1:9" x14ac:dyDescent="0.4">
      <c r="A844">
        <v>28.066666666666666</v>
      </c>
      <c r="B844">
        <v>-3.7444703890824571</v>
      </c>
      <c r="C844">
        <v>3.2334981902626434</v>
      </c>
      <c r="D844">
        <v>5.3143986698491297</v>
      </c>
      <c r="E844">
        <v>2.9164963646496807</v>
      </c>
      <c r="F844">
        <f t="shared" si="52"/>
        <v>1.4408829812357182</v>
      </c>
      <c r="G844">
        <f t="shared" si="53"/>
        <v>3.0520443604141461</v>
      </c>
      <c r="H844">
        <f t="shared" si="54"/>
        <v>-4.7278224524475089E-2</v>
      </c>
      <c r="I844">
        <f t="shared" si="55"/>
        <v>8.6533417080636901E-2</v>
      </c>
    </row>
    <row r="845" spans="1:9" x14ac:dyDescent="0.4">
      <c r="A845">
        <v>28.1</v>
      </c>
      <c r="B845">
        <v>-3.7467055262759295</v>
      </c>
      <c r="C845">
        <v>3.2391649316385891</v>
      </c>
      <c r="D845">
        <v>5.3134717592403478</v>
      </c>
      <c r="E845">
        <v>2.9191356081742432</v>
      </c>
      <c r="F845">
        <f t="shared" si="52"/>
        <v>1.4393966811306216</v>
      </c>
      <c r="G845">
        <f t="shared" si="53"/>
        <v>3.055978143063657</v>
      </c>
      <c r="H845">
        <f t="shared" si="54"/>
        <v>-4.1884360086925705E-2</v>
      </c>
      <c r="I845">
        <f t="shared" si="55"/>
        <v>8.389234798367258E-2</v>
      </c>
    </row>
    <row r="846" spans="1:9" x14ac:dyDescent="0.4">
      <c r="A846">
        <v>28.133333333333333</v>
      </c>
      <c r="B846">
        <v>-3.7470552641706156</v>
      </c>
      <c r="C846">
        <v>3.2419689036640817</v>
      </c>
      <c r="D846">
        <v>5.3132905486173083</v>
      </c>
      <c r="E846">
        <v>2.9179577538998842</v>
      </c>
      <c r="F846">
        <f t="shared" si="52"/>
        <v>1.4391434093014384</v>
      </c>
      <c r="G846">
        <f t="shared" si="53"/>
        <v>3.0565028927834033</v>
      </c>
      <c r="H846">
        <f t="shared" si="54"/>
        <v>-3.9549069015632016E-2</v>
      </c>
      <c r="I846">
        <f t="shared" si="55"/>
        <v>7.069811434961755E-2</v>
      </c>
    </row>
    <row r="847" spans="1:9" x14ac:dyDescent="0.4">
      <c r="A847">
        <v>28.166666666666668</v>
      </c>
      <c r="B847">
        <v>-3.7524553053844345</v>
      </c>
      <c r="C847">
        <v>3.2445363501242972</v>
      </c>
      <c r="D847">
        <v>5.3121479997786194</v>
      </c>
      <c r="E847">
        <v>2.9224657131668041</v>
      </c>
      <c r="F847">
        <f t="shared" si="52"/>
        <v>1.4361803833809048</v>
      </c>
      <c r="G847">
        <f t="shared" si="53"/>
        <v>3.0601811009244568</v>
      </c>
      <c r="H847">
        <f t="shared" si="54"/>
        <v>-3.7330276971180347E-2</v>
      </c>
      <c r="I847">
        <f t="shared" si="55"/>
        <v>5.696024295027366E-2</v>
      </c>
    </row>
    <row r="848" spans="1:9" x14ac:dyDescent="0.4">
      <c r="A848">
        <v>28.2</v>
      </c>
      <c r="B848">
        <v>-3.7492129120473145</v>
      </c>
      <c r="C848">
        <v>3.2498823024597008</v>
      </c>
      <c r="D848">
        <v>5.3092353973587327</v>
      </c>
      <c r="E848">
        <v>2.9211710101244925</v>
      </c>
      <c r="F848">
        <f t="shared" si="52"/>
        <v>1.4358996186079713</v>
      </c>
      <c r="G848">
        <f t="shared" si="53"/>
        <v>3.0617259005420157</v>
      </c>
      <c r="H848">
        <f t="shared" si="54"/>
        <v>-4.4910963908375783E-2</v>
      </c>
      <c r="I848">
        <f t="shared" si="55"/>
        <v>5.9377421418681138E-2</v>
      </c>
    </row>
    <row r="849" spans="1:9" x14ac:dyDescent="0.4">
      <c r="A849">
        <v>28.233333333333334</v>
      </c>
      <c r="B849">
        <v>-3.7497511174347133</v>
      </c>
      <c r="C849">
        <v>3.2530086498651225</v>
      </c>
      <c r="D849">
        <v>5.3077109176940578</v>
      </c>
      <c r="E849">
        <v>2.9208169013007108</v>
      </c>
      <c r="F849">
        <f t="shared" si="52"/>
        <v>1.4347968636488251</v>
      </c>
      <c r="G849">
        <f t="shared" si="53"/>
        <v>3.0628600130093964</v>
      </c>
      <c r="H849">
        <f t="shared" si="54"/>
        <v>-3.2350716467632025E-2</v>
      </c>
      <c r="I849">
        <f t="shared" si="55"/>
        <v>5.399656392789675E-2</v>
      </c>
    </row>
    <row r="850" spans="1:9" x14ac:dyDescent="0.4">
      <c r="A850">
        <v>28.266666666666666</v>
      </c>
      <c r="B850">
        <v>-3.7516303292963729</v>
      </c>
      <c r="C850">
        <v>3.2557113536995623</v>
      </c>
      <c r="D850">
        <v>5.3048400268285398</v>
      </c>
      <c r="E850">
        <v>2.9226407831624841</v>
      </c>
      <c r="F850">
        <f t="shared" si="52"/>
        <v>1.4323500085160823</v>
      </c>
      <c r="G850">
        <f t="shared" si="53"/>
        <v>3.065059673644047</v>
      </c>
      <c r="H850">
        <f t="shared" si="54"/>
        <v>-3.0839992260881573E-2</v>
      </c>
      <c r="I850">
        <f t="shared" si="55"/>
        <v>6.0222635083999346E-2</v>
      </c>
    </row>
    <row r="851" spans="1:9" x14ac:dyDescent="0.4">
      <c r="A851">
        <v>28.3</v>
      </c>
      <c r="B851">
        <v>-3.7500880279673616</v>
      </c>
      <c r="C851">
        <v>3.2588557215373566</v>
      </c>
      <c r="D851">
        <v>5.3040607122252093</v>
      </c>
      <c r="E851">
        <v>2.9245790150201727</v>
      </c>
      <c r="F851">
        <f t="shared" si="52"/>
        <v>1.4325634023489107</v>
      </c>
      <c r="G851">
        <f t="shared" si="53"/>
        <v>3.0675136416947573</v>
      </c>
      <c r="H851">
        <f t="shared" si="54"/>
        <v>-1.4464633841629031E-2</v>
      </c>
      <c r="I851">
        <f t="shared" si="55"/>
        <v>6.7045332860676848E-2</v>
      </c>
    </row>
    <row r="852" spans="1:9" x14ac:dyDescent="0.4">
      <c r="A852">
        <v>28.333333333333332</v>
      </c>
      <c r="B852">
        <v>-3.7513792537078361</v>
      </c>
      <c r="C852">
        <v>3.2594102890856065</v>
      </c>
      <c r="D852">
        <v>5.3038249849656447</v>
      </c>
      <c r="E852">
        <v>2.927523463490362</v>
      </c>
      <c r="F852">
        <f t="shared" si="52"/>
        <v>1.4318763505477816</v>
      </c>
      <c r="G852">
        <f t="shared" si="53"/>
        <v>3.0694361920466684</v>
      </c>
      <c r="H852">
        <f t="shared" si="54"/>
        <v>-1.5060359931410518E-3</v>
      </c>
      <c r="I852">
        <f t="shared" si="55"/>
        <v>7.755517281280673E-2</v>
      </c>
    </row>
    <row r="853" spans="1:9" x14ac:dyDescent="0.4">
      <c r="A853">
        <v>28.366666666666667</v>
      </c>
      <c r="B853">
        <v>-3.7511417770099031</v>
      </c>
      <c r="C853">
        <v>3.2640736710883971</v>
      </c>
      <c r="D853">
        <v>5.3049518528437138</v>
      </c>
      <c r="E853">
        <v>2.9282497849646569</v>
      </c>
      <c r="F853">
        <f t="shared" si="52"/>
        <v>1.4326229203260372</v>
      </c>
      <c r="G853">
        <f t="shared" si="53"/>
        <v>3.0718459759515317</v>
      </c>
      <c r="H853">
        <f t="shared" si="54"/>
        <v>-3.8662195439597693E-3</v>
      </c>
      <c r="I853">
        <f t="shared" si="55"/>
        <v>8.3890152851489749E-2</v>
      </c>
    </row>
    <row r="854" spans="1:9" x14ac:dyDescent="0.4">
      <c r="A854">
        <v>28.4</v>
      </c>
      <c r="B854">
        <v>-3.750832816755211</v>
      </c>
      <c r="C854">
        <v>3.2676574240790983</v>
      </c>
      <c r="D854">
        <v>5.3037537767323233</v>
      </c>
      <c r="E854">
        <v>2.9325142427889461</v>
      </c>
      <c r="F854">
        <f t="shared" si="52"/>
        <v>1.4320692435286622</v>
      </c>
      <c r="G854">
        <f t="shared" si="53"/>
        <v>3.0758193686511275</v>
      </c>
      <c r="H854">
        <f t="shared" si="54"/>
        <v>-4.268927013701458E-3</v>
      </c>
      <c r="I854">
        <f t="shared" si="55"/>
        <v>8.3166060269243947E-2</v>
      </c>
    </row>
    <row r="855" spans="1:9" x14ac:dyDescent="0.4">
      <c r="A855">
        <v>28.433333333333334</v>
      </c>
      <c r="B855">
        <v>-3.7505113534582537</v>
      </c>
      <c r="C855">
        <v>3.2703262573761651</v>
      </c>
      <c r="D855">
        <v>5.303082726617955</v>
      </c>
      <c r="E855">
        <v>2.9348608287134765</v>
      </c>
      <c r="F855">
        <f t="shared" si="52"/>
        <v>1.4318225859344771</v>
      </c>
      <c r="G855">
        <f t="shared" si="53"/>
        <v>3.0783037455344426</v>
      </c>
      <c r="H855">
        <f t="shared" si="54"/>
        <v>-1.2961988371152765E-2</v>
      </c>
      <c r="I855">
        <f t="shared" si="55"/>
        <v>7.3650580413291131E-2</v>
      </c>
    </row>
    <row r="856" spans="1:9" x14ac:dyDescent="0.4">
      <c r="A856">
        <v>28.466666666666665</v>
      </c>
      <c r="B856">
        <v>-3.7505327298270563</v>
      </c>
      <c r="C856">
        <v>3.2717436868479886</v>
      </c>
      <c r="D856">
        <v>5.3026487418036021</v>
      </c>
      <c r="E856">
        <v>2.9368847195698873</v>
      </c>
      <c r="F856">
        <f t="shared" si="52"/>
        <v>1.4315650299079448</v>
      </c>
      <c r="G856">
        <f t="shared" si="53"/>
        <v>3.0800683173000869</v>
      </c>
      <c r="H856">
        <f t="shared" si="54"/>
        <v>-1.6776481437173349E-2</v>
      </c>
      <c r="I856">
        <f t="shared" si="55"/>
        <v>4.4784013366122755E-2</v>
      </c>
    </row>
    <row r="857" spans="1:9" x14ac:dyDescent="0.4">
      <c r="A857">
        <v>28.5</v>
      </c>
      <c r="B857">
        <v>-3.7512376069269866</v>
      </c>
      <c r="C857">
        <v>3.2746791655026777</v>
      </c>
      <c r="D857">
        <v>5.3016897496168429</v>
      </c>
      <c r="E857">
        <v>2.9380606130136213</v>
      </c>
      <c r="F857">
        <f t="shared" si="52"/>
        <v>1.4307146957412038</v>
      </c>
      <c r="G857">
        <f t="shared" si="53"/>
        <v>3.0819965983626005</v>
      </c>
      <c r="H857">
        <f t="shared" si="54"/>
        <v>-1.4165575225864506E-2</v>
      </c>
      <c r="I857">
        <f t="shared" si="55"/>
        <v>3.7958672198882035E-2</v>
      </c>
    </row>
    <row r="858" spans="1:9" x14ac:dyDescent="0.4">
      <c r="A858">
        <v>28.533333333333335</v>
      </c>
      <c r="B858">
        <v>-3.7531250416261233</v>
      </c>
      <c r="C858">
        <v>3.2739803607250497</v>
      </c>
      <c r="D858">
        <v>5.3015490591641781</v>
      </c>
      <c r="E858">
        <v>2.9376049063450687</v>
      </c>
      <c r="F858">
        <f t="shared" si="52"/>
        <v>1.4298271083857699</v>
      </c>
      <c r="G858">
        <f t="shared" si="53"/>
        <v>3.0814369444647358</v>
      </c>
      <c r="H858">
        <f t="shared" si="54"/>
        <v>-1.5391333675406873E-2</v>
      </c>
      <c r="I858">
        <f t="shared" si="55"/>
        <v>3.1351963570212617E-2</v>
      </c>
    </row>
    <row r="859" spans="1:9" x14ac:dyDescent="0.4">
      <c r="A859">
        <v>28.566666666666666</v>
      </c>
      <c r="B859">
        <v>-3.755222705833368</v>
      </c>
      <c r="C859">
        <v>3.2797584112827547</v>
      </c>
      <c r="D859">
        <v>5.3039956731877052</v>
      </c>
      <c r="E859">
        <v>2.9376717725142876</v>
      </c>
      <c r="F859">
        <f t="shared" si="52"/>
        <v>1.4303306174912538</v>
      </c>
      <c r="G859">
        <f t="shared" si="53"/>
        <v>3.0839458773185986</v>
      </c>
      <c r="H859">
        <f t="shared" si="54"/>
        <v>2.4816742929529619E-3</v>
      </c>
      <c r="I859">
        <f t="shared" si="55"/>
        <v>4.3971571413288939E-2</v>
      </c>
    </row>
    <row r="860" spans="1:9" x14ac:dyDescent="0.4">
      <c r="A860">
        <v>28.6</v>
      </c>
      <c r="B860">
        <v>-3.7555073625800532</v>
      </c>
      <c r="C860">
        <v>3.2781908867958025</v>
      </c>
      <c r="D860">
        <v>5.3022188699560564</v>
      </c>
      <c r="E860">
        <v>2.9394945887400286</v>
      </c>
      <c r="F860">
        <f t="shared" si="52"/>
        <v>1.4291918467536853</v>
      </c>
      <c r="G860">
        <f t="shared" si="53"/>
        <v>3.0843190050837901</v>
      </c>
      <c r="H860">
        <f t="shared" si="54"/>
        <v>-6.6705910740431484E-3</v>
      </c>
      <c r="I860">
        <f t="shared" si="55"/>
        <v>4.8718562978690705E-2</v>
      </c>
    </row>
    <row r="861" spans="1:9" x14ac:dyDescent="0.4">
      <c r="A861">
        <v>28.633333333333333</v>
      </c>
      <c r="B861">
        <v>-3.7535238013113941</v>
      </c>
      <c r="C861">
        <v>3.2856090107226676</v>
      </c>
      <c r="D861">
        <v>5.3046750516960746</v>
      </c>
      <c r="E861">
        <v>2.9401815394040938</v>
      </c>
      <c r="F861">
        <f t="shared" si="52"/>
        <v>1.431445938939405</v>
      </c>
      <c r="G861">
        <f t="shared" si="53"/>
        <v>3.0878841632886216</v>
      </c>
      <c r="H861">
        <f t="shared" si="54"/>
        <v>-2.9459232667886855E-2</v>
      </c>
      <c r="I861">
        <f t="shared" si="55"/>
        <v>5.1668358831268399E-2</v>
      </c>
    </row>
    <row r="862" spans="1:9" x14ac:dyDescent="0.4">
      <c r="A862">
        <v>28.666666666666668</v>
      </c>
      <c r="B862">
        <v>-3.7557519296717143</v>
      </c>
      <c r="C862">
        <v>3.28455822704171</v>
      </c>
      <c r="D862">
        <v>5.3005948679549331</v>
      </c>
      <c r="E862">
        <v>2.9404483205706908</v>
      </c>
      <c r="F862">
        <f t="shared" si="52"/>
        <v>1.4281576824826872</v>
      </c>
      <c r="G862">
        <f t="shared" si="53"/>
        <v>3.0875875619761728</v>
      </c>
      <c r="H862">
        <f t="shared" si="54"/>
        <v>-3.9950557161150833E-2</v>
      </c>
      <c r="I862">
        <f t="shared" si="55"/>
        <v>6.4175403489721769E-2</v>
      </c>
    </row>
    <row r="863" spans="1:9" x14ac:dyDescent="0.4">
      <c r="A863">
        <v>28.7</v>
      </c>
      <c r="B863">
        <v>-3.755504403790308</v>
      </c>
      <c r="C863">
        <v>3.2904675871247289</v>
      </c>
      <c r="D863">
        <v>5.2965318525038185</v>
      </c>
      <c r="E863">
        <v>2.9418609967040052</v>
      </c>
      <c r="F863">
        <f t="shared" si="52"/>
        <v>1.4259378275154384</v>
      </c>
      <c r="G863">
        <f t="shared" si="53"/>
        <v>3.090922992010952</v>
      </c>
      <c r="H863">
        <f t="shared" si="54"/>
        <v>-5.0897422253531728E-2</v>
      </c>
      <c r="I863">
        <f t="shared" si="55"/>
        <v>6.0677966545711635E-2</v>
      </c>
    </row>
    <row r="864" spans="1:9" x14ac:dyDescent="0.4">
      <c r="A864">
        <v>28.733333333333334</v>
      </c>
      <c r="B864">
        <v>-3.75661601159806</v>
      </c>
      <c r="C864">
        <v>3.2918006331011349</v>
      </c>
      <c r="D864">
        <v>5.2962260649597166</v>
      </c>
      <c r="E864">
        <v>2.9453593811830121</v>
      </c>
      <c r="F864">
        <f t="shared" si="52"/>
        <v>1.4252874762721435</v>
      </c>
      <c r="G864">
        <f t="shared" si="53"/>
        <v>3.0934954913042452</v>
      </c>
      <c r="H864">
        <f t="shared" si="54"/>
        <v>-3.20669325174643E-2</v>
      </c>
      <c r="I864">
        <f t="shared" si="55"/>
        <v>6.7753085474954566E-2</v>
      </c>
    </row>
    <row r="865" spans="1:9" x14ac:dyDescent="0.4">
      <c r="A865">
        <v>28.766666666666666</v>
      </c>
      <c r="B865">
        <v>-3.7574237756610174</v>
      </c>
      <c r="C865">
        <v>3.294353971122328</v>
      </c>
      <c r="D865">
        <v>5.2952757904475636</v>
      </c>
      <c r="E865">
        <v>2.9461558616286956</v>
      </c>
      <c r="F865">
        <f t="shared" si="52"/>
        <v>1.4243981383357549</v>
      </c>
      <c r="G865">
        <f t="shared" si="53"/>
        <v>3.0950431930488707</v>
      </c>
      <c r="H865">
        <f t="shared" si="54"/>
        <v>-4.1329262282279351E-2</v>
      </c>
      <c r="I865">
        <f t="shared" si="55"/>
        <v>6.5712444165579614E-2</v>
      </c>
    </row>
    <row r="866" spans="1:9" x14ac:dyDescent="0.4">
      <c r="A866">
        <v>28.8</v>
      </c>
      <c r="B866">
        <v>-3.7581366353380155</v>
      </c>
      <c r="C866">
        <v>3.2952805719557503</v>
      </c>
      <c r="D866">
        <v>5.2943843157797144</v>
      </c>
      <c r="E866">
        <v>2.9485671570658591</v>
      </c>
      <c r="F866">
        <f t="shared" si="52"/>
        <v>1.4235830383196182</v>
      </c>
      <c r="G866">
        <f t="shared" si="53"/>
        <v>3.0968196423697059</v>
      </c>
      <c r="H866">
        <f t="shared" si="54"/>
        <v>-5.5688066970529443E-2</v>
      </c>
      <c r="I866">
        <f t="shared" si="55"/>
        <v>8.8640669696587848E-2</v>
      </c>
    </row>
    <row r="867" spans="1:9" x14ac:dyDescent="0.4">
      <c r="A867">
        <v>28.833333333333332</v>
      </c>
      <c r="B867">
        <v>-3.7614413482771427</v>
      </c>
      <c r="C867">
        <v>3.2994359108097098</v>
      </c>
      <c r="D867">
        <v>5.2904218719690475</v>
      </c>
      <c r="E867">
        <v>2.9513912898005574</v>
      </c>
      <c r="F867">
        <f t="shared" si="52"/>
        <v>1.4199018361113211</v>
      </c>
      <c r="G867">
        <f t="shared" si="53"/>
        <v>3.1002129905058182</v>
      </c>
      <c r="H867">
        <f t="shared" si="54"/>
        <v>-5.8683226605542947E-2</v>
      </c>
      <c r="I867">
        <f t="shared" si="55"/>
        <v>0.10802997496441372</v>
      </c>
    </row>
    <row r="868" spans="1:9" x14ac:dyDescent="0.4">
      <c r="A868">
        <v>28.866666666666667</v>
      </c>
      <c r="B868">
        <v>-3.7643443506496959</v>
      </c>
      <c r="C868">
        <v>3.3080695365952129</v>
      </c>
      <c r="D868">
        <v>5.2897121529953974</v>
      </c>
      <c r="E868">
        <v>2.9544998558871751</v>
      </c>
      <c r="F868">
        <f t="shared" si="52"/>
        <v>1.4182542828892721</v>
      </c>
      <c r="G868">
        <f t="shared" si="53"/>
        <v>3.1056840375252026</v>
      </c>
      <c r="H868">
        <f t="shared" si="54"/>
        <v>-4.9925151519185862E-2</v>
      </c>
      <c r="I868">
        <f t="shared" si="55"/>
        <v>0.11982779912909533</v>
      </c>
    </row>
    <row r="869" spans="1:9" x14ac:dyDescent="0.4">
      <c r="A869">
        <v>28.9</v>
      </c>
      <c r="B869">
        <v>-3.766748783274497</v>
      </c>
      <c r="C869">
        <v>3.3096680429785401</v>
      </c>
      <c r="D869">
        <v>5.2898096636851637</v>
      </c>
      <c r="E869">
        <v>2.9584279094469941</v>
      </c>
      <c r="F869">
        <f t="shared" si="52"/>
        <v>1.4172819782833375</v>
      </c>
      <c r="G869">
        <f t="shared" si="53"/>
        <v>3.1086159912985245</v>
      </c>
      <c r="H869">
        <f t="shared" si="54"/>
        <v>-3.4327596262362266E-2</v>
      </c>
      <c r="I869">
        <f t="shared" si="55"/>
        <v>0.10691637050120679</v>
      </c>
    </row>
    <row r="870" spans="1:9" x14ac:dyDescent="0.4">
      <c r="A870">
        <v>28.933333333333334</v>
      </c>
      <c r="B870">
        <v>-3.7673353079541214</v>
      </c>
      <c r="C870">
        <v>3.317226717337932</v>
      </c>
      <c r="D870">
        <v>5.289007654017067</v>
      </c>
      <c r="E870">
        <v>2.9597231585582136</v>
      </c>
      <c r="F870">
        <f t="shared" si="52"/>
        <v>1.4165721086470791</v>
      </c>
      <c r="G870">
        <f t="shared" si="53"/>
        <v>3.1125894418282019</v>
      </c>
      <c r="H870">
        <f t="shared" si="54"/>
        <v>-3.3221111853418576E-2</v>
      </c>
      <c r="I870">
        <f t="shared" si="55"/>
        <v>8.0440124543084843E-2</v>
      </c>
    </row>
    <row r="871" spans="1:9" x14ac:dyDescent="0.4">
      <c r="A871">
        <v>28.966666666666665</v>
      </c>
      <c r="B871">
        <v>-3.7680923691053954</v>
      </c>
      <c r="C871">
        <v>3.3199023330017559</v>
      </c>
      <c r="D871">
        <v>5.286864531320612</v>
      </c>
      <c r="E871">
        <v>2.9612014182523017</v>
      </c>
      <c r="F871">
        <f t="shared" si="52"/>
        <v>1.4150216571886907</v>
      </c>
      <c r="G871">
        <f t="shared" si="53"/>
        <v>3.114579683437853</v>
      </c>
      <c r="H871">
        <f t="shared" si="54"/>
        <v>-3.68497783395456E-2</v>
      </c>
      <c r="I871">
        <f t="shared" si="55"/>
        <v>6.298577277973666E-2</v>
      </c>
    </row>
    <row r="872" spans="1:9" x14ac:dyDescent="0.4">
      <c r="A872">
        <v>29</v>
      </c>
      <c r="B872">
        <v>-3.7689733278752784</v>
      </c>
      <c r="C872">
        <v>3.3225354439406654</v>
      </c>
      <c r="D872">
        <v>5.285471511489277</v>
      </c>
      <c r="E872">
        <v>2.9619059767419014</v>
      </c>
      <c r="F872">
        <f t="shared" si="52"/>
        <v>1.4138475914610258</v>
      </c>
      <c r="G872">
        <f t="shared" si="53"/>
        <v>3.1161088788793858</v>
      </c>
      <c r="H872">
        <f t="shared" si="54"/>
        <v>-3.9726029021618738E-2</v>
      </c>
      <c r="I872">
        <f t="shared" si="55"/>
        <v>4.3576710757404435E-2</v>
      </c>
    </row>
    <row r="873" spans="1:9" x14ac:dyDescent="0.4">
      <c r="A873">
        <v>29.033333333333335</v>
      </c>
      <c r="B873">
        <v>-3.7690441838571194</v>
      </c>
      <c r="C873">
        <v>3.3230464941901166</v>
      </c>
      <c r="D873">
        <v>5.2831747393844788</v>
      </c>
      <c r="E873">
        <v>2.9636992848739871</v>
      </c>
      <c r="F873">
        <f t="shared" si="52"/>
        <v>1.4125026071531064</v>
      </c>
      <c r="G873">
        <f t="shared" si="53"/>
        <v>3.1173539015695555</v>
      </c>
      <c r="H873">
        <f t="shared" si="54"/>
        <v>-3.8720584088764526E-2</v>
      </c>
      <c r="I873">
        <f t="shared" si="55"/>
        <v>5.203595802567839E-2</v>
      </c>
    </row>
    <row r="874" spans="1:9" x14ac:dyDescent="0.4">
      <c r="A874">
        <v>29.066666666666666</v>
      </c>
      <c r="B874">
        <v>-3.7708207439174561</v>
      </c>
      <c r="C874">
        <v>3.3246328204034308</v>
      </c>
      <c r="D874">
        <v>5.2822447489161659</v>
      </c>
      <c r="E874">
        <v>2.9644555889049049</v>
      </c>
      <c r="F874">
        <f t="shared" si="52"/>
        <v>1.4112106288279347</v>
      </c>
      <c r="G874">
        <f t="shared" si="53"/>
        <v>3.1184651178885847</v>
      </c>
      <c r="H874">
        <f t="shared" si="54"/>
        <v>-2.6634337993306074E-2</v>
      </c>
      <c r="I874">
        <f t="shared" si="55"/>
        <v>5.7473016616067359E-2</v>
      </c>
    </row>
    <row r="875" spans="1:9" x14ac:dyDescent="0.4">
      <c r="A875">
        <v>29.1</v>
      </c>
      <c r="B875">
        <v>-3.7726104834364387</v>
      </c>
      <c r="C875">
        <v>3.3300626617521516</v>
      </c>
      <c r="D875">
        <v>5.281268799438025</v>
      </c>
      <c r="E875">
        <v>2.9667045851861236</v>
      </c>
      <c r="F875">
        <f t="shared" si="52"/>
        <v>1.4098867078237753</v>
      </c>
      <c r="G875">
        <f t="shared" si="53"/>
        <v>3.1220742236042001</v>
      </c>
      <c r="H875">
        <f t="shared" si="54"/>
        <v>-3.003407834671085E-2</v>
      </c>
      <c r="I875">
        <f t="shared" si="55"/>
        <v>7.0520483957901905E-2</v>
      </c>
    </row>
    <row r="876" spans="1:9" x14ac:dyDescent="0.4">
      <c r="A876">
        <v>29.133333333333333</v>
      </c>
      <c r="B876">
        <v>-3.772610982893827</v>
      </c>
      <c r="C876">
        <v>3.3333205106475838</v>
      </c>
      <c r="D876">
        <v>5.2827188019808959</v>
      </c>
      <c r="E876">
        <v>2.9664605182742894</v>
      </c>
      <c r="F876">
        <f t="shared" si="52"/>
        <v>1.4107164847934737</v>
      </c>
      <c r="G876">
        <f t="shared" si="53"/>
        <v>3.1233275539647414</v>
      </c>
      <c r="H876">
        <f t="shared" si="54"/>
        <v>-2.2717994028750861E-2</v>
      </c>
      <c r="I876">
        <f t="shared" si="55"/>
        <v>8.8552807089308572E-2</v>
      </c>
    </row>
    <row r="877" spans="1:9" x14ac:dyDescent="0.4">
      <c r="A877">
        <v>29.166666666666668</v>
      </c>
      <c r="B877">
        <v>-3.7746287387822446</v>
      </c>
      <c r="C877">
        <v>3.3374386839967287</v>
      </c>
      <c r="D877">
        <v>5.2790331232838144</v>
      </c>
      <c r="E877">
        <v>2.9692341399625644</v>
      </c>
      <c r="F877">
        <f t="shared" si="52"/>
        <v>1.4077439994458851</v>
      </c>
      <c r="G877">
        <f t="shared" si="53"/>
        <v>3.1266760975244607</v>
      </c>
      <c r="H877">
        <f t="shared" si="54"/>
        <v>-2.0456582838518002E-2</v>
      </c>
      <c r="I877">
        <f t="shared" si="55"/>
        <v>9.5687455754489531E-2</v>
      </c>
    </row>
    <row r="878" spans="1:9" x14ac:dyDescent="0.4">
      <c r="A878">
        <v>29.2</v>
      </c>
      <c r="B878">
        <v>-3.7745246698288688</v>
      </c>
      <c r="C878">
        <v>3.3422430795183975</v>
      </c>
      <c r="D878">
        <v>5.2802685255631694</v>
      </c>
      <c r="E878">
        <v>2.973064557780384</v>
      </c>
      <c r="F878">
        <f t="shared" si="52"/>
        <v>1.4084956506787547</v>
      </c>
      <c r="G878">
        <f t="shared" si="53"/>
        <v>3.1309229821100057</v>
      </c>
      <c r="H878">
        <f t="shared" si="54"/>
        <v>-2.8071468270446178E-2</v>
      </c>
      <c r="I878">
        <f t="shared" si="55"/>
        <v>9.562354802835181E-2</v>
      </c>
    </row>
    <row r="879" spans="1:9" x14ac:dyDescent="0.4">
      <c r="A879">
        <v>29.233333333333334</v>
      </c>
      <c r="B879">
        <v>-3.7758182558043005</v>
      </c>
      <c r="C879">
        <v>3.3464313925652887</v>
      </c>
      <c r="D879">
        <v>5.279648638900178</v>
      </c>
      <c r="E879">
        <v>2.9757034881724067</v>
      </c>
      <c r="F879">
        <f t="shared" si="52"/>
        <v>1.4075876944080485</v>
      </c>
      <c r="G879">
        <f t="shared" si="53"/>
        <v>3.1342244188239827</v>
      </c>
      <c r="H879">
        <f t="shared" si="54"/>
        <v>-3.2855091819379165E-2</v>
      </c>
      <c r="I879">
        <f t="shared" si="55"/>
        <v>7.2184754656094197E-2</v>
      </c>
    </row>
    <row r="880" spans="1:9" x14ac:dyDescent="0.4">
      <c r="A880">
        <v>29.266666666666666</v>
      </c>
      <c r="B880">
        <v>-3.7797582768983871</v>
      </c>
      <c r="C880">
        <v>3.3478856866284192</v>
      </c>
      <c r="D880">
        <v>5.2800209150675181</v>
      </c>
      <c r="E880">
        <v>2.9768292366201279</v>
      </c>
      <c r="F880">
        <f t="shared" si="52"/>
        <v>1.4061160592673176</v>
      </c>
      <c r="G880">
        <f t="shared" si="53"/>
        <v>3.1354906513197056</v>
      </c>
      <c r="H880">
        <f t="shared" si="54"/>
        <v>-4.5433698299440106E-2</v>
      </c>
      <c r="I880">
        <f t="shared" si="55"/>
        <v>5.5568855284093173E-2</v>
      </c>
    </row>
    <row r="881" spans="1:9" x14ac:dyDescent="0.4">
      <c r="A881">
        <v>29.3</v>
      </c>
      <c r="B881">
        <v>-3.7840329396804147</v>
      </c>
      <c r="C881">
        <v>3.350564082250008</v>
      </c>
      <c r="D881">
        <v>5.2785703828704085</v>
      </c>
      <c r="E881">
        <v>2.976457365854337</v>
      </c>
      <c r="F881">
        <f t="shared" si="52"/>
        <v>1.4034579465150405</v>
      </c>
      <c r="G881">
        <f t="shared" si="53"/>
        <v>3.1364230553622932</v>
      </c>
      <c r="H881">
        <f t="shared" si="54"/>
        <v>-4.7155877524537121E-2</v>
      </c>
      <c r="I881">
        <f t="shared" si="55"/>
        <v>4.9519697618442354E-2</v>
      </c>
    </row>
    <row r="882" spans="1:9" x14ac:dyDescent="0.4">
      <c r="A882">
        <v>29.333333333333332</v>
      </c>
      <c r="B882">
        <v>-3.7845687456405948</v>
      </c>
      <c r="C882">
        <v>3.3566967354842552</v>
      </c>
      <c r="D882">
        <v>5.2781500561160861</v>
      </c>
      <c r="E882">
        <v>2.9765268973004604</v>
      </c>
      <c r="F882">
        <f t="shared" si="52"/>
        <v>1.4029882415753521</v>
      </c>
      <c r="G882">
        <f t="shared" si="53"/>
        <v>3.1390851397215327</v>
      </c>
      <c r="H882">
        <f t="shared" si="54"/>
        <v>-4.4844265252538089E-2</v>
      </c>
      <c r="I882">
        <f t="shared" si="55"/>
        <v>4.5323046278119068E-2</v>
      </c>
    </row>
    <row r="883" spans="1:9" x14ac:dyDescent="0.4">
      <c r="A883">
        <v>29.366666666666667</v>
      </c>
      <c r="B883">
        <v>-3.7845726752931927</v>
      </c>
      <c r="C883">
        <v>3.3585185968790805</v>
      </c>
      <c r="D883">
        <v>5.275190146238165</v>
      </c>
      <c r="E883">
        <v>2.9779529846233226</v>
      </c>
      <c r="F883">
        <f t="shared" si="52"/>
        <v>1.4012922903332752</v>
      </c>
      <c r="G883">
        <f t="shared" si="53"/>
        <v>3.1406804575594762</v>
      </c>
      <c r="H883">
        <f t="shared" si="54"/>
        <v>-2.6342242415096306E-2</v>
      </c>
      <c r="I883">
        <f t="shared" si="55"/>
        <v>2.5373411472775827E-2</v>
      </c>
    </row>
    <row r="884" spans="1:9" x14ac:dyDescent="0.4">
      <c r="A884">
        <v>29.4</v>
      </c>
      <c r="B884">
        <v>-3.7836655619493267</v>
      </c>
      <c r="C884">
        <v>3.3585612351309129</v>
      </c>
      <c r="D884">
        <v>5.2717741752716867</v>
      </c>
      <c r="E884">
        <v>2.9783322639449006</v>
      </c>
      <c r="F884">
        <f t="shared" si="52"/>
        <v>1.399724843149444</v>
      </c>
      <c r="G884">
        <f t="shared" si="53"/>
        <v>3.1409157912674672</v>
      </c>
      <c r="H884">
        <f t="shared" si="54"/>
        <v>-2.560149058634421E-2</v>
      </c>
      <c r="I884">
        <f t="shared" si="55"/>
        <v>7.4228512880902976E-3</v>
      </c>
    </row>
    <row r="885" spans="1:9" x14ac:dyDescent="0.4">
      <c r="A885">
        <v>29.433333333333334</v>
      </c>
      <c r="B885">
        <v>-3.7806925424716118</v>
      </c>
      <c r="C885">
        <v>3.355277533359502</v>
      </c>
      <c r="D885">
        <v>5.2712556350480648</v>
      </c>
      <c r="E885">
        <v>2.9787252200778593</v>
      </c>
      <c r="F885">
        <f t="shared" si="52"/>
        <v>1.4006992719921452</v>
      </c>
      <c r="G885">
        <f t="shared" si="53"/>
        <v>3.1397366315014552</v>
      </c>
      <c r="H885">
        <f t="shared" si="54"/>
        <v>-2.1648251322465794E-2</v>
      </c>
      <c r="I885">
        <f t="shared" si="55"/>
        <v>1.8135550935287795E-2</v>
      </c>
    </row>
    <row r="886" spans="1:9" x14ac:dyDescent="0.4">
      <c r="A886">
        <v>29.466666666666665</v>
      </c>
      <c r="B886">
        <v>-3.7844430734866523</v>
      </c>
      <c r="C886">
        <v>3.3583416052511259</v>
      </c>
      <c r="D886">
        <v>5.2711198350566058</v>
      </c>
      <c r="E886">
        <v>2.9782838992151066</v>
      </c>
      <c r="F886">
        <f t="shared" si="52"/>
        <v>1.399017835648193</v>
      </c>
      <c r="G886">
        <f t="shared" si="53"/>
        <v>3.1407941946318916</v>
      </c>
      <c r="H886">
        <f t="shared" si="54"/>
        <v>-1.2356614307179858E-2</v>
      </c>
      <c r="I886">
        <f t="shared" si="55"/>
        <v>4.1703274370146481E-2</v>
      </c>
    </row>
    <row r="887" spans="1:9" x14ac:dyDescent="0.4">
      <c r="A887">
        <v>29.5</v>
      </c>
      <c r="B887">
        <v>-3.7860759519348157</v>
      </c>
      <c r="C887">
        <v>3.3618583372144779</v>
      </c>
      <c r="D887">
        <v>5.2706273966085639</v>
      </c>
      <c r="E887">
        <v>2.9808448783638122</v>
      </c>
      <c r="F887">
        <f t="shared" si="52"/>
        <v>1.398037752196823</v>
      </c>
      <c r="G887">
        <f t="shared" si="53"/>
        <v>3.143763847699812</v>
      </c>
      <c r="H887">
        <f t="shared" si="54"/>
        <v>-2.3714460685660549E-2</v>
      </c>
      <c r="I887">
        <f t="shared" si="55"/>
        <v>6.1653952678978712E-2</v>
      </c>
    </row>
    <row r="888" spans="1:9" x14ac:dyDescent="0.4">
      <c r="A888">
        <v>29.533333333333335</v>
      </c>
      <c r="B888">
        <v>-3.7843581945298248</v>
      </c>
      <c r="C888">
        <v>3.365314339999113</v>
      </c>
      <c r="D888">
        <v>5.2710185747571598</v>
      </c>
      <c r="E888">
        <v>2.9819125047800368</v>
      </c>
      <c r="F888">
        <f t="shared" si="52"/>
        <v>1.3989961673292417</v>
      </c>
      <c r="G888">
        <f t="shared" si="53"/>
        <v>3.1458527288966467</v>
      </c>
      <c r="H888">
        <f t="shared" si="54"/>
        <v>-1.2143258754190357E-2</v>
      </c>
      <c r="I888">
        <f t="shared" si="55"/>
        <v>7.4964364502151257E-2</v>
      </c>
    </row>
    <row r="889" spans="1:9" x14ac:dyDescent="0.4">
      <c r="A889">
        <v>29.566666666666666</v>
      </c>
      <c r="B889">
        <v>-3.7890981032777207</v>
      </c>
      <c r="C889">
        <v>3.3679559244078723</v>
      </c>
      <c r="D889">
        <v>5.270648704607348</v>
      </c>
      <c r="E889">
        <v>2.9827873542232015</v>
      </c>
      <c r="F889">
        <f t="shared" si="52"/>
        <v>1.396757696037344</v>
      </c>
      <c r="G889">
        <f t="shared" si="53"/>
        <v>3.1474830231489075</v>
      </c>
      <c r="H889">
        <f t="shared" si="54"/>
        <v>-2.440929728334092E-2</v>
      </c>
      <c r="I889">
        <f t="shared" si="55"/>
        <v>6.5248155442179073E-2</v>
      </c>
    </row>
    <row r="890" spans="1:9" x14ac:dyDescent="0.4">
      <c r="A890">
        <v>29.6</v>
      </c>
      <c r="B890">
        <v>-3.7855599987810344</v>
      </c>
      <c r="C890">
        <v>3.3738847930333167</v>
      </c>
      <c r="D890">
        <v>5.2695365922130959</v>
      </c>
      <c r="E890">
        <v>2.9852515086229805</v>
      </c>
      <c r="F890">
        <f t="shared" si="52"/>
        <v>1.3976339872689008</v>
      </c>
      <c r="G890">
        <f t="shared" si="53"/>
        <v>3.1514286676577026</v>
      </c>
      <c r="H890">
        <f t="shared" si="54"/>
        <v>-3.6168613257580154E-2</v>
      </c>
      <c r="I890">
        <f t="shared" si="55"/>
        <v>6.8507773830843291E-2</v>
      </c>
    </row>
    <row r="891" spans="1:9" x14ac:dyDescent="0.4">
      <c r="A891">
        <v>29.633333333333333</v>
      </c>
      <c r="B891">
        <v>-3.7921703130129711</v>
      </c>
      <c r="C891">
        <v>3.3720691122563404</v>
      </c>
      <c r="D891">
        <v>5.2692626045045978</v>
      </c>
      <c r="E891">
        <v>2.9873449115916562</v>
      </c>
      <c r="F891">
        <f t="shared" si="52"/>
        <v>1.3946506260131033</v>
      </c>
      <c r="G891">
        <f t="shared" si="53"/>
        <v>3.1518505708929805</v>
      </c>
      <c r="H891">
        <f t="shared" si="54"/>
        <v>-8.9159312764744824E-3</v>
      </c>
      <c r="I891">
        <f t="shared" si="55"/>
        <v>7.7631286135324939E-2</v>
      </c>
    </row>
    <row r="892" spans="1:9" x14ac:dyDescent="0.4">
      <c r="A892">
        <v>29.666666666666668</v>
      </c>
      <c r="B892">
        <v>-3.7937407593894834</v>
      </c>
      <c r="C892">
        <v>3.3797700126847396</v>
      </c>
      <c r="D892">
        <v>5.2693368300310643</v>
      </c>
      <c r="E892">
        <v>2.987246187360296</v>
      </c>
      <c r="F892">
        <f t="shared" si="52"/>
        <v>1.3940216001317653</v>
      </c>
      <c r="G892">
        <f t="shared" si="53"/>
        <v>3.1550869173297507</v>
      </c>
      <c r="H892">
        <f t="shared" si="54"/>
        <v>-7.5971723158364179E-3</v>
      </c>
      <c r="I892">
        <f t="shared" si="55"/>
        <v>8.8497399722662004E-2</v>
      </c>
    </row>
    <row r="893" spans="1:9" x14ac:dyDescent="0.4">
      <c r="A893">
        <v>29.7</v>
      </c>
      <c r="B893">
        <v>-3.7858513097030184</v>
      </c>
      <c r="C893">
        <v>3.3795853231798296</v>
      </c>
      <c r="D893">
        <v>5.268782715968281</v>
      </c>
      <c r="E893">
        <v>2.9935083493772274</v>
      </c>
      <c r="F893">
        <f t="shared" si="52"/>
        <v>1.3970779010598326</v>
      </c>
      <c r="G893">
        <f t="shared" si="53"/>
        <v>3.1585924460021042</v>
      </c>
      <c r="H893">
        <f t="shared" si="54"/>
        <v>-6.9063113830908039E-3</v>
      </c>
      <c r="I893">
        <f t="shared" si="55"/>
        <v>9.4004419022660601E-2</v>
      </c>
    </row>
    <row r="894" spans="1:9" x14ac:dyDescent="0.4">
      <c r="A894">
        <v>29.733333333333334</v>
      </c>
      <c r="B894">
        <v>-3.7841566850304096</v>
      </c>
      <c r="C894">
        <v>3.3852759521303217</v>
      </c>
      <c r="D894">
        <v>5.2641560062722199</v>
      </c>
      <c r="E894">
        <v>2.9966207776185505</v>
      </c>
      <c r="F894">
        <f t="shared" si="52"/>
        <v>1.3951541543595634</v>
      </c>
      <c r="G894">
        <f t="shared" si="53"/>
        <v>3.1628072967235843</v>
      </c>
      <c r="H894">
        <f t="shared" si="54"/>
        <v>-3.1517815057997105E-2</v>
      </c>
      <c r="I894">
        <f t="shared" si="55"/>
        <v>9.0260406216448721E-2</v>
      </c>
    </row>
    <row r="895" spans="1:9" x14ac:dyDescent="0.4">
      <c r="A895">
        <v>29.766666666666666</v>
      </c>
      <c r="B895">
        <v>-3.7867394472698557</v>
      </c>
      <c r="C895">
        <v>3.3863881825394193</v>
      </c>
      <c r="D895">
        <v>5.2622054958202282</v>
      </c>
      <c r="E895">
        <v>2.9972757405520172</v>
      </c>
      <c r="F895">
        <f t="shared" si="52"/>
        <v>1.3929332970020225</v>
      </c>
      <c r="G895">
        <f t="shared" si="53"/>
        <v>3.163657784366507</v>
      </c>
      <c r="H895">
        <f t="shared" si="54"/>
        <v>-6.1417581014762135E-2</v>
      </c>
      <c r="I895">
        <f t="shared" si="55"/>
        <v>7.9506839314774952E-2</v>
      </c>
    </row>
    <row r="896" spans="1:9" x14ac:dyDescent="0.4">
      <c r="A896">
        <v>29.8</v>
      </c>
      <c r="B896">
        <v>-3.787872958220976</v>
      </c>
      <c r="C896">
        <v>3.3900898314892873</v>
      </c>
      <c r="D896">
        <v>5.2593968580732211</v>
      </c>
      <c r="E896">
        <v>3.0013935552277395</v>
      </c>
      <c r="F896">
        <f t="shared" si="52"/>
        <v>1.3908409329843376</v>
      </c>
      <c r="G896">
        <f t="shared" si="53"/>
        <v>3.167597649183624</v>
      </c>
      <c r="H896">
        <f t="shared" si="54"/>
        <v>-5.6523329335038376E-2</v>
      </c>
      <c r="I896">
        <f t="shared" si="55"/>
        <v>6.7258466979795886E-2</v>
      </c>
    </row>
    <row r="897" spans="1:9" x14ac:dyDescent="0.4">
      <c r="A897">
        <v>29.833333333333332</v>
      </c>
      <c r="B897">
        <v>-3.7897869710446868</v>
      </c>
      <c r="C897">
        <v>3.3920888201512165</v>
      </c>
      <c r="D897">
        <v>5.2576074561931208</v>
      </c>
      <c r="E897">
        <v>3.0031335876243817</v>
      </c>
      <c r="F897">
        <f t="shared" si="52"/>
        <v>1.3889982482449852</v>
      </c>
      <c r="G897">
        <f t="shared" si="53"/>
        <v>3.1694484096578801</v>
      </c>
      <c r="H897">
        <f t="shared" si="54"/>
        <v>-4.8393498828105369E-2</v>
      </c>
      <c r="I897">
        <f t="shared" si="55"/>
        <v>6.9989409498265043E-2</v>
      </c>
    </row>
    <row r="898" spans="1:9" x14ac:dyDescent="0.4">
      <c r="A898">
        <v>29.866666666666667</v>
      </c>
      <c r="B898">
        <v>-3.7923381140607026</v>
      </c>
      <c r="C898">
        <v>3.3926103387131339</v>
      </c>
      <c r="D898">
        <v>5.2572470974234635</v>
      </c>
      <c r="E898">
        <v>3.005667314005207</v>
      </c>
      <c r="F898">
        <f t="shared" si="52"/>
        <v>1.387701123848909</v>
      </c>
      <c r="G898">
        <f t="shared" si="53"/>
        <v>3.1711217285745303</v>
      </c>
      <c r="H898">
        <f t="shared" si="54"/>
        <v>-4.3645194314506107E-2</v>
      </c>
      <c r="I898">
        <f t="shared" si="55"/>
        <v>5.4396401528498679E-2</v>
      </c>
    </row>
    <row r="899" spans="1:9" x14ac:dyDescent="0.4">
      <c r="A899">
        <v>29.9</v>
      </c>
      <c r="B899">
        <v>-3.7958210937085433</v>
      </c>
      <c r="C899">
        <v>3.3958715956508843</v>
      </c>
      <c r="D899">
        <v>5.2576415635347153</v>
      </c>
      <c r="E899">
        <v>3.0074919352635958</v>
      </c>
      <c r="F899">
        <f t="shared" ref="F899:F902" si="56">(B899*58.73+D899*78.62)/(58.73+78.62)</f>
        <v>1.3864376184317193</v>
      </c>
      <c r="G899">
        <f t="shared" ref="G899:G902" si="57">(C899*58.73+E899*78.62)/(58.73+78.62)</f>
        <v>3.1735606462540979</v>
      </c>
      <c r="H899">
        <f t="shared" si="54"/>
        <v>-3.3919855732157597E-2</v>
      </c>
      <c r="I899">
        <f t="shared" si="55"/>
        <v>5.3658140780570851E-2</v>
      </c>
    </row>
    <row r="900" spans="1:9" x14ac:dyDescent="0.4">
      <c r="A900">
        <v>29.933333333333334</v>
      </c>
      <c r="B900">
        <v>-3.798076168431014</v>
      </c>
      <c r="C900">
        <v>3.3960909325444621</v>
      </c>
      <c r="D900">
        <v>5.256547386541957</v>
      </c>
      <c r="E900">
        <v>3.0091571240199153</v>
      </c>
      <c r="F900">
        <f t="shared" si="56"/>
        <v>1.3848470488385529</v>
      </c>
      <c r="G900">
        <f t="shared" si="57"/>
        <v>3.1746075978069315</v>
      </c>
      <c r="H900">
        <f t="shared" si="54"/>
        <v>-2.8282853783709559E-2</v>
      </c>
      <c r="I900">
        <f t="shared" si="55"/>
        <v>4.1098776038856977E-2</v>
      </c>
    </row>
    <row r="901" spans="1:9" x14ac:dyDescent="0.4">
      <c r="A901">
        <v>29.966666666666665</v>
      </c>
      <c r="B901">
        <v>-3.799871986740563</v>
      </c>
      <c r="C901">
        <v>3.3988272612073751</v>
      </c>
      <c r="D901">
        <v>5.2577577301991374</v>
      </c>
      <c r="E901">
        <v>3.0106785324213616</v>
      </c>
      <c r="F901">
        <f t="shared" si="56"/>
        <v>1.3847719764614703</v>
      </c>
      <c r="G901">
        <f t="shared" si="57"/>
        <v>3.176648498505108</v>
      </c>
    </row>
    <row r="902" spans="1:9" x14ac:dyDescent="0.4">
      <c r="A902">
        <v>30</v>
      </c>
      <c r="B902">
        <v>-3.8015492083614344</v>
      </c>
      <c r="C902">
        <v>3.4012974430620533</v>
      </c>
      <c r="D902">
        <v>5.2573477571714928</v>
      </c>
      <c r="E902">
        <v>3.0084473647523367</v>
      </c>
      <c r="F902">
        <f t="shared" si="56"/>
        <v>1.3838201358700819</v>
      </c>
      <c r="G902">
        <f t="shared" si="57"/>
        <v>3.1764275984555015</v>
      </c>
    </row>
  </sheetData>
  <phoneticPr fontId="18"/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0555F62-703C-4CFD-AAA3-A2611BF87A42}">
  <dimension ref="A1:O902"/>
  <sheetViews>
    <sheetView tabSelected="1" topLeftCell="B1" workbookViewId="0">
      <selection activeCell="M27" sqref="M27"/>
    </sheetView>
  </sheetViews>
  <sheetFormatPr defaultColWidth="8.875" defaultRowHeight="18.75" x14ac:dyDescent="0.4"/>
  <cols>
    <col min="1" max="1" width="12.625" bestFit="1" customWidth="1"/>
    <col min="2" max="2" width="12.625" customWidth="1"/>
    <col min="3" max="3" width="13.625" bestFit="1" customWidth="1"/>
    <col min="4" max="4" width="12.625" bestFit="1" customWidth="1"/>
    <col min="5" max="6" width="17.625" bestFit="1" customWidth="1"/>
    <col min="7" max="7" width="19.5" bestFit="1" customWidth="1"/>
    <col min="8" max="8" width="13.625" bestFit="1" customWidth="1"/>
    <col min="10" max="11" width="12.625" bestFit="1" customWidth="1"/>
    <col min="12" max="13" width="17.625" bestFit="1" customWidth="1"/>
    <col min="14" max="14" width="32" bestFit="1" customWidth="1"/>
    <col min="15" max="15" width="13.625" bestFit="1" customWidth="1"/>
  </cols>
  <sheetData>
    <row r="1" spans="1:15" x14ac:dyDescent="0.4">
      <c r="A1" t="s">
        <v>15</v>
      </c>
      <c r="B1" t="s">
        <v>19</v>
      </c>
      <c r="C1" t="s">
        <v>13</v>
      </c>
      <c r="D1" t="s">
        <v>14</v>
      </c>
      <c r="E1" t="s">
        <v>20</v>
      </c>
      <c r="F1" t="s">
        <v>21</v>
      </c>
      <c r="G1" t="s">
        <v>22</v>
      </c>
      <c r="H1" t="s">
        <v>23</v>
      </c>
      <c r="J1" t="s">
        <v>13</v>
      </c>
      <c r="K1" t="s">
        <v>14</v>
      </c>
      <c r="L1" t="s">
        <v>24</v>
      </c>
      <c r="M1" t="s">
        <v>25</v>
      </c>
      <c r="N1" t="s">
        <v>26</v>
      </c>
      <c r="O1" t="s">
        <v>27</v>
      </c>
    </row>
    <row r="2" spans="1:15" x14ac:dyDescent="0.4">
      <c r="A2">
        <v>0</v>
      </c>
      <c r="B2">
        <f>A2^2</f>
        <v>0</v>
      </c>
      <c r="C2">
        <v>-14.836365284506222</v>
      </c>
      <c r="D2">
        <v>1.9190442741419684</v>
      </c>
      <c r="J2">
        <v>15.053797686551855</v>
      </c>
      <c r="K2">
        <v>2.2112695443071129</v>
      </c>
    </row>
    <row r="3" spans="1:15" x14ac:dyDescent="0.4">
      <c r="A3">
        <v>3.3333333333333333E-2</v>
      </c>
      <c r="B3">
        <f t="shared" ref="B3:B66" si="0">A3^2</f>
        <v>1.1111111111111111E-3</v>
      </c>
      <c r="C3">
        <v>-14.826706865404713</v>
      </c>
      <c r="D3">
        <v>1.9181480710056582</v>
      </c>
      <c r="J3">
        <v>15.049243093919307</v>
      </c>
      <c r="K3">
        <v>2.2131668566813745</v>
      </c>
    </row>
    <row r="4" spans="1:15" x14ac:dyDescent="0.4">
      <c r="A4">
        <v>6.6666666666666666E-2</v>
      </c>
      <c r="B4">
        <f t="shared" si="0"/>
        <v>4.4444444444444444E-3</v>
      </c>
      <c r="C4">
        <v>-14.82446306657928</v>
      </c>
      <c r="D4">
        <v>1.9206080349553276</v>
      </c>
      <c r="J4">
        <v>15.04825703899602</v>
      </c>
      <c r="K4">
        <v>2.2124896721631635</v>
      </c>
    </row>
    <row r="5" spans="1:15" x14ac:dyDescent="0.4">
      <c r="A5">
        <v>0.1</v>
      </c>
      <c r="B5">
        <f t="shared" si="0"/>
        <v>1.0000000000000002E-2</v>
      </c>
      <c r="C5">
        <v>-14.822139922676632</v>
      </c>
      <c r="D5">
        <v>1.9198202183934412</v>
      </c>
      <c r="J5">
        <v>15.04340049770023</v>
      </c>
      <c r="K5">
        <v>2.2121626867529867</v>
      </c>
    </row>
    <row r="6" spans="1:15" x14ac:dyDescent="0.4">
      <c r="A6">
        <v>0.13333333333333333</v>
      </c>
      <c r="B6">
        <f t="shared" si="0"/>
        <v>1.7777777777777778E-2</v>
      </c>
      <c r="C6">
        <v>-14.815850795123326</v>
      </c>
      <c r="D6">
        <v>1.9191372389110113</v>
      </c>
      <c r="J6">
        <v>15.041550077787871</v>
      </c>
      <c r="K6">
        <v>2.21402592776619</v>
      </c>
    </row>
    <row r="7" spans="1:15" x14ac:dyDescent="0.4">
      <c r="A7">
        <v>0.16666666666666666</v>
      </c>
      <c r="B7">
        <f t="shared" si="0"/>
        <v>2.7777777777777776E-2</v>
      </c>
      <c r="C7">
        <v>-14.81222288022202</v>
      </c>
      <c r="D7">
        <v>1.9165987559517106</v>
      </c>
      <c r="J7">
        <v>15.038413179517157</v>
      </c>
      <c r="K7">
        <v>2.2104118844887806</v>
      </c>
    </row>
    <row r="8" spans="1:15" x14ac:dyDescent="0.4">
      <c r="A8">
        <v>0.2</v>
      </c>
      <c r="B8">
        <f t="shared" si="0"/>
        <v>4.0000000000000008E-2</v>
      </c>
      <c r="C8">
        <v>-14.807785284042431</v>
      </c>
      <c r="D8">
        <v>1.9131683999095299</v>
      </c>
      <c r="J8">
        <v>15.036177448846299</v>
      </c>
      <c r="K8">
        <v>2.2099320570941918</v>
      </c>
    </row>
    <row r="9" spans="1:15" x14ac:dyDescent="0.4">
      <c r="A9">
        <v>0.23333333333333334</v>
      </c>
      <c r="B9">
        <f t="shared" si="0"/>
        <v>5.4444444444444448E-2</v>
      </c>
      <c r="C9">
        <v>-14.805664774757783</v>
      </c>
      <c r="D9">
        <v>1.9104615694310882</v>
      </c>
      <c r="J9">
        <v>15.035399660959747</v>
      </c>
      <c r="K9">
        <v>2.2095364229541188</v>
      </c>
    </row>
    <row r="10" spans="1:15" x14ac:dyDescent="0.4">
      <c r="A10">
        <v>0.26666666666666666</v>
      </c>
      <c r="B10">
        <f t="shared" si="0"/>
        <v>7.1111111111111111E-2</v>
      </c>
      <c r="C10">
        <v>-14.801515686292074</v>
      </c>
      <c r="D10">
        <v>1.9085882819748186</v>
      </c>
      <c r="J10">
        <v>15.035799998663043</v>
      </c>
      <c r="K10">
        <v>2.2070226751532309</v>
      </c>
    </row>
    <row r="11" spans="1:15" x14ac:dyDescent="0.4">
      <c r="A11">
        <v>0.3</v>
      </c>
      <c r="B11">
        <f t="shared" si="0"/>
        <v>0.09</v>
      </c>
      <c r="C11">
        <v>-14.794588789287168</v>
      </c>
      <c r="D11">
        <v>1.9084541265144139</v>
      </c>
      <c r="J11">
        <v>15.030407804253839</v>
      </c>
      <c r="K11">
        <v>2.2065179017582066</v>
      </c>
    </row>
    <row r="12" spans="1:15" x14ac:dyDescent="0.4">
      <c r="A12">
        <v>0.33333333333333331</v>
      </c>
      <c r="B12">
        <f t="shared" si="0"/>
        <v>0.1111111111111111</v>
      </c>
      <c r="C12">
        <v>-14.79202631278938</v>
      </c>
      <c r="D12">
        <v>1.9063547578497857</v>
      </c>
      <c r="J12">
        <v>15.028498436477683</v>
      </c>
      <c r="K12">
        <v>2.2051048873039258</v>
      </c>
    </row>
    <row r="13" spans="1:15" x14ac:dyDescent="0.4">
      <c r="A13">
        <v>0.36666666666666664</v>
      </c>
      <c r="B13">
        <f t="shared" si="0"/>
        <v>0.13444444444444442</v>
      </c>
      <c r="C13">
        <v>-14.784945812955183</v>
      </c>
      <c r="D13">
        <v>1.9042993364944951</v>
      </c>
      <c r="J13">
        <v>15.024780805317343</v>
      </c>
      <c r="K13">
        <v>2.2004800541335299</v>
      </c>
    </row>
    <row r="14" spans="1:15" x14ac:dyDescent="0.4">
      <c r="A14">
        <v>0.4</v>
      </c>
      <c r="B14">
        <f t="shared" si="0"/>
        <v>0.16000000000000003</v>
      </c>
      <c r="C14">
        <v>-14.781852119702403</v>
      </c>
      <c r="D14">
        <v>1.9054213676621612</v>
      </c>
      <c r="J14">
        <v>15.020152879816987</v>
      </c>
      <c r="K14">
        <v>2.2043743457663227</v>
      </c>
    </row>
    <row r="15" spans="1:15" x14ac:dyDescent="0.4">
      <c r="A15">
        <v>0.43333333333333335</v>
      </c>
      <c r="B15">
        <f t="shared" si="0"/>
        <v>0.18777777777777779</v>
      </c>
      <c r="C15">
        <v>-14.773784773408487</v>
      </c>
      <c r="D15">
        <v>1.903133801191021</v>
      </c>
      <c r="J15">
        <v>15.018585072962775</v>
      </c>
      <c r="K15">
        <v>2.2048086151754989</v>
      </c>
    </row>
    <row r="16" spans="1:15" x14ac:dyDescent="0.4">
      <c r="A16">
        <v>0.46666666666666667</v>
      </c>
      <c r="B16">
        <f t="shared" si="0"/>
        <v>0.21777777777777779</v>
      </c>
      <c r="C16">
        <v>-14.767800714387525</v>
      </c>
      <c r="D16">
        <v>1.9019779184512131</v>
      </c>
      <c r="J16">
        <v>15.017126263673216</v>
      </c>
      <c r="K16">
        <v>2.2053048262628447</v>
      </c>
    </row>
    <row r="17" spans="1:15" x14ac:dyDescent="0.4">
      <c r="A17">
        <v>0.5</v>
      </c>
      <c r="B17">
        <f t="shared" si="0"/>
        <v>0.25</v>
      </c>
      <c r="C17">
        <v>-14.760531631258864</v>
      </c>
      <c r="D17">
        <v>1.9041681674668172</v>
      </c>
      <c r="J17">
        <v>15.01375901475342</v>
      </c>
      <c r="K17">
        <v>2.206059803782451</v>
      </c>
    </row>
    <row r="18" spans="1:15" x14ac:dyDescent="0.4">
      <c r="A18">
        <v>0.53333333333333333</v>
      </c>
      <c r="B18">
        <f t="shared" si="0"/>
        <v>0.28444444444444444</v>
      </c>
      <c r="C18">
        <v>-14.754232773434746</v>
      </c>
      <c r="D18">
        <v>1.9035061974153364</v>
      </c>
      <c r="J18">
        <v>15.009033004084259</v>
      </c>
      <c r="K18">
        <v>2.2050319607814592</v>
      </c>
    </row>
    <row r="19" spans="1:15" x14ac:dyDescent="0.4">
      <c r="A19">
        <v>0.56666666666666665</v>
      </c>
      <c r="B19">
        <f t="shared" si="0"/>
        <v>0.32111111111111107</v>
      </c>
      <c r="C19">
        <v>-14.749404079844254</v>
      </c>
      <c r="D19">
        <v>1.905211716946559</v>
      </c>
      <c r="J19">
        <v>15.008228582598232</v>
      </c>
      <c r="K19">
        <v>2.2035282861094649</v>
      </c>
    </row>
    <row r="20" spans="1:15" x14ac:dyDescent="0.4">
      <c r="A20">
        <v>0.6</v>
      </c>
      <c r="B20">
        <f t="shared" si="0"/>
        <v>0.36</v>
      </c>
      <c r="C20">
        <v>-14.746056322072677</v>
      </c>
      <c r="D20">
        <v>1.9073849550707913</v>
      </c>
      <c r="J20">
        <v>15.003931797147242</v>
      </c>
      <c r="K20">
        <v>2.2036254636699213</v>
      </c>
    </row>
    <row r="21" spans="1:15" x14ac:dyDescent="0.4">
      <c r="A21">
        <v>0.6333333333333333</v>
      </c>
      <c r="B21">
        <f t="shared" si="0"/>
        <v>0.40111111111111108</v>
      </c>
      <c r="C21">
        <v>-14.736675959446851</v>
      </c>
      <c r="D21">
        <v>1.9099478991320464</v>
      </c>
      <c r="J21">
        <v>15.001559649123998</v>
      </c>
      <c r="K21">
        <v>2.2037748242944954</v>
      </c>
    </row>
    <row r="22" spans="1:15" x14ac:dyDescent="0.4">
      <c r="A22">
        <v>0.66666666666666663</v>
      </c>
      <c r="B22">
        <f t="shared" si="0"/>
        <v>0.44444444444444442</v>
      </c>
      <c r="C22">
        <v>-14.732116811362316</v>
      </c>
      <c r="D22">
        <v>1.9105299284349229</v>
      </c>
      <c r="J22">
        <v>14.997673329384124</v>
      </c>
      <c r="K22">
        <v>2.2031524300462664</v>
      </c>
    </row>
    <row r="23" spans="1:15" x14ac:dyDescent="0.4">
      <c r="A23">
        <v>0.7</v>
      </c>
      <c r="B23">
        <f t="shared" si="0"/>
        <v>0.48999999999999994</v>
      </c>
      <c r="C23">
        <v>-14.72612810655705</v>
      </c>
      <c r="D23">
        <v>1.9121240950980918</v>
      </c>
      <c r="J23">
        <v>14.9932289093687</v>
      </c>
      <c r="K23">
        <v>2.2031603696294422</v>
      </c>
    </row>
    <row r="24" spans="1:15" x14ac:dyDescent="0.4">
      <c r="A24">
        <v>0.73333333333333328</v>
      </c>
      <c r="B24">
        <f t="shared" si="0"/>
        <v>0.53777777777777769</v>
      </c>
      <c r="C24">
        <v>-14.723567440429218</v>
      </c>
      <c r="D24">
        <v>1.9124926888539588</v>
      </c>
      <c r="J24">
        <v>14.988490338360684</v>
      </c>
      <c r="K24">
        <v>2.2046945468095194</v>
      </c>
    </row>
    <row r="25" spans="1:15" x14ac:dyDescent="0.4">
      <c r="A25">
        <v>0.76666666666666672</v>
      </c>
      <c r="B25">
        <f t="shared" si="0"/>
        <v>0.58777777777777784</v>
      </c>
      <c r="C25">
        <v>-14.718994853598034</v>
      </c>
      <c r="D25">
        <v>1.9160873694223008</v>
      </c>
      <c r="J25">
        <v>14.986846200289454</v>
      </c>
      <c r="K25">
        <v>2.205543705361809</v>
      </c>
    </row>
    <row r="26" spans="1:15" x14ac:dyDescent="0.4">
      <c r="A26">
        <v>0.8</v>
      </c>
      <c r="B26">
        <f t="shared" si="0"/>
        <v>0.64000000000000012</v>
      </c>
      <c r="C26">
        <v>-14.714585344714529</v>
      </c>
      <c r="D26">
        <v>1.9193662699066603</v>
      </c>
      <c r="J26">
        <v>14.980334248325518</v>
      </c>
      <c r="K26">
        <v>2.2044445322447799</v>
      </c>
    </row>
    <row r="27" spans="1:15" x14ac:dyDescent="0.4">
      <c r="A27">
        <v>0.83333333333333337</v>
      </c>
      <c r="B27">
        <f t="shared" si="0"/>
        <v>0.69444444444444453</v>
      </c>
      <c r="C27">
        <v>-14.712666080990882</v>
      </c>
      <c r="D27">
        <v>1.9187174675472909</v>
      </c>
      <c r="J27">
        <v>14.976335322463461</v>
      </c>
      <c r="K27">
        <v>2.203989663602159</v>
      </c>
    </row>
    <row r="28" spans="1:15" x14ac:dyDescent="0.4">
      <c r="A28">
        <v>0.8666666666666667</v>
      </c>
      <c r="B28">
        <f t="shared" si="0"/>
        <v>0.75111111111111117</v>
      </c>
      <c r="C28">
        <v>-14.709293021182017</v>
      </c>
      <c r="D28">
        <v>1.9196120804051966</v>
      </c>
      <c r="J28">
        <v>14.972027484621325</v>
      </c>
      <c r="K28">
        <v>2.2035470893647902</v>
      </c>
    </row>
    <row r="29" spans="1:15" x14ac:dyDescent="0.4">
      <c r="A29">
        <v>0.9</v>
      </c>
      <c r="B29">
        <f t="shared" si="0"/>
        <v>0.81</v>
      </c>
      <c r="C29">
        <v>-14.70591201043862</v>
      </c>
      <c r="D29">
        <v>1.9198979784468957</v>
      </c>
      <c r="J29">
        <v>14.966053892148086</v>
      </c>
      <c r="K29">
        <v>2.2046862609614495</v>
      </c>
    </row>
    <row r="30" spans="1:15" x14ac:dyDescent="0.4">
      <c r="A30">
        <v>0.93333333333333335</v>
      </c>
      <c r="B30">
        <f t="shared" si="0"/>
        <v>0.87111111111111117</v>
      </c>
      <c r="C30">
        <v>-14.700917677821153</v>
      </c>
      <c r="D30">
        <v>1.918759086265049</v>
      </c>
      <c r="J30">
        <v>14.963330434080659</v>
      </c>
      <c r="K30">
        <v>2.2065939595396191</v>
      </c>
    </row>
    <row r="31" spans="1:15" x14ac:dyDescent="0.4">
      <c r="A31">
        <v>0.96666666666666667</v>
      </c>
      <c r="B31">
        <f t="shared" si="0"/>
        <v>0.93444444444444441</v>
      </c>
      <c r="C31">
        <v>-14.698369864999085</v>
      </c>
      <c r="D31">
        <v>1.9176015335934908</v>
      </c>
      <c r="E31" cm="1">
        <f t="array" ref="E31">INDEX(LINEST(C2:C60,$A2:$B60),1)*2</f>
        <v>6.4334556146228754E-3</v>
      </c>
      <c r="F31" cm="1">
        <f t="array" ref="F31">INDEX(LINEST(D2:D60,$A2:$B60),1)*2</f>
        <v>1.5963434157325582E-2</v>
      </c>
      <c r="G31">
        <f>E31*58.73</f>
        <v>0.37783684824680147</v>
      </c>
      <c r="H31">
        <f>F31*58.73</f>
        <v>0.93753248805973133</v>
      </c>
      <c r="J31">
        <v>14.958033783185904</v>
      </c>
      <c r="K31">
        <v>2.2023447013031472</v>
      </c>
      <c r="L31" cm="1">
        <f t="array" ref="L31">INDEX(LINEST(J2:J60,$A2:$B60),1)*2</f>
        <v>-2.729288921303781E-2</v>
      </c>
      <c r="M31" cm="1">
        <f t="array" ref="M31">INDEX(LINEST(K2:K60,$A2:$B60),1)*2</f>
        <v>-1.4565812710237698E-3</v>
      </c>
      <c r="N31">
        <f>-L31*78.62</f>
        <v>2.1457669499290328</v>
      </c>
      <c r="O31">
        <f>-M31*78.62</f>
        <v>0.11451641952788878</v>
      </c>
    </row>
    <row r="32" spans="1:15" x14ac:dyDescent="0.4">
      <c r="A32">
        <v>1</v>
      </c>
      <c r="B32">
        <f t="shared" si="0"/>
        <v>1</v>
      </c>
      <c r="C32">
        <v>-14.695488347944355</v>
      </c>
      <c r="D32">
        <v>1.9149536360959072</v>
      </c>
      <c r="E32" cm="1">
        <f t="array" ref="E32">INDEX(LINEST(C3:C61,$A3:$B61),1)*2</f>
        <v>6.2402350630771037E-3</v>
      </c>
      <c r="F32" cm="1">
        <f t="array" ref="F32">INDEX(LINEST(D3:D61,$A3:$B61),1)*2</f>
        <v>1.2550201612597256E-2</v>
      </c>
      <c r="G32">
        <f t="shared" ref="G32:G95" si="1">E32*58.73</f>
        <v>0.36648900525451827</v>
      </c>
      <c r="H32">
        <f t="shared" ref="H32:H95" si="2">F32*58.73</f>
        <v>0.73707334070783681</v>
      </c>
      <c r="J32">
        <v>14.952734769467488</v>
      </c>
      <c r="K32">
        <v>2.2029868607511336</v>
      </c>
      <c r="L32" cm="1">
        <f t="array" ref="L32">INDEX(LINEST(J3:J61,$A3:$B61),1)*2</f>
        <v>-2.693522697679086E-2</v>
      </c>
      <c r="M32" cm="1">
        <f t="array" ref="M32">INDEX(LINEST(K3:K61,$A3:$B61),1)*2</f>
        <v>-1.4720959745455713E-3</v>
      </c>
      <c r="N32">
        <f t="shared" ref="N32:N95" si="3">-L32*78.62</f>
        <v>2.1176475449152976</v>
      </c>
      <c r="O32">
        <f t="shared" ref="O32:O95" si="4">-M32*78.62</f>
        <v>0.11573618551877282</v>
      </c>
    </row>
    <row r="33" spans="1:15" x14ac:dyDescent="0.4">
      <c r="A33">
        <v>1.0333333333333334</v>
      </c>
      <c r="B33">
        <f t="shared" si="0"/>
        <v>1.0677777777777779</v>
      </c>
      <c r="C33">
        <v>-14.69281532867482</v>
      </c>
      <c r="D33">
        <v>1.9153493414145577</v>
      </c>
      <c r="E33" cm="1">
        <f t="array" ref="E33">INDEX(LINEST(C4:C62,$A4:$B62),1)*2</f>
        <v>4.4893427996934221E-3</v>
      </c>
      <c r="F33" cm="1">
        <f t="array" ref="F33">INDEX(LINEST(D4:D62,$A4:$B62),1)*2</f>
        <v>9.0439959516137244E-3</v>
      </c>
      <c r="G33">
        <f t="shared" si="1"/>
        <v>0.26365910262599468</v>
      </c>
      <c r="H33">
        <f t="shared" si="2"/>
        <v>0.53115388223827398</v>
      </c>
      <c r="J33">
        <v>14.952837610135512</v>
      </c>
      <c r="K33">
        <v>2.1995049567542519</v>
      </c>
      <c r="L33" cm="1">
        <f t="array" ref="L33">INDEX(LINEST(J4:J62,$A4:$B62),1)*2</f>
        <v>-2.60449751400255E-2</v>
      </c>
      <c r="M33" cm="1">
        <f t="array" ref="M33">INDEX(LINEST(K4:K62,$A4:$B62),1)*2</f>
        <v>-1.7854049765171618E-3</v>
      </c>
      <c r="N33">
        <f t="shared" si="3"/>
        <v>2.0476559455088048</v>
      </c>
      <c r="O33">
        <f t="shared" si="4"/>
        <v>0.14036853925377926</v>
      </c>
    </row>
    <row r="34" spans="1:15" x14ac:dyDescent="0.4">
      <c r="A34">
        <v>1.0666666666666667</v>
      </c>
      <c r="B34">
        <f t="shared" si="0"/>
        <v>1.1377777777777778</v>
      </c>
      <c r="C34">
        <v>-14.68592857173393</v>
      </c>
      <c r="D34">
        <v>1.9147254039630257</v>
      </c>
      <c r="E34" cm="1">
        <f t="array" ref="E34">INDEX(LINEST(C5:C63,$A5:$B63),1)*2</f>
        <v>3.9116632294840204E-3</v>
      </c>
      <c r="F34" cm="1">
        <f t="array" ref="F34">INDEX(LINEST(D5:D63,$A5:$B63),1)*2</f>
        <v>3.861980703752722E-3</v>
      </c>
      <c r="G34">
        <f t="shared" si="1"/>
        <v>0.22973198146759652</v>
      </c>
      <c r="H34">
        <f t="shared" si="2"/>
        <v>0.22681412673139736</v>
      </c>
      <c r="J34">
        <v>14.945860524878649</v>
      </c>
      <c r="K34">
        <v>2.1958465995074006</v>
      </c>
      <c r="L34" cm="1">
        <f t="array" ref="L34">INDEX(LINEST(J5:J63,$A5:$B63),1)*2</f>
        <v>-2.5233416485629892E-2</v>
      </c>
      <c r="M34" cm="1">
        <f t="array" ref="M34">INDEX(LINEST(K5:K63,$A5:$B63),1)*2</f>
        <v>-2.521125440943853E-3</v>
      </c>
      <c r="N34">
        <f t="shared" si="3"/>
        <v>1.9838512041002223</v>
      </c>
      <c r="O34">
        <f t="shared" si="4"/>
        <v>0.19821088216700572</v>
      </c>
    </row>
    <row r="35" spans="1:15" x14ac:dyDescent="0.4">
      <c r="A35">
        <v>1.1000000000000001</v>
      </c>
      <c r="B35">
        <f t="shared" si="0"/>
        <v>1.2100000000000002</v>
      </c>
      <c r="C35">
        <v>-14.677678345894686</v>
      </c>
      <c r="D35">
        <v>1.9164312082471289</v>
      </c>
      <c r="E35" cm="1">
        <f t="array" ref="E35">INDEX(LINEST(C6:C64,$A6:$B64),1)*2</f>
        <v>4.4302249726538307E-3</v>
      </c>
      <c r="F35" cm="1">
        <f t="array" ref="F35">INDEX(LINEST(D6:D64,$A6:$B64),1)*2</f>
        <v>-1.1504453073643446E-3</v>
      </c>
      <c r="G35">
        <f t="shared" si="1"/>
        <v>0.26018711264395944</v>
      </c>
      <c r="H35">
        <f t="shared" si="2"/>
        <v>-6.7565652901507955E-2</v>
      </c>
      <c r="J35">
        <v>14.941738724109554</v>
      </c>
      <c r="K35">
        <v>2.1958174942246114</v>
      </c>
      <c r="L35" cm="1">
        <f t="array" ref="L35">INDEX(LINEST(J6:J64,$A6:$B64),1)*2</f>
        <v>-2.4428623402920905E-2</v>
      </c>
      <c r="M35" cm="1">
        <f t="array" ref="M35">INDEX(LINEST(K6:K64,$A6:$B64),1)*2</f>
        <v>-3.4363113948229925E-3</v>
      </c>
      <c r="N35">
        <f t="shared" si="3"/>
        <v>1.9205783719376417</v>
      </c>
      <c r="O35">
        <f t="shared" si="4"/>
        <v>0.27016280186098368</v>
      </c>
    </row>
    <row r="36" spans="1:15" x14ac:dyDescent="0.4">
      <c r="A36">
        <v>1.1333333333333333</v>
      </c>
      <c r="B36">
        <f t="shared" si="0"/>
        <v>1.2844444444444443</v>
      </c>
      <c r="C36">
        <v>-14.672755434556517</v>
      </c>
      <c r="D36">
        <v>1.9156274409577041</v>
      </c>
      <c r="E36" cm="1">
        <f t="array" ref="E36">INDEX(LINEST(C7:C65,$A7:$B65),1)*2</f>
        <v>4.6280907653271077E-3</v>
      </c>
      <c r="F36" cm="1">
        <f t="array" ref="F36">INDEX(LINEST(D7:D65,$A7:$B65),1)*2</f>
        <v>-7.1678439245996079E-3</v>
      </c>
      <c r="G36">
        <f t="shared" si="1"/>
        <v>0.27180777064766104</v>
      </c>
      <c r="H36">
        <f t="shared" si="2"/>
        <v>-0.42096747369173493</v>
      </c>
      <c r="J36">
        <v>14.93993092290132</v>
      </c>
      <c r="K36">
        <v>2.1952463777272095</v>
      </c>
      <c r="L36" cm="1">
        <f t="array" ref="L36">INDEX(LINEST(J7:J65,$A7:$B65),1)*2</f>
        <v>-2.4104455289850401E-2</v>
      </c>
      <c r="M36" cm="1">
        <f t="array" ref="M36">INDEX(LINEST(K7:K65,$A7:$B65),1)*2</f>
        <v>-4.780445936099843E-3</v>
      </c>
      <c r="N36">
        <f t="shared" si="3"/>
        <v>1.8950922748880386</v>
      </c>
      <c r="O36">
        <f t="shared" si="4"/>
        <v>0.37583865949616968</v>
      </c>
    </row>
    <row r="37" spans="1:15" x14ac:dyDescent="0.4">
      <c r="A37">
        <v>1.1666666666666667</v>
      </c>
      <c r="B37">
        <f t="shared" si="0"/>
        <v>1.3611111111111114</v>
      </c>
      <c r="C37">
        <v>-14.670910386495814</v>
      </c>
      <c r="D37">
        <v>1.9153230424565746</v>
      </c>
      <c r="E37" cm="1">
        <f t="array" ref="E37">INDEX(LINEST(C8:C66,$A8:$B66),1)*2</f>
        <v>5.6374286289687017E-3</v>
      </c>
      <c r="F37" cm="1">
        <f t="array" ref="F37">INDEX(LINEST(D8:D66,$A8:$B66),1)*2</f>
        <v>-1.3171909173308478E-2</v>
      </c>
      <c r="G37">
        <f t="shared" si="1"/>
        <v>0.33108618337933182</v>
      </c>
      <c r="H37">
        <f t="shared" si="2"/>
        <v>-0.77358622574840685</v>
      </c>
      <c r="J37">
        <v>14.936425107994289</v>
      </c>
      <c r="K37">
        <v>2.1956502137527063</v>
      </c>
      <c r="L37" cm="1">
        <f t="array" ref="L37">INDEX(LINEST(J8:J66,$A8:$B66),1)*2</f>
        <v>-2.4448939568041603E-2</v>
      </c>
      <c r="M37" cm="1">
        <f t="array" ref="M37">INDEX(LINEST(K8:K66,$A8:$B66),1)*2</f>
        <v>-4.6252080194687864E-3</v>
      </c>
      <c r="N37">
        <f t="shared" si="3"/>
        <v>1.9221756288394309</v>
      </c>
      <c r="O37">
        <f t="shared" si="4"/>
        <v>0.36363385449063601</v>
      </c>
    </row>
    <row r="38" spans="1:15" x14ac:dyDescent="0.4">
      <c r="A38">
        <v>1.2</v>
      </c>
      <c r="B38">
        <f t="shared" si="0"/>
        <v>1.44</v>
      </c>
      <c r="C38">
        <v>-14.667453099266798</v>
      </c>
      <c r="D38">
        <v>1.9165559924736335</v>
      </c>
      <c r="E38" cm="1">
        <f t="array" ref="E38">INDEX(LINEST(C9:C67,$A9:$B67),1)*2</f>
        <v>6.8620394218978035E-3</v>
      </c>
      <c r="F38" cm="1">
        <f t="array" ref="F38">INDEX(LINEST(D9:D67,$A9:$B67),1)*2</f>
        <v>-1.8038704252842177E-2</v>
      </c>
      <c r="G38">
        <f t="shared" si="1"/>
        <v>0.40300757524805797</v>
      </c>
      <c r="H38">
        <f t="shared" si="2"/>
        <v>-1.059413100769421</v>
      </c>
      <c r="J38">
        <v>14.933128496981048</v>
      </c>
      <c r="K38">
        <v>2.1942058766981347</v>
      </c>
      <c r="L38" cm="1">
        <f t="array" ref="L38">INDEX(LINEST(J9:J67,$A9:$B67),1)*2</f>
        <v>-2.4232395522379515E-2</v>
      </c>
      <c r="M38" cm="1">
        <f t="array" ref="M38">INDEX(LINEST(K9:K67,$A9:$B67),1)*2</f>
        <v>-4.0518861151500832E-3</v>
      </c>
      <c r="N38">
        <f t="shared" si="3"/>
        <v>1.9051509359694776</v>
      </c>
      <c r="O38">
        <f t="shared" si="4"/>
        <v>0.31855928637309955</v>
      </c>
    </row>
    <row r="39" spans="1:15" x14ac:dyDescent="0.4">
      <c r="A39">
        <v>1.2333333333333334</v>
      </c>
      <c r="B39">
        <f t="shared" si="0"/>
        <v>1.5211111111111113</v>
      </c>
      <c r="C39">
        <v>-14.661550750337771</v>
      </c>
      <c r="D39">
        <v>1.9140850778393115</v>
      </c>
      <c r="E39" cm="1">
        <f t="array" ref="E39">INDEX(LINEST(C10:C68,$A10:$B68),1)*2</f>
        <v>8.5731870458723488E-3</v>
      </c>
      <c r="F39" cm="1">
        <f t="array" ref="F39">INDEX(LINEST(D10:D68,$A10:$B68),1)*2</f>
        <v>-2.193028749666566E-2</v>
      </c>
      <c r="G39">
        <f t="shared" si="1"/>
        <v>0.503503275204083</v>
      </c>
      <c r="H39">
        <f t="shared" si="2"/>
        <v>-1.2879657846791741</v>
      </c>
      <c r="J39">
        <v>14.928067176036494</v>
      </c>
      <c r="K39">
        <v>2.1919064549290104</v>
      </c>
      <c r="L39" cm="1">
        <f t="array" ref="L39">INDEX(LINEST(J10:J68,$A10:$B68),1)*2</f>
        <v>-2.3741473161399178E-2</v>
      </c>
      <c r="M39" cm="1">
        <f t="array" ref="M39">INDEX(LINEST(K10:K68,$A10:$B68),1)*2</f>
        <v>-3.6464563768641304E-3</v>
      </c>
      <c r="N39">
        <f t="shared" si="3"/>
        <v>1.8665546199492036</v>
      </c>
      <c r="O39">
        <f t="shared" si="4"/>
        <v>0.28668440034905796</v>
      </c>
    </row>
    <row r="40" spans="1:15" x14ac:dyDescent="0.4">
      <c r="A40">
        <v>1.2666666666666666</v>
      </c>
      <c r="B40">
        <f t="shared" si="0"/>
        <v>1.6044444444444443</v>
      </c>
      <c r="C40">
        <v>-14.656711800898064</v>
      </c>
      <c r="D40">
        <v>1.9143631977364097</v>
      </c>
      <c r="E40" cm="1">
        <f t="array" ref="E40">INDEX(LINEST(C11:C69,$A11:$B69),1)*2</f>
        <v>1.0119395491136508E-2</v>
      </c>
      <c r="F40" cm="1">
        <f t="array" ref="F40">INDEX(LINEST(D11:D69,$A11:$B69),1)*2</f>
        <v>-2.4976714144209083E-2</v>
      </c>
      <c r="G40">
        <f t="shared" si="1"/>
        <v>0.59431209719444711</v>
      </c>
      <c r="H40">
        <f t="shared" si="2"/>
        <v>-1.4668824216893994</v>
      </c>
      <c r="J40">
        <v>14.92586099161977</v>
      </c>
      <c r="K40">
        <v>2.1894165412256252</v>
      </c>
      <c r="L40" cm="1">
        <f t="array" ref="L40">INDEX(LINEST(J11:J69,$A11:$B69),1)*2</f>
        <v>-2.3998328176126946E-2</v>
      </c>
      <c r="M40" cm="1">
        <f t="array" ref="M40">INDEX(LINEST(K11:K69,$A11:$B69),1)*2</f>
        <v>-3.1214269387848104E-3</v>
      </c>
      <c r="N40">
        <f t="shared" si="3"/>
        <v>1.8867485612071007</v>
      </c>
      <c r="O40">
        <f t="shared" si="4"/>
        <v>0.24540658592726181</v>
      </c>
    </row>
    <row r="41" spans="1:15" x14ac:dyDescent="0.4">
      <c r="A41">
        <v>1.3</v>
      </c>
      <c r="B41">
        <f t="shared" si="0"/>
        <v>1.6900000000000002</v>
      </c>
      <c r="C41">
        <v>-14.651034871406935</v>
      </c>
      <c r="D41">
        <v>1.9131525392677056</v>
      </c>
      <c r="E41" cm="1">
        <f t="array" ref="E41">INDEX(LINEST(C12:C70,$A12:$B70),1)*2</f>
        <v>1.0061564202182596E-2</v>
      </c>
      <c r="F41" cm="1">
        <f t="array" ref="F41">INDEX(LINEST(D12:D70,$A12:$B70),1)*2</f>
        <v>-2.7737657298913598E-2</v>
      </c>
      <c r="G41">
        <f t="shared" si="1"/>
        <v>0.59091566559418385</v>
      </c>
      <c r="H41">
        <f t="shared" si="2"/>
        <v>-1.6290326131651955</v>
      </c>
      <c r="J41">
        <v>14.922492115232737</v>
      </c>
      <c r="K41">
        <v>2.1904578542444559</v>
      </c>
      <c r="L41" cm="1">
        <f t="array" ref="L41">INDEX(LINEST(J12:J70,$A12:$B70),1)*2</f>
        <v>-2.2902222192399353E-2</v>
      </c>
      <c r="M41" cm="1">
        <f t="array" ref="M41">INDEX(LINEST(K12:K70,$A12:$B70),1)*2</f>
        <v>-2.7155899317542424E-3</v>
      </c>
      <c r="N41">
        <f t="shared" si="3"/>
        <v>1.8005727087664372</v>
      </c>
      <c r="O41">
        <f t="shared" si="4"/>
        <v>0.21349968043451856</v>
      </c>
    </row>
    <row r="42" spans="1:15" x14ac:dyDescent="0.4">
      <c r="A42">
        <v>1.3333333333333333</v>
      </c>
      <c r="B42">
        <f t="shared" si="0"/>
        <v>1.7777777777777777</v>
      </c>
      <c r="C42">
        <v>-14.645624059323609</v>
      </c>
      <c r="D42">
        <v>1.9110206143671424</v>
      </c>
      <c r="E42" cm="1">
        <f t="array" ref="E42">INDEX(LINEST(C13:C71,$A13:$B71),1)*2</f>
        <v>1.0955892209095611E-2</v>
      </c>
      <c r="F42" cm="1">
        <f t="array" ref="F42">INDEX(LINEST(D13:D71,$A13:$B71),1)*2</f>
        <v>-2.9480251523243423E-2</v>
      </c>
      <c r="G42">
        <f t="shared" si="1"/>
        <v>0.64343954944018522</v>
      </c>
      <c r="H42">
        <f t="shared" si="2"/>
        <v>-1.7313751719600861</v>
      </c>
      <c r="J42">
        <v>14.919675690210743</v>
      </c>
      <c r="K42">
        <v>2.1906775447899807</v>
      </c>
      <c r="L42" cm="1">
        <f t="array" ref="L42">INDEX(LINEST(J13:J71,$A13:$B71),1)*2</f>
        <v>-2.208887669145224E-2</v>
      </c>
      <c r="M42" cm="1">
        <f t="array" ref="M42">INDEX(LINEST(K13:K71,$A13:$B71),1)*2</f>
        <v>-2.2340522520877442E-3</v>
      </c>
      <c r="N42">
        <f t="shared" si="3"/>
        <v>1.7366274854819752</v>
      </c>
      <c r="O42">
        <f t="shared" si="4"/>
        <v>0.17564118805913845</v>
      </c>
    </row>
    <row r="43" spans="1:15" x14ac:dyDescent="0.4">
      <c r="A43">
        <v>1.3666666666666667</v>
      </c>
      <c r="B43">
        <f t="shared" si="0"/>
        <v>1.8677777777777778</v>
      </c>
      <c r="C43">
        <v>-14.642487784725388</v>
      </c>
      <c r="D43">
        <v>1.9116923336351779</v>
      </c>
      <c r="E43" cm="1">
        <f t="array" ref="E43">INDEX(LINEST(C14:C72,$A14:$B72),1)*2</f>
        <v>1.248855907480104E-2</v>
      </c>
      <c r="F43" cm="1">
        <f t="array" ref="F43">INDEX(LINEST(D14:D72,$A14:$B72),1)*2</f>
        <v>-2.9747259752359593E-2</v>
      </c>
      <c r="G43">
        <f t="shared" si="1"/>
        <v>0.73345307446306507</v>
      </c>
      <c r="H43">
        <f t="shared" si="2"/>
        <v>-1.7470565652560788</v>
      </c>
      <c r="J43">
        <v>14.914481775815883</v>
      </c>
      <c r="K43">
        <v>2.1894888822891212</v>
      </c>
      <c r="L43" cm="1">
        <f t="array" ref="L43">INDEX(LINEST(J14:J72,$A14:$B72),1)*2</f>
        <v>-2.1389860063162923E-2</v>
      </c>
      <c r="M43" cm="1">
        <f t="array" ref="M43">INDEX(LINEST(K14:K72,$A14:$B72),1)*2</f>
        <v>2.3487603532567074E-4</v>
      </c>
      <c r="N43">
        <f t="shared" si="3"/>
        <v>1.6816707981658692</v>
      </c>
      <c r="O43">
        <f t="shared" si="4"/>
        <v>-1.8465953897304235E-2</v>
      </c>
    </row>
    <row r="44" spans="1:15" x14ac:dyDescent="0.4">
      <c r="A44">
        <v>1.4</v>
      </c>
      <c r="B44">
        <f t="shared" si="0"/>
        <v>1.9599999999999997</v>
      </c>
      <c r="C44">
        <v>-14.634046513343161</v>
      </c>
      <c r="D44">
        <v>1.9150691258117392</v>
      </c>
      <c r="E44" cm="1">
        <f t="array" ref="E44">INDEX(LINEST(C15:C73,$A15:$B73),1)*2</f>
        <v>1.569771402043452E-2</v>
      </c>
      <c r="F44" cm="1">
        <f t="array" ref="F44">INDEX(LINEST(D15:D73,$A15:$B73),1)*2</f>
        <v>-2.9830003833495402E-2</v>
      </c>
      <c r="G44">
        <f t="shared" si="1"/>
        <v>0.92192674442011935</v>
      </c>
      <c r="H44">
        <f t="shared" si="2"/>
        <v>-1.7519161251411848</v>
      </c>
      <c r="J44">
        <v>14.910975093811629</v>
      </c>
      <c r="K44">
        <v>2.1880448353871151</v>
      </c>
      <c r="L44" cm="1">
        <f t="array" ref="L44">INDEX(LINEST(J15:J73,$A15:$B73),1)*2</f>
        <v>-2.0475054767630334E-2</v>
      </c>
      <c r="M44" cm="1">
        <f t="array" ref="M44">INDEX(LINEST(K15:K73,$A15:$B73),1)*2</f>
        <v>1.8432719623985838E-3</v>
      </c>
      <c r="N44">
        <f t="shared" si="3"/>
        <v>1.6097488058310969</v>
      </c>
      <c r="O44">
        <f t="shared" si="4"/>
        <v>-0.14491804168377667</v>
      </c>
    </row>
    <row r="45" spans="1:15" x14ac:dyDescent="0.4">
      <c r="A45">
        <v>1.4333333333333333</v>
      </c>
      <c r="B45">
        <f t="shared" si="0"/>
        <v>2.0544444444444445</v>
      </c>
      <c r="C45">
        <v>-14.627314031957445</v>
      </c>
      <c r="D45">
        <v>1.9152898800697671</v>
      </c>
      <c r="E45" cm="1">
        <f t="array" ref="E45">INDEX(LINEST(C16:C74,$A16:$B74),1)*2</f>
        <v>1.8153537926981256E-2</v>
      </c>
      <c r="F45" cm="1">
        <f t="array" ref="F45">INDEX(LINEST(D16:D74,$A16:$B74),1)*2</f>
        <v>-2.8840559073364681E-2</v>
      </c>
      <c r="G45">
        <f t="shared" si="1"/>
        <v>1.0661572824516092</v>
      </c>
      <c r="H45">
        <f t="shared" si="2"/>
        <v>-1.6938060343787076</v>
      </c>
      <c r="J45">
        <v>14.908343889700754</v>
      </c>
      <c r="K45">
        <v>2.1906612984704461</v>
      </c>
      <c r="L45" cm="1">
        <f t="array" ref="L45">INDEX(LINEST(J16:J74,$A16:$B74),1)*2</f>
        <v>-2.0276926268715412E-2</v>
      </c>
      <c r="M45" cm="1">
        <f t="array" ref="M45">INDEX(LINEST(K16:K74,$A16:$B74),1)*2</f>
        <v>3.3480754256962112E-3</v>
      </c>
      <c r="N45">
        <f t="shared" si="3"/>
        <v>1.5941719432464057</v>
      </c>
      <c r="O45">
        <f t="shared" si="4"/>
        <v>-0.26322568996823614</v>
      </c>
    </row>
    <row r="46" spans="1:15" x14ac:dyDescent="0.4">
      <c r="A46">
        <v>1.4666666666666666</v>
      </c>
      <c r="B46">
        <f t="shared" si="0"/>
        <v>2.1511111111111108</v>
      </c>
      <c r="C46">
        <v>-14.618116179668471</v>
      </c>
      <c r="D46">
        <v>1.9161874636980154</v>
      </c>
      <c r="E46" cm="1">
        <f t="array" ref="E46">INDEX(LINEST(C17:C75,$A17:$B75),1)*2</f>
        <v>2.0921581280172279E-2</v>
      </c>
      <c r="F46" cm="1">
        <f t="array" ref="F46">INDEX(LINEST(D17:D75,$A17:$B75),1)*2</f>
        <v>-2.6527135986778493E-2</v>
      </c>
      <c r="G46">
        <f t="shared" si="1"/>
        <v>1.228724468584518</v>
      </c>
      <c r="H46">
        <f t="shared" si="2"/>
        <v>-1.5579386965035007</v>
      </c>
      <c r="J46">
        <v>14.90161109768516</v>
      </c>
      <c r="K46">
        <v>2.1888578558490148</v>
      </c>
      <c r="L46" cm="1">
        <f t="array" ref="L46">INDEX(LINEST(J17:J75,$A17:$B75),1)*2</f>
        <v>-2.0780834328893768E-2</v>
      </c>
      <c r="M46" cm="1">
        <f t="array" ref="M46">INDEX(LINEST(K17:K75,$A17:$B75),1)*2</f>
        <v>4.61615181740045E-3</v>
      </c>
      <c r="N46">
        <f t="shared" si="3"/>
        <v>1.6337891949376282</v>
      </c>
      <c r="O46">
        <f t="shared" si="4"/>
        <v>-0.36292185588402343</v>
      </c>
    </row>
    <row r="47" spans="1:15" x14ac:dyDescent="0.4">
      <c r="A47">
        <v>1.5</v>
      </c>
      <c r="B47">
        <f t="shared" si="0"/>
        <v>2.25</v>
      </c>
      <c r="C47">
        <v>-14.614385525027616</v>
      </c>
      <c r="D47">
        <v>1.9176922719866305</v>
      </c>
      <c r="E47" cm="1">
        <f t="array" ref="E47">INDEX(LINEST(C18:C76,$A18:$B76),1)*2</f>
        <v>2.3419974360220336E-2</v>
      </c>
      <c r="F47" cm="1">
        <f t="array" ref="F47">INDEX(LINEST(D18:D76,$A18:$B76),1)*2</f>
        <v>-2.4702885541795026E-2</v>
      </c>
      <c r="G47">
        <f t="shared" si="1"/>
        <v>1.3754550941757402</v>
      </c>
      <c r="H47">
        <f t="shared" si="2"/>
        <v>-1.4508004678696218</v>
      </c>
      <c r="J47">
        <v>14.899300181349949</v>
      </c>
      <c r="K47">
        <v>2.1902979975186687</v>
      </c>
      <c r="L47" cm="1">
        <f t="array" ref="L47">INDEX(LINEST(J18:J76,$A18:$B76),1)*2</f>
        <v>-2.1339963747373025E-2</v>
      </c>
      <c r="M47" cm="1">
        <f t="array" ref="M47">INDEX(LINEST(K18:K76,$A18:$B76),1)*2</f>
        <v>6.0546784109138767E-3</v>
      </c>
      <c r="N47">
        <f t="shared" si="3"/>
        <v>1.6777479498184673</v>
      </c>
      <c r="O47">
        <f t="shared" si="4"/>
        <v>-0.47601881666604901</v>
      </c>
    </row>
    <row r="48" spans="1:15" x14ac:dyDescent="0.4">
      <c r="A48">
        <v>1.5333333333333334</v>
      </c>
      <c r="B48">
        <f t="shared" si="0"/>
        <v>2.3511111111111114</v>
      </c>
      <c r="C48">
        <v>-14.610905810736371</v>
      </c>
      <c r="D48">
        <v>1.917107116708169</v>
      </c>
      <c r="E48" cm="1">
        <f t="array" ref="E48">INDEX(LINEST(C19:C77,$A19:$B77),1)*2</f>
        <v>2.5896225349326309E-2</v>
      </c>
      <c r="F48" cm="1">
        <f t="array" ref="F48">INDEX(LINEST(D19:D77,$A19:$B77),1)*2</f>
        <v>-2.1341560490354378E-2</v>
      </c>
      <c r="G48">
        <f t="shared" si="1"/>
        <v>1.520885314765934</v>
      </c>
      <c r="H48">
        <f t="shared" si="2"/>
        <v>-1.2533898475985126</v>
      </c>
      <c r="J48">
        <v>14.895928683332537</v>
      </c>
      <c r="K48">
        <v>2.1892703053092828</v>
      </c>
      <c r="L48" cm="1">
        <f t="array" ref="L48">INDEX(LINEST(J19:J77,$A19:$B77),1)*2</f>
        <v>-2.0867127025449531E-2</v>
      </c>
      <c r="M48" cm="1">
        <f t="array" ref="M48">INDEX(LINEST(K19:K77,$A19:$B77),1)*2</f>
        <v>7.4475550028770638E-3</v>
      </c>
      <c r="N48">
        <f t="shared" si="3"/>
        <v>1.6405735267408421</v>
      </c>
      <c r="O48">
        <f t="shared" si="4"/>
        <v>-0.58552677432619482</v>
      </c>
    </row>
    <row r="49" spans="1:15" x14ac:dyDescent="0.4">
      <c r="A49">
        <v>1.5666666666666667</v>
      </c>
      <c r="B49">
        <f t="shared" si="0"/>
        <v>2.4544444444444444</v>
      </c>
      <c r="C49">
        <v>-14.605640183087086</v>
      </c>
      <c r="D49">
        <v>1.9182229709123568</v>
      </c>
      <c r="E49" cm="1">
        <f t="array" ref="E49">INDEX(LINEST(C20:C78,$A20:$B78),1)*2</f>
        <v>2.9109036423390838E-2</v>
      </c>
      <c r="F49" cm="1">
        <f t="array" ref="F49">INDEX(LINEST(D20:D78,$A20:$B78),1)*2</f>
        <v>-1.7329064342645781E-2</v>
      </c>
      <c r="G49">
        <f t="shared" si="1"/>
        <v>1.7095737091457437</v>
      </c>
      <c r="H49">
        <f t="shared" si="2"/>
        <v>-1.0177359488435866</v>
      </c>
      <c r="J49">
        <v>14.890954817633597</v>
      </c>
      <c r="K49">
        <v>2.1922632713794479</v>
      </c>
      <c r="L49" cm="1">
        <f t="array" ref="L49">INDEX(LINEST(J20:J78,$A20:$B78),1)*2</f>
        <v>-2.1417008416730127E-2</v>
      </c>
      <c r="M49" cm="1">
        <f t="array" ref="M49">INDEX(LINEST(K20:K78,$A20:$B78),1)*2</f>
        <v>9.1200490485813558E-3</v>
      </c>
      <c r="N49">
        <f t="shared" si="3"/>
        <v>1.6838052017233227</v>
      </c>
      <c r="O49">
        <f t="shared" si="4"/>
        <v>-0.71701825619946624</v>
      </c>
    </row>
    <row r="50" spans="1:15" x14ac:dyDescent="0.4">
      <c r="A50">
        <v>1.6</v>
      </c>
      <c r="B50">
        <f t="shared" si="0"/>
        <v>2.5600000000000005</v>
      </c>
      <c r="C50">
        <v>-14.603346907337107</v>
      </c>
      <c r="D50">
        <v>1.9161788983792951</v>
      </c>
      <c r="E50" cm="1">
        <f t="array" ref="E50">INDEX(LINEST(C21:C79,$A21:$B79),1)*2</f>
        <v>3.2033925298416484E-2</v>
      </c>
      <c r="F50" cm="1">
        <f t="array" ref="F50">INDEX(LINEST(D21:D79,$A21:$B79),1)*2</f>
        <v>-1.3769111058439984E-2</v>
      </c>
      <c r="G50">
        <f t="shared" si="1"/>
        <v>1.8813524327760001</v>
      </c>
      <c r="H50">
        <f t="shared" si="2"/>
        <v>-0.80865989246218029</v>
      </c>
      <c r="J50">
        <v>14.887509258651011</v>
      </c>
      <c r="K50">
        <v>2.1947066314320147</v>
      </c>
      <c r="L50" cm="1">
        <f t="array" ref="L50">INDEX(LINEST(J21:J79,$A21:$B79),1)*2</f>
        <v>-2.1714206813046932E-2</v>
      </c>
      <c r="M50" cm="1">
        <f t="array" ref="M50">INDEX(LINEST(K21:K79,$A21:$B79),1)*2</f>
        <v>1.1193366301636858E-2</v>
      </c>
      <c r="N50">
        <f t="shared" si="3"/>
        <v>1.7071709396417498</v>
      </c>
      <c r="O50">
        <f t="shared" si="4"/>
        <v>-0.88002245863468975</v>
      </c>
    </row>
    <row r="51" spans="1:15" x14ac:dyDescent="0.4">
      <c r="A51">
        <v>1.6333333333333333</v>
      </c>
      <c r="B51">
        <f t="shared" si="0"/>
        <v>2.6677777777777778</v>
      </c>
      <c r="C51">
        <v>-14.59571945023499</v>
      </c>
      <c r="D51">
        <v>1.9190113017433246</v>
      </c>
      <c r="E51" cm="1">
        <f t="array" ref="E51">INDEX(LINEST(C22:C80,$A22:$B80),1)*2</f>
        <v>3.340645349834976E-2</v>
      </c>
      <c r="F51" cm="1">
        <f t="array" ref="F51">INDEX(LINEST(D22:D80,$A22:$B80),1)*2</f>
        <v>-1.1003179554992098E-2</v>
      </c>
      <c r="G51">
        <f t="shared" si="1"/>
        <v>1.9619610139580812</v>
      </c>
      <c r="H51">
        <f t="shared" si="2"/>
        <v>-0.64621673526468582</v>
      </c>
      <c r="J51">
        <v>14.884333989804954</v>
      </c>
      <c r="K51">
        <v>2.192270973046218</v>
      </c>
      <c r="L51" cm="1">
        <f t="array" ref="L51">INDEX(LINEST(J22:J80,$A22:$B80),1)*2</f>
        <v>-2.1715923220907176E-2</v>
      </c>
      <c r="M51" cm="1">
        <f t="array" ref="M51">INDEX(LINEST(K22:K80,$A22:$B80),1)*2</f>
        <v>1.2797397176203484E-2</v>
      </c>
      <c r="N51">
        <f t="shared" si="3"/>
        <v>1.7073058836277222</v>
      </c>
      <c r="O51">
        <f t="shared" si="4"/>
        <v>-1.0061313659931179</v>
      </c>
    </row>
    <row r="52" spans="1:15" x14ac:dyDescent="0.4">
      <c r="A52">
        <v>1.6666666666666667</v>
      </c>
      <c r="B52">
        <f t="shared" si="0"/>
        <v>2.7777777777777781</v>
      </c>
      <c r="C52">
        <v>-14.590110618990304</v>
      </c>
      <c r="D52">
        <v>1.9205881665594813</v>
      </c>
      <c r="E52" cm="1">
        <f t="array" ref="E52">INDEX(LINEST(C23:C81,$A23:$B81),1)*2</f>
        <v>3.4347599992950235E-2</v>
      </c>
      <c r="F52" cm="1">
        <f t="array" ref="F52">INDEX(LINEST(D23:D81,$A23:$B81),1)*2</f>
        <v>-8.4317055010837624E-3</v>
      </c>
      <c r="G52">
        <f t="shared" si="1"/>
        <v>2.0172345475859674</v>
      </c>
      <c r="H52">
        <f t="shared" si="2"/>
        <v>-0.49519406407864935</v>
      </c>
      <c r="J52">
        <v>14.879412524349339</v>
      </c>
      <c r="K52">
        <v>2.1919976040697691</v>
      </c>
      <c r="L52" cm="1">
        <f t="array" ref="L52">INDEX(LINEST(J23:J81,$A23:$B81),1)*2</f>
        <v>-2.2035826824284489E-2</v>
      </c>
      <c r="M52" cm="1">
        <f t="array" ref="M52">INDEX(LINEST(K23:K81,$A23:$B81),1)*2</f>
        <v>1.437695022197597E-2</v>
      </c>
      <c r="N52">
        <f t="shared" si="3"/>
        <v>1.7324567049252466</v>
      </c>
      <c r="O52">
        <f t="shared" si="4"/>
        <v>-1.1303158264517508</v>
      </c>
    </row>
    <row r="53" spans="1:15" x14ac:dyDescent="0.4">
      <c r="A53">
        <v>1.7</v>
      </c>
      <c r="B53">
        <f t="shared" si="0"/>
        <v>2.8899999999999997</v>
      </c>
      <c r="C53">
        <v>-14.582867866524113</v>
      </c>
      <c r="D53">
        <v>1.9225732293523852</v>
      </c>
      <c r="E53" cm="1">
        <f t="array" ref="E53">INDEX(LINEST(C24:C82,$A24:$B82),1)*2</f>
        <v>3.4394858731173254E-2</v>
      </c>
      <c r="F53" cm="1">
        <f t="array" ref="F53">INDEX(LINEST(D24:D82,$A24:$B82),1)*2</f>
        <v>-5.6419905807226231E-3</v>
      </c>
      <c r="G53">
        <f t="shared" si="1"/>
        <v>2.0200100532818053</v>
      </c>
      <c r="H53">
        <f t="shared" si="2"/>
        <v>-0.33135410680583965</v>
      </c>
      <c r="J53">
        <v>14.873463698575522</v>
      </c>
      <c r="K53">
        <v>2.1908429979226809</v>
      </c>
      <c r="L53" cm="1">
        <f t="array" ref="L53">INDEX(LINEST(J24:J82,$A24:$B82),1)*2</f>
        <v>-2.2295735105923829E-2</v>
      </c>
      <c r="M53" cm="1">
        <f t="array" ref="M53">INDEX(LINEST(K24:K82,$A24:$B82),1)*2</f>
        <v>1.5965796899940644E-2</v>
      </c>
      <c r="N53">
        <f t="shared" si="3"/>
        <v>1.7528906940277316</v>
      </c>
      <c r="O53">
        <f t="shared" si="4"/>
        <v>-1.2552309522733336</v>
      </c>
    </row>
    <row r="54" spans="1:15" x14ac:dyDescent="0.4">
      <c r="A54">
        <v>1.7333333333333334</v>
      </c>
      <c r="B54">
        <f t="shared" si="0"/>
        <v>3.0044444444444447</v>
      </c>
      <c r="C54">
        <v>-14.577738715350103</v>
      </c>
      <c r="D54">
        <v>1.9244644878724253</v>
      </c>
      <c r="E54" cm="1">
        <f t="array" ref="E54">INDEX(LINEST(C25:C83,$A25:$B83),1)*2</f>
        <v>3.4163823415568804E-2</v>
      </c>
      <c r="F54" cm="1">
        <f t="array" ref="F54">INDEX(LINEST(D25:D83,$A25:$B83),1)*2</f>
        <v>-2.7993269413846738E-3</v>
      </c>
      <c r="G54">
        <f t="shared" si="1"/>
        <v>2.006441349196356</v>
      </c>
      <c r="H54">
        <f t="shared" si="2"/>
        <v>-0.16440447126752189</v>
      </c>
      <c r="J54">
        <v>14.869446526106811</v>
      </c>
      <c r="K54">
        <v>2.188396411550563</v>
      </c>
      <c r="L54" cm="1">
        <f t="array" ref="L54">INDEX(LINEST(J25:J83,$A25:$B83),1)*2</f>
        <v>-2.2733053693170229E-2</v>
      </c>
      <c r="M54" cm="1">
        <f t="array" ref="M54">INDEX(LINEST(K25:K83,$A25:$B83),1)*2</f>
        <v>1.6766404336953401E-2</v>
      </c>
      <c r="N54">
        <f t="shared" si="3"/>
        <v>1.7872726813570434</v>
      </c>
      <c r="O54">
        <f t="shared" si="4"/>
        <v>-1.3181747089712765</v>
      </c>
    </row>
    <row r="55" spans="1:15" x14ac:dyDescent="0.4">
      <c r="A55">
        <v>1.7666666666666666</v>
      </c>
      <c r="B55">
        <f t="shared" si="0"/>
        <v>3.1211111111111109</v>
      </c>
      <c r="C55">
        <v>-14.573427253774481</v>
      </c>
      <c r="D55">
        <v>1.9235552340122302</v>
      </c>
      <c r="E55" cm="1">
        <f t="array" ref="E55">INDEX(LINEST(C26:C84,$A26:$B84),1)*2</f>
        <v>3.374385725526402E-2</v>
      </c>
      <c r="F55" cm="1">
        <f t="array" ref="F55">INDEX(LINEST(D26:D84,$A26:$B84),1)*2</f>
        <v>-7.3004836945134946E-4</v>
      </c>
      <c r="G55">
        <f t="shared" si="1"/>
        <v>1.9817767366016559</v>
      </c>
      <c r="H55">
        <f t="shared" si="2"/>
        <v>-4.2875740737877754E-2</v>
      </c>
      <c r="J55">
        <v>14.86555122317157</v>
      </c>
      <c r="K55">
        <v>2.187980117993209</v>
      </c>
      <c r="L55" cm="1">
        <f t="array" ref="L55">INDEX(LINEST(J26:J84,$A26:$B84),1)*2</f>
        <v>-2.3052399668554116E-2</v>
      </c>
      <c r="M55" cm="1">
        <f t="array" ref="M55">INDEX(LINEST(K26:K84,$A26:$B84),1)*2</f>
        <v>1.6843381257153713E-2</v>
      </c>
      <c r="N55">
        <f t="shared" si="3"/>
        <v>1.8123796619417247</v>
      </c>
      <c r="O55">
        <f t="shared" si="4"/>
        <v>-1.3242266344374249</v>
      </c>
    </row>
    <row r="56" spans="1:15" x14ac:dyDescent="0.4">
      <c r="A56">
        <v>1.8</v>
      </c>
      <c r="B56">
        <f t="shared" si="0"/>
        <v>3.24</v>
      </c>
      <c r="C56">
        <v>-14.569715922534218</v>
      </c>
      <c r="D56">
        <v>1.9237593334400946</v>
      </c>
      <c r="E56" cm="1">
        <f t="array" ref="E56">INDEX(LINEST(C27:C85,$A27:$B85),1)*2</f>
        <v>3.3195578809769928E-2</v>
      </c>
      <c r="F56" cm="1">
        <f t="array" ref="F56">INDEX(LINEST(D27:D85,$A27:$B85),1)*2</f>
        <v>2.2666231487473212E-4</v>
      </c>
      <c r="G56">
        <f t="shared" si="1"/>
        <v>1.9495763434977877</v>
      </c>
      <c r="H56">
        <f t="shared" si="2"/>
        <v>1.3311877752593017E-2</v>
      </c>
      <c r="J56">
        <v>14.858514939033418</v>
      </c>
      <c r="K56">
        <v>2.186498103287807</v>
      </c>
      <c r="L56" cm="1">
        <f t="array" ref="L56">INDEX(LINEST(J27:J85,$A27:$B85),1)*2</f>
        <v>-2.2544248571339902E-2</v>
      </c>
      <c r="M56" cm="1">
        <f t="array" ref="M56">INDEX(LINEST(K27:K85,$A27:$B85),1)*2</f>
        <v>1.6137204058108642E-2</v>
      </c>
      <c r="N56">
        <f t="shared" si="3"/>
        <v>1.7724288226787432</v>
      </c>
      <c r="O56">
        <f t="shared" si="4"/>
        <v>-1.2687069830485014</v>
      </c>
    </row>
    <row r="57" spans="1:15" x14ac:dyDescent="0.4">
      <c r="A57">
        <v>1.8333333333333333</v>
      </c>
      <c r="B57">
        <f t="shared" si="0"/>
        <v>3.3611111111111107</v>
      </c>
      <c r="C57">
        <v>-14.565284914563945</v>
      </c>
      <c r="D57">
        <v>1.9241436980367166</v>
      </c>
      <c r="E57" cm="1">
        <f t="array" ref="E57">INDEX(LINEST(C28:C86,$A28:$B86),1)*2</f>
        <v>3.2032746593856354E-2</v>
      </c>
      <c r="F57" cm="1">
        <f t="array" ref="F57">INDEX(LINEST(D28:D86,$A28:$B86),1)*2</f>
        <v>1.2462192263346496E-3</v>
      </c>
      <c r="G57">
        <f t="shared" si="1"/>
        <v>1.8812832074571835</v>
      </c>
      <c r="H57">
        <f t="shared" si="2"/>
        <v>7.3190455162633963E-2</v>
      </c>
      <c r="J57">
        <v>14.855602478927326</v>
      </c>
      <c r="K57">
        <v>2.1856753868078704</v>
      </c>
      <c r="L57" cm="1">
        <f t="array" ref="L57">INDEX(LINEST(J28:J86,$A28:$B86),1)*2</f>
        <v>-2.2230650665795229E-2</v>
      </c>
      <c r="M57" cm="1">
        <f t="array" ref="M57">INDEX(LINEST(K28:K86,$A28:$B86),1)*2</f>
        <v>1.5720917149108678E-2</v>
      </c>
      <c r="N57">
        <f t="shared" si="3"/>
        <v>1.7477737553448209</v>
      </c>
      <c r="O57">
        <f t="shared" si="4"/>
        <v>-1.2359785062629243</v>
      </c>
    </row>
    <row r="58" spans="1:15" x14ac:dyDescent="0.4">
      <c r="A58">
        <v>1.8666666666666667</v>
      </c>
      <c r="B58">
        <f t="shared" si="0"/>
        <v>3.4844444444444447</v>
      </c>
      <c r="C58">
        <v>-14.561548232523363</v>
      </c>
      <c r="D58">
        <v>1.9248981211338712</v>
      </c>
      <c r="E58" cm="1">
        <f t="array" ref="E58">INDEX(LINEST(C29:C87,$A29:$B87),1)*2</f>
        <v>3.1417979181173158E-2</v>
      </c>
      <c r="F58" cm="1">
        <f t="array" ref="F58">INDEX(LINEST(D29:D87,$A29:$B87),1)*2</f>
        <v>1.1805203115837538E-3</v>
      </c>
      <c r="G58">
        <f t="shared" si="1"/>
        <v>1.8451779173102996</v>
      </c>
      <c r="H58">
        <f t="shared" si="2"/>
        <v>6.9331957899313859E-2</v>
      </c>
      <c r="J58">
        <v>14.853260114746274</v>
      </c>
      <c r="K58">
        <v>2.1862580561661806</v>
      </c>
      <c r="L58" cm="1">
        <f t="array" ref="L58">INDEX(LINEST(J29:J87,$A29:$B87),1)*2</f>
        <v>-2.2009903100545639E-2</v>
      </c>
      <c r="M58" cm="1">
        <f t="array" ref="M58">INDEX(LINEST(K29:K87,$A29:$B87),1)*2</f>
        <v>1.5009224048783035E-2</v>
      </c>
      <c r="N58">
        <f t="shared" si="3"/>
        <v>1.7304185817648983</v>
      </c>
      <c r="O58">
        <f t="shared" si="4"/>
        <v>-1.1800251947153222</v>
      </c>
    </row>
    <row r="59" spans="1:15" x14ac:dyDescent="0.4">
      <c r="A59">
        <v>1.9</v>
      </c>
      <c r="B59">
        <f t="shared" si="0"/>
        <v>3.61</v>
      </c>
      <c r="C59">
        <v>-14.556824391363385</v>
      </c>
      <c r="D59">
        <v>1.9235288508129569</v>
      </c>
      <c r="E59" cm="1">
        <f t="array" ref="E59">INDEX(LINEST(C30:C88,$A30:$B88),1)*2</f>
        <v>3.1230014540108538E-2</v>
      </c>
      <c r="F59" cm="1">
        <f t="array" ref="F59">INDEX(LINEST(D30:D88,$A30:$B88),1)*2</f>
        <v>3.6241808789776083E-4</v>
      </c>
      <c r="G59">
        <f t="shared" si="1"/>
        <v>1.8341387539405742</v>
      </c>
      <c r="H59">
        <f t="shared" si="2"/>
        <v>2.1284814302235493E-2</v>
      </c>
      <c r="J59">
        <v>14.847287753018007</v>
      </c>
      <c r="K59">
        <v>2.1848924440002269</v>
      </c>
      <c r="L59" cm="1">
        <f t="array" ref="L59">INDEX(LINEST(J30:J88,$A30:$B88),1)*2</f>
        <v>-2.1848357308134437E-2</v>
      </c>
      <c r="M59" cm="1">
        <f t="array" ref="M59">INDEX(LINEST(K30:K88,$A30:$B88),1)*2</f>
        <v>1.217797099949108E-2</v>
      </c>
      <c r="N59">
        <f t="shared" si="3"/>
        <v>1.7177178515655296</v>
      </c>
      <c r="O59">
        <f t="shared" si="4"/>
        <v>-0.9574320799799888</v>
      </c>
    </row>
    <row r="60" spans="1:15" x14ac:dyDescent="0.4">
      <c r="A60">
        <v>1.9333333333333333</v>
      </c>
      <c r="B60">
        <f t="shared" si="0"/>
        <v>3.7377777777777776</v>
      </c>
      <c r="C60">
        <v>-14.553982617634325</v>
      </c>
      <c r="D60">
        <v>1.9211185069732228</v>
      </c>
      <c r="E60" cm="1">
        <f t="array" ref="E60">INDEX(LINEST(C31:C89,$A31:$B89),1)*2</f>
        <v>3.083488464081972E-2</v>
      </c>
      <c r="F60" cm="1">
        <f t="array" ref="F60">INDEX(LINEST(D31:D89,$A31:$B89),1)*2</f>
        <v>-1.2894608130517297E-4</v>
      </c>
      <c r="G60">
        <f t="shared" si="1"/>
        <v>1.8109327749553421</v>
      </c>
      <c r="H60">
        <f t="shared" si="2"/>
        <v>-7.5730033550528084E-3</v>
      </c>
      <c r="J60">
        <v>14.843080010560373</v>
      </c>
      <c r="K60">
        <v>2.18368788789987</v>
      </c>
      <c r="L60" cm="1">
        <f t="array" ref="L60">INDEX(LINEST(J31:J89,$A31:$B89),1)*2</f>
        <v>-2.1643593048974046E-2</v>
      </c>
      <c r="M60" cm="1">
        <f t="array" ref="M60">INDEX(LINEST(K31:K89,$A31:$B89),1)*2</f>
        <v>8.8247181402926807E-3</v>
      </c>
      <c r="N60">
        <f t="shared" si="3"/>
        <v>1.7016192855103396</v>
      </c>
      <c r="O60">
        <f t="shared" si="4"/>
        <v>-0.6937993401898106</v>
      </c>
    </row>
    <row r="61" spans="1:15" x14ac:dyDescent="0.4">
      <c r="A61">
        <v>1.9666666666666666</v>
      </c>
      <c r="B61">
        <f t="shared" si="0"/>
        <v>3.8677777777777775</v>
      </c>
      <c r="C61">
        <v>-14.549093000725037</v>
      </c>
      <c r="D61">
        <v>1.9176841529298554</v>
      </c>
      <c r="E61" cm="1">
        <f t="array" ref="E61">INDEX(LINEST(C32:C90,$A32:$B90),1)*2</f>
        <v>2.9890873613413679E-2</v>
      </c>
      <c r="F61" cm="1">
        <f t="array" ref="F61">INDEX(LINEST(D32:D90,$A32:$B90),1)*2</f>
        <v>-6.184392903566822E-4</v>
      </c>
      <c r="G61">
        <f t="shared" si="1"/>
        <v>1.7554910073157852</v>
      </c>
      <c r="H61">
        <f t="shared" si="2"/>
        <v>-3.6320939522647942E-2</v>
      </c>
      <c r="J61">
        <v>14.836932894618974</v>
      </c>
      <c r="K61">
        <v>2.182965402358013</v>
      </c>
      <c r="L61" cm="1">
        <f t="array" ref="L61">INDEX(LINEST(J32:J90,$A32:$B90),1)*2</f>
        <v>-2.0775143081720768E-2</v>
      </c>
      <c r="M61" cm="1">
        <f t="array" ref="M61">INDEX(LINEST(K32:K90,$A32:$B90),1)*2</f>
        <v>6.1976676610343232E-3</v>
      </c>
      <c r="N61">
        <f t="shared" si="3"/>
        <v>1.6333417490848869</v>
      </c>
      <c r="O61">
        <f t="shared" si="4"/>
        <v>-0.48726063151051852</v>
      </c>
    </row>
    <row r="62" spans="1:15" x14ac:dyDescent="0.4">
      <c r="A62">
        <v>2</v>
      </c>
      <c r="B62">
        <f t="shared" si="0"/>
        <v>4</v>
      </c>
      <c r="C62">
        <v>-14.545209052637109</v>
      </c>
      <c r="D62">
        <v>1.9170372809750349</v>
      </c>
      <c r="E62" cm="1">
        <f t="array" ref="E62">INDEX(LINEST(C33:C91,$A33:$B91),1)*2</f>
        <v>2.9864938650113051E-2</v>
      </c>
      <c r="F62" cm="1">
        <f t="array" ref="F62">INDEX(LINEST(D33:D91,$A33:$B91),1)*2</f>
        <v>-8.9461180885360521E-4</v>
      </c>
      <c r="G62">
        <f t="shared" si="1"/>
        <v>1.7539678469211393</v>
      </c>
      <c r="H62">
        <f t="shared" si="2"/>
        <v>-5.2540551533972232E-2</v>
      </c>
      <c r="J62">
        <v>14.83226048362261</v>
      </c>
      <c r="K62">
        <v>2.1835978647671808</v>
      </c>
      <c r="L62" cm="1">
        <f t="array" ref="L62">INDEX(LINEST(J33:J91,$A33:$B91),1)*2</f>
        <v>-1.9672983044514262E-2</v>
      </c>
      <c r="M62" cm="1">
        <f t="array" ref="M62">INDEX(LINEST(K33:K91,$A33:$B91),1)*2</f>
        <v>3.6534050012505962E-3</v>
      </c>
      <c r="N62">
        <f t="shared" si="3"/>
        <v>1.5466899269597114</v>
      </c>
      <c r="O62">
        <f t="shared" si="4"/>
        <v>-0.28723070119832189</v>
      </c>
    </row>
    <row r="63" spans="1:15" x14ac:dyDescent="0.4">
      <c r="A63">
        <v>2.0333333333333332</v>
      </c>
      <c r="B63">
        <f t="shared" si="0"/>
        <v>4.1344444444444441</v>
      </c>
      <c r="C63">
        <v>-14.538184845037815</v>
      </c>
      <c r="D63">
        <v>1.9136151631736484</v>
      </c>
      <c r="E63" cm="1">
        <f t="array" ref="E63">INDEX(LINEST(C34:C92,$A34:$B92),1)*2</f>
        <v>3.0129592935496049E-2</v>
      </c>
      <c r="F63" cm="1">
        <f t="array" ref="F63">INDEX(LINEST(D34:D92,$A34:$B92),1)*2</f>
        <v>-1.3554806119414314E-3</v>
      </c>
      <c r="G63">
        <f t="shared" si="1"/>
        <v>1.7695109931016828</v>
      </c>
      <c r="H63">
        <f t="shared" si="2"/>
        <v>-7.960737633932026E-2</v>
      </c>
      <c r="J63">
        <v>14.828893856649033</v>
      </c>
      <c r="K63">
        <v>2.1812600397998909</v>
      </c>
      <c r="L63" cm="1">
        <f t="array" ref="L63">INDEX(LINEST(J34:J92,$A34:$B92),1)*2</f>
        <v>-1.9827714372350341E-2</v>
      </c>
      <c r="M63" cm="1">
        <f t="array" ref="M63">INDEX(LINEST(K34:K92,$A34:$B92),1)*2</f>
        <v>1.1813974404589781E-3</v>
      </c>
      <c r="N63">
        <f t="shared" si="3"/>
        <v>1.5588549039541839</v>
      </c>
      <c r="O63">
        <f t="shared" si="4"/>
        <v>-9.2881466768884868E-2</v>
      </c>
    </row>
    <row r="64" spans="1:15" x14ac:dyDescent="0.4">
      <c r="A64">
        <v>2.0666666666666669</v>
      </c>
      <c r="B64">
        <f t="shared" si="0"/>
        <v>4.2711111111111117</v>
      </c>
      <c r="C64">
        <v>-14.531427318680629</v>
      </c>
      <c r="D64">
        <v>1.9138994006669188</v>
      </c>
      <c r="E64" cm="1">
        <f t="array" ref="E64">INDEX(LINEST(C35:C93,$A35:$B93),1)*2</f>
        <v>3.0187401985555008E-2</v>
      </c>
      <c r="F64" cm="1">
        <f t="array" ref="F64">INDEX(LINEST(D35:D93,$A35:$B93),1)*2</f>
        <v>-2.1248886391186882E-3</v>
      </c>
      <c r="G64">
        <f t="shared" si="1"/>
        <v>1.7729061186116455</v>
      </c>
      <c r="H64">
        <f t="shared" si="2"/>
        <v>-0.12479470977544055</v>
      </c>
      <c r="J64">
        <v>14.821860089682382</v>
      </c>
      <c r="K64">
        <v>2.1800719414180043</v>
      </c>
      <c r="L64" cm="1">
        <f t="array" ref="L64">INDEX(LINEST(J35:J93,$A35:$B93),1)*2</f>
        <v>-1.8932909508700049E-2</v>
      </c>
      <c r="M64" cm="1">
        <f t="array" ref="M64">INDEX(LINEST(K35:K93,$A35:$B93),1)*2</f>
        <v>-2.106604513183679E-5</v>
      </c>
      <c r="N64">
        <f t="shared" si="3"/>
        <v>1.4885053455739978</v>
      </c>
      <c r="O64">
        <f t="shared" si="4"/>
        <v>1.6562124682650086E-3</v>
      </c>
    </row>
    <row r="65" spans="1:15" x14ac:dyDescent="0.4">
      <c r="A65">
        <v>2.1</v>
      </c>
      <c r="B65">
        <f t="shared" si="0"/>
        <v>4.41</v>
      </c>
      <c r="C65">
        <v>-14.52602819138853</v>
      </c>
      <c r="D65">
        <v>1.9095703275976963</v>
      </c>
      <c r="E65" cm="1">
        <f t="array" ref="E65">INDEX(LINEST(C36:C94,$A36:$B94),1)*2</f>
        <v>2.8309219109579911E-2</v>
      </c>
      <c r="F65" cm="1">
        <f t="array" ref="F65">INDEX(LINEST(D36:D94,$A36:$B94),1)*2</f>
        <v>-2.6162722108699511E-3</v>
      </c>
      <c r="G65">
        <f t="shared" si="1"/>
        <v>1.6626004383056281</v>
      </c>
      <c r="H65">
        <f t="shared" si="2"/>
        <v>-0.15365366694439223</v>
      </c>
      <c r="J65">
        <v>14.815790371112486</v>
      </c>
      <c r="K65">
        <v>2.1802651890550386</v>
      </c>
      <c r="L65" cm="1">
        <f t="array" ref="L65">INDEX(LINEST(J36:J94,$A36:$B94),1)*2</f>
        <v>-1.8300354493035034E-2</v>
      </c>
      <c r="M65" cm="1">
        <f t="array" ref="M65">INDEX(LINEST(K36:K94,$A36:$B94),1)*2</f>
        <v>-1.408183360529098E-3</v>
      </c>
      <c r="N65">
        <f t="shared" si="3"/>
        <v>1.4387738702424144</v>
      </c>
      <c r="O65">
        <f t="shared" si="4"/>
        <v>0.11071137580479769</v>
      </c>
    </row>
    <row r="66" spans="1:15" x14ac:dyDescent="0.4">
      <c r="A66">
        <v>2.1333333333333333</v>
      </c>
      <c r="B66">
        <f t="shared" si="0"/>
        <v>4.5511111111111111</v>
      </c>
      <c r="C66">
        <v>-14.518848252314985</v>
      </c>
      <c r="D66">
        <v>1.9067572046913743</v>
      </c>
      <c r="E66" cm="1">
        <f t="array" ref="E66">INDEX(LINEST(C37:C95,$A37:$B95),1)*2</f>
        <v>2.6614027939400389E-2</v>
      </c>
      <c r="F66" cm="1">
        <f t="array" ref="F66">INDEX(LINEST(D37:D95,$A37:$B95),1)*2</f>
        <v>-2.5900302106259517E-3</v>
      </c>
      <c r="G66">
        <f t="shared" si="1"/>
        <v>1.5630418608809848</v>
      </c>
      <c r="H66">
        <f t="shared" si="2"/>
        <v>-0.15211247427006214</v>
      </c>
      <c r="J66">
        <v>14.807515901402136</v>
      </c>
      <c r="K66">
        <v>2.1824485454277727</v>
      </c>
      <c r="L66" cm="1">
        <f t="array" ref="L66">INDEX(LINEST(J37:J95,$A37:$B95),1)*2</f>
        <v>-1.899011803955716E-2</v>
      </c>
      <c r="M66" cm="1">
        <f t="array" ref="M66">INDEX(LINEST(K37:K95,$A37:$B95),1)*2</f>
        <v>-2.1061675465495148E-3</v>
      </c>
      <c r="N66">
        <f t="shared" si="3"/>
        <v>1.4930030802699841</v>
      </c>
      <c r="O66">
        <f t="shared" si="4"/>
        <v>0.16558689250972286</v>
      </c>
    </row>
    <row r="67" spans="1:15" x14ac:dyDescent="0.4">
      <c r="A67">
        <v>2.1666666666666665</v>
      </c>
      <c r="B67">
        <f t="shared" ref="B67:B130" si="5">A67^2</f>
        <v>4.6944444444444438</v>
      </c>
      <c r="C67">
        <v>-14.513063663864756</v>
      </c>
      <c r="D67">
        <v>1.9069138901070779</v>
      </c>
      <c r="E67" cm="1">
        <f t="array" ref="E67">INDEX(LINEST(C38:C96,$A38:$B96),1)*2</f>
        <v>2.595946225375536E-2</v>
      </c>
      <c r="F67" cm="1">
        <f t="array" ref="F67">INDEX(LINEST(D38:D96,$A38:$B96),1)*2</f>
        <v>-2.0587231418959552E-3</v>
      </c>
      <c r="G67">
        <f t="shared" si="1"/>
        <v>1.5245992181630521</v>
      </c>
      <c r="H67">
        <f t="shared" si="2"/>
        <v>-0.12090881012354944</v>
      </c>
      <c r="J67">
        <v>14.804772646827017</v>
      </c>
      <c r="K67">
        <v>2.1837260761012898</v>
      </c>
      <c r="L67" cm="1">
        <f t="array" ref="L67">INDEX(LINEST(J38:J96,$A38:$B96),1)*2</f>
        <v>-1.9656481338540879E-2</v>
      </c>
      <c r="M67" cm="1">
        <f t="array" ref="M67">INDEX(LINEST(K38:K96,$A38:$B96),1)*2</f>
        <v>-2.9046371554681226E-3</v>
      </c>
      <c r="N67">
        <f t="shared" si="3"/>
        <v>1.5453925628360841</v>
      </c>
      <c r="O67">
        <f t="shared" si="4"/>
        <v>0.22836257316290381</v>
      </c>
    </row>
    <row r="68" spans="1:15" x14ac:dyDescent="0.4">
      <c r="A68">
        <v>2.2000000000000002</v>
      </c>
      <c r="B68">
        <f t="shared" si="5"/>
        <v>4.8400000000000007</v>
      </c>
      <c r="C68">
        <v>-14.508734715682085</v>
      </c>
      <c r="D68">
        <v>1.9068956856775545</v>
      </c>
      <c r="E68" cm="1">
        <f t="array" ref="E68">INDEX(LINEST(C39:C97,$A39:$B97),1)*2</f>
        <v>2.5395507556294092E-2</v>
      </c>
      <c r="F68" cm="1">
        <f t="array" ref="F68">INDEX(LINEST(D39:D97,$A39:$B97),1)*2</f>
        <v>-1.1631477986331193E-3</v>
      </c>
      <c r="G68">
        <f t="shared" si="1"/>
        <v>1.4914781587811519</v>
      </c>
      <c r="H68">
        <f t="shared" si="2"/>
        <v>-6.8311670213723086E-2</v>
      </c>
      <c r="J68">
        <v>14.802803972011693</v>
      </c>
      <c r="K68">
        <v>2.1829340997793811</v>
      </c>
      <c r="L68" cm="1">
        <f t="array" ref="L68">INDEX(LINEST(J39:J97,$A39:$B97),1)*2</f>
        <v>-2.0315260209177257E-2</v>
      </c>
      <c r="M68" cm="1">
        <f t="array" ref="M68">INDEX(LINEST(K39:K97,$A39:$B97),1)*2</f>
        <v>-3.4094786364252732E-3</v>
      </c>
      <c r="N68">
        <f t="shared" si="3"/>
        <v>1.597185757645516</v>
      </c>
      <c r="O68">
        <f t="shared" si="4"/>
        <v>0.26805321039575497</v>
      </c>
    </row>
    <row r="69" spans="1:15" x14ac:dyDescent="0.4">
      <c r="A69">
        <v>2.2333333333333334</v>
      </c>
      <c r="B69">
        <f t="shared" si="5"/>
        <v>4.9877777777777776</v>
      </c>
      <c r="C69">
        <v>-14.505152343006751</v>
      </c>
      <c r="D69">
        <v>1.9070013538913448</v>
      </c>
      <c r="E69" cm="1">
        <f t="array" ref="E69">INDEX(LINEST(C40:C98,$A40:$B98),1)*2</f>
        <v>2.4049224569048549E-2</v>
      </c>
      <c r="F69" cm="1">
        <f t="array" ref="F69">INDEX(LINEST(D40:D98,$A40:$B98),1)*2</f>
        <v>5.6808525146356836E-4</v>
      </c>
      <c r="G69">
        <f t="shared" si="1"/>
        <v>1.4124109589402212</v>
      </c>
      <c r="H69">
        <f t="shared" si="2"/>
        <v>3.336364681845537E-2</v>
      </c>
      <c r="J69">
        <v>14.79860226876025</v>
      </c>
      <c r="K69">
        <v>2.1809162475216599</v>
      </c>
      <c r="L69" cm="1">
        <f t="array" ref="L69">INDEX(LINEST(J40:J98,$A40:$B98),1)*2</f>
        <v>-2.083981663998637E-2</v>
      </c>
      <c r="M69" cm="1">
        <f t="array" ref="M69">INDEX(LINEST(K40:K98,$A40:$B98),1)*2</f>
        <v>-2.9762666850579899E-3</v>
      </c>
      <c r="N69">
        <f t="shared" si="3"/>
        <v>1.6384263842357285</v>
      </c>
      <c r="O69">
        <f t="shared" si="4"/>
        <v>0.23399408677925917</v>
      </c>
    </row>
    <row r="70" spans="1:15" x14ac:dyDescent="0.4">
      <c r="A70">
        <v>2.2666666666666666</v>
      </c>
      <c r="B70">
        <f t="shared" si="5"/>
        <v>5.1377777777777771</v>
      </c>
      <c r="C70">
        <v>-14.504497382028946</v>
      </c>
      <c r="D70">
        <v>1.90661079336224</v>
      </c>
      <c r="E70" cm="1">
        <f t="array" ref="E70">INDEX(LINEST(C41:C99,$A41:$B99),1)*2</f>
        <v>2.3044844646758787E-2</v>
      </c>
      <c r="F70" cm="1">
        <f t="array" ref="F70">INDEX(LINEST(D41:D99,$A41:$B99),1)*2</f>
        <v>1.6597793279047694E-3</v>
      </c>
      <c r="G70">
        <f t="shared" si="1"/>
        <v>1.3534237261041435</v>
      </c>
      <c r="H70">
        <f t="shared" si="2"/>
        <v>9.7478839927847102E-2</v>
      </c>
      <c r="J70">
        <v>14.796842328778828</v>
      </c>
      <c r="K70">
        <v>2.1797771088335485</v>
      </c>
      <c r="L70" cm="1">
        <f t="array" ref="L70">INDEX(LINEST(J41:J99,$A41:$B99),1)*2</f>
        <v>-2.1310890962448328E-2</v>
      </c>
      <c r="M70" cm="1">
        <f t="array" ref="M70">INDEX(LINEST(K41:K99,$A41:$B99),1)*2</f>
        <v>-1.8420417263735308E-3</v>
      </c>
      <c r="N70">
        <f t="shared" si="3"/>
        <v>1.6754622474676877</v>
      </c>
      <c r="O70">
        <f t="shared" si="4"/>
        <v>0.144821320527487</v>
      </c>
    </row>
    <row r="71" spans="1:15" x14ac:dyDescent="0.4">
      <c r="A71">
        <v>2.2999999999999998</v>
      </c>
      <c r="B71">
        <f t="shared" si="5"/>
        <v>5.2899999999999991</v>
      </c>
      <c r="C71">
        <v>-14.498693332126317</v>
      </c>
      <c r="D71">
        <v>1.9069257412109379</v>
      </c>
      <c r="E71" cm="1">
        <f t="array" ref="E71">INDEX(LINEST(C42:C100,$A42:$B100),1)*2</f>
        <v>2.1377111605224108E-2</v>
      </c>
      <c r="F71" cm="1">
        <f t="array" ref="F71">INDEX(LINEST(D42:D100,$A42:$B100),1)*2</f>
        <v>3.3525913596022809E-3</v>
      </c>
      <c r="G71">
        <f t="shared" si="1"/>
        <v>1.2554777645748119</v>
      </c>
      <c r="H71">
        <f t="shared" si="2"/>
        <v>0.19689769054944195</v>
      </c>
      <c r="J71">
        <v>14.792479032261033</v>
      </c>
      <c r="K71">
        <v>2.1783328681661809</v>
      </c>
      <c r="L71" cm="1">
        <f t="array" ref="L71">INDEX(LINEST(J42:J100,$A42:$B100),1)*2</f>
        <v>-2.1228093647166709E-2</v>
      </c>
      <c r="M71" cm="1">
        <f t="array" ref="M71">INDEX(LINEST(K42:K100,$A42:$B100),1)*2</f>
        <v>-1.0230974106692676E-3</v>
      </c>
      <c r="N71">
        <f t="shared" si="3"/>
        <v>1.6689527225402467</v>
      </c>
      <c r="O71">
        <f t="shared" si="4"/>
        <v>8.0435918426817826E-2</v>
      </c>
    </row>
    <row r="72" spans="1:15" x14ac:dyDescent="0.4">
      <c r="A72">
        <v>2.3333333333333335</v>
      </c>
      <c r="B72">
        <f t="shared" si="5"/>
        <v>5.4444444444444455</v>
      </c>
      <c r="C72">
        <v>-14.489311269127423</v>
      </c>
      <c r="D72">
        <v>1.9089246375606284</v>
      </c>
      <c r="E72" cm="1">
        <f t="array" ref="E72">INDEX(LINEST(C43:C101,$A43:$B101),1)*2</f>
        <v>1.9413964707045418E-2</v>
      </c>
      <c r="F72" cm="1">
        <f t="array" ref="F72">INDEX(LINEST(D43:D101,$A43:$B101),1)*2</f>
        <v>5.6073720990702704E-3</v>
      </c>
      <c r="G72">
        <f t="shared" si="1"/>
        <v>1.1401821472447773</v>
      </c>
      <c r="H72">
        <f t="shared" si="2"/>
        <v>0.32932096337839695</v>
      </c>
      <c r="J72">
        <v>14.786972416508888</v>
      </c>
      <c r="K72">
        <v>2.1807687560055142</v>
      </c>
      <c r="L72" cm="1">
        <f t="array" ref="L72">INDEX(LINEST(J43:J101,$A43:$B101),1)*2</f>
        <v>-2.0721137125136003E-2</v>
      </c>
      <c r="M72" cm="1">
        <f t="array" ref="M72">INDEX(LINEST(K43:K101,$A43:$B101),1)*2</f>
        <v>-4.2337730199985585E-4</v>
      </c>
      <c r="N72">
        <f t="shared" si="3"/>
        <v>1.6290958007781926</v>
      </c>
      <c r="O72">
        <f t="shared" si="4"/>
        <v>3.3285923483228667E-2</v>
      </c>
    </row>
    <row r="73" spans="1:15" x14ac:dyDescent="0.4">
      <c r="A73">
        <v>2.3666666666666667</v>
      </c>
      <c r="B73">
        <f t="shared" si="5"/>
        <v>5.6011111111111109</v>
      </c>
      <c r="C73">
        <v>-14.479501773442157</v>
      </c>
      <c r="D73">
        <v>1.9092545278961073</v>
      </c>
      <c r="E73" cm="1">
        <f t="array" ref="E73">INDEX(LINEST(C44:C102,$A44:$B102),1)*2</f>
        <v>1.8243017009811513E-2</v>
      </c>
      <c r="F73" cm="1">
        <f t="array" ref="F73">INDEX(LINEST(D44:D102,$A44:$B102),1)*2</f>
        <v>8.5438112798742194E-3</v>
      </c>
      <c r="G73">
        <f t="shared" si="1"/>
        <v>1.0714123889862301</v>
      </c>
      <c r="H73">
        <f t="shared" si="2"/>
        <v>0.50177803646701291</v>
      </c>
      <c r="J73">
        <v>14.781653611310317</v>
      </c>
      <c r="K73">
        <v>2.1810846117064306</v>
      </c>
      <c r="L73" cm="1">
        <f t="array" ref="L73">INDEX(LINEST(J44:J102,$A44:$B102),1)*2</f>
        <v>-2.0085947458404595E-2</v>
      </c>
      <c r="M73" cm="1">
        <f t="array" ref="M73">INDEX(LINEST(K44:K102,$A44:$B102),1)*2</f>
        <v>6.0924394056374915E-4</v>
      </c>
      <c r="N73">
        <f t="shared" si="3"/>
        <v>1.5791571891797693</v>
      </c>
      <c r="O73">
        <f t="shared" si="4"/>
        <v>-4.7898758607121963E-2</v>
      </c>
    </row>
    <row r="74" spans="1:15" x14ac:dyDescent="0.4">
      <c r="A74">
        <v>2.4</v>
      </c>
      <c r="B74">
        <f t="shared" si="5"/>
        <v>5.76</v>
      </c>
      <c r="C74">
        <v>-14.473618444615566</v>
      </c>
      <c r="D74">
        <v>1.9095019951922394</v>
      </c>
      <c r="E74" cm="1">
        <f t="array" ref="E74">INDEX(LINEST(C45:C103,$A45:$B103),1)*2</f>
        <v>1.6674601664370653E-2</v>
      </c>
      <c r="F74" cm="1">
        <f t="array" ref="F74">INDEX(LINEST(D45:D103,$A45:$B103),1)*2</f>
        <v>1.0305383621334244E-2</v>
      </c>
      <c r="G74">
        <f t="shared" si="1"/>
        <v>0.97929935574848836</v>
      </c>
      <c r="H74">
        <f t="shared" si="2"/>
        <v>0.60523518008096011</v>
      </c>
      <c r="J74">
        <v>14.775794390129265</v>
      </c>
      <c r="K74">
        <v>2.1811322218919322</v>
      </c>
      <c r="L74" cm="1">
        <f t="array" ref="L74">INDEX(LINEST(J45:J103,$A45:$B103),1)*2</f>
        <v>-2.0003347122352567E-2</v>
      </c>
      <c r="M74" cm="1">
        <f t="array" ref="M74">INDEX(LINEST(K45:K103,$A45:$B103),1)*2</f>
        <v>1.4015738831921452E-3</v>
      </c>
      <c r="N74">
        <f t="shared" si="3"/>
        <v>1.5726631507593589</v>
      </c>
      <c r="O74">
        <f t="shared" si="4"/>
        <v>-0.11019173869656647</v>
      </c>
    </row>
    <row r="75" spans="1:15" x14ac:dyDescent="0.4">
      <c r="A75">
        <v>2.4333333333333331</v>
      </c>
      <c r="B75">
        <f t="shared" si="5"/>
        <v>5.9211111111111103</v>
      </c>
      <c r="C75">
        <v>-14.465376181388091</v>
      </c>
      <c r="D75">
        <v>1.9117676380074693</v>
      </c>
      <c r="E75" cm="1">
        <f t="array" ref="E75">INDEX(LINEST(C46:C104,$A46:$B104),1)*2</f>
        <v>1.6050645060637643E-2</v>
      </c>
      <c r="F75" cm="1">
        <f t="array" ref="F75">INDEX(LINEST(D46:D104,$A46:$B104),1)*2</f>
        <v>1.2331401623542178E-2</v>
      </c>
      <c r="G75">
        <f t="shared" si="1"/>
        <v>0.94265438441124871</v>
      </c>
      <c r="H75">
        <f t="shared" si="2"/>
        <v>0.72422321735063211</v>
      </c>
      <c r="J75">
        <v>14.770200383733059</v>
      </c>
      <c r="K75">
        <v>2.180853554289178</v>
      </c>
      <c r="L75" cm="1">
        <f t="array" ref="L75">INDEX(LINEST(J46:J104,$A46:$B104),1)*2</f>
        <v>-2.1180031157146135E-2</v>
      </c>
      <c r="M75" cm="1">
        <f t="array" ref="M75">INDEX(LINEST(K46:K104,$A46:$B104),1)*2</f>
        <v>1.3216448920292513E-3</v>
      </c>
      <c r="N75">
        <f t="shared" si="3"/>
        <v>1.6651740495748293</v>
      </c>
      <c r="O75">
        <f t="shared" si="4"/>
        <v>-0.10390772141133975</v>
      </c>
    </row>
    <row r="76" spans="1:15" x14ac:dyDescent="0.4">
      <c r="A76">
        <v>2.4666666666666668</v>
      </c>
      <c r="B76">
        <f t="shared" si="5"/>
        <v>6.0844444444444452</v>
      </c>
      <c r="C76">
        <v>-14.457612531548063</v>
      </c>
      <c r="D76">
        <v>1.9105704171091844</v>
      </c>
      <c r="E76" cm="1">
        <f t="array" ref="E76">INDEX(LINEST(C47:C105,$A47:$B105),1)*2</f>
        <v>1.4575261239561363E-2</v>
      </c>
      <c r="F76" cm="1">
        <f t="array" ref="F76">INDEX(LINEST(D47:D105,$A47:$B105),1)*2</f>
        <v>1.3853457190510952E-2</v>
      </c>
      <c r="G76">
        <f t="shared" si="1"/>
        <v>0.8560050925994388</v>
      </c>
      <c r="H76">
        <f t="shared" si="2"/>
        <v>0.81361354079870818</v>
      </c>
      <c r="J76">
        <v>14.765221208857509</v>
      </c>
      <c r="K76">
        <v>2.1826016644737583</v>
      </c>
      <c r="L76" cm="1">
        <f t="array" ref="L76">INDEX(LINEST(J47:J105,$A47:$B105),1)*2</f>
        <v>-2.2154903482062397E-2</v>
      </c>
      <c r="M76" cm="1">
        <f t="array" ref="M76">INDEX(LINEST(K47:K105,$A47:$B105),1)*2</f>
        <v>1.5147885007570671E-3</v>
      </c>
      <c r="N76">
        <f t="shared" si="3"/>
        <v>1.7418185117597458</v>
      </c>
      <c r="O76">
        <f t="shared" si="4"/>
        <v>-0.11909267192952062</v>
      </c>
    </row>
    <row r="77" spans="1:15" x14ac:dyDescent="0.4">
      <c r="A77">
        <v>2.5</v>
      </c>
      <c r="B77">
        <f t="shared" si="5"/>
        <v>6.25</v>
      </c>
      <c r="C77">
        <v>-14.449423088398559</v>
      </c>
      <c r="D77">
        <v>1.9144013975717824</v>
      </c>
      <c r="E77" cm="1">
        <f t="array" ref="E77">INDEX(LINEST(C48:C106,$A48:$B106),1)*2</f>
        <v>1.399353739854462E-2</v>
      </c>
      <c r="F77" cm="1">
        <f t="array" ref="F77">INDEX(LINEST(D48:D106,$A48:$B106),1)*2</f>
        <v>1.5532706613904277E-2</v>
      </c>
      <c r="G77">
        <f t="shared" si="1"/>
        <v>0.82184045141652551</v>
      </c>
      <c r="H77">
        <f t="shared" si="2"/>
        <v>0.91223585943459817</v>
      </c>
      <c r="J77">
        <v>14.76309373559276</v>
      </c>
      <c r="K77">
        <v>2.1818650657449847</v>
      </c>
      <c r="L77" cm="1">
        <f t="array" ref="L77">INDEX(LINEST(J48:J106,$A48:$B106),1)*2</f>
        <v>-2.3682784372594971E-2</v>
      </c>
      <c r="M77" cm="1">
        <f t="array" ref="M77">INDEX(LINEST(K48:K106,$A48:$B106),1)*2</f>
        <v>2.1582332129511409E-3</v>
      </c>
      <c r="N77">
        <f t="shared" si="3"/>
        <v>1.8619405073734168</v>
      </c>
      <c r="O77">
        <f t="shared" si="4"/>
        <v>-0.16968029520221872</v>
      </c>
    </row>
    <row r="78" spans="1:15" x14ac:dyDescent="0.4">
      <c r="A78">
        <v>2.5333333333333332</v>
      </c>
      <c r="B78">
        <f t="shared" si="5"/>
        <v>6.4177777777777774</v>
      </c>
      <c r="C78">
        <v>-14.439382274457381</v>
      </c>
      <c r="D78">
        <v>1.9176105284749441</v>
      </c>
      <c r="E78" cm="1">
        <f t="array" ref="E78">INDEX(LINEST(C49:C107,$A49:$B107),1)*2</f>
        <v>1.3859025983267995E-2</v>
      </c>
      <c r="F78" cm="1">
        <f t="array" ref="F78">INDEX(LINEST(D49:D107,$A49:$B107),1)*2</f>
        <v>1.7669925022008873E-2</v>
      </c>
      <c r="G78">
        <f t="shared" si="1"/>
        <v>0.81394059599732937</v>
      </c>
      <c r="H78">
        <f t="shared" si="2"/>
        <v>1.037754696542581</v>
      </c>
      <c r="J78">
        <v>14.75725015745506</v>
      </c>
      <c r="K78">
        <v>2.1817975500365434</v>
      </c>
      <c r="L78" cm="1">
        <f t="array" ref="L78">INDEX(LINEST(J49:J107,$A49:$B107),1)*2</f>
        <v>-2.5437382713085935E-2</v>
      </c>
      <c r="M78" cm="1">
        <f t="array" ref="M78">INDEX(LINEST(K49:K107,$A49:$B107),1)*2</f>
        <v>3.0987163689851268E-3</v>
      </c>
      <c r="N78">
        <f t="shared" si="3"/>
        <v>1.9998870289028163</v>
      </c>
      <c r="O78">
        <f t="shared" si="4"/>
        <v>-0.24362108092961068</v>
      </c>
    </row>
    <row r="79" spans="1:15" x14ac:dyDescent="0.4">
      <c r="A79">
        <v>2.5666666666666669</v>
      </c>
      <c r="B79">
        <f t="shared" si="5"/>
        <v>6.5877777777777791</v>
      </c>
      <c r="C79">
        <v>-14.434610871149694</v>
      </c>
      <c r="D79">
        <v>1.9174050772459574</v>
      </c>
      <c r="E79" cm="1">
        <f t="array" ref="E79">INDEX(LINEST(C50:C108,$A50:$B108),1)*2</f>
        <v>1.3088361318845946E-2</v>
      </c>
      <c r="F79" cm="1">
        <f t="array" ref="F79">INDEX(LINEST(D50:D108,$A50:$B108),1)*2</f>
        <v>1.9521991657880169E-2</v>
      </c>
      <c r="G79">
        <f t="shared" si="1"/>
        <v>0.76867946025582234</v>
      </c>
      <c r="H79">
        <f t="shared" si="2"/>
        <v>1.1465265700673022</v>
      </c>
      <c r="J79">
        <v>14.752839584884256</v>
      </c>
      <c r="K79">
        <v>2.1838976284798188</v>
      </c>
      <c r="L79" cm="1">
        <f t="array" ref="L79">INDEX(LINEST(J50:J108,$A50:$B108),1)*2</f>
        <v>-2.6070354180049219E-2</v>
      </c>
      <c r="M79" cm="1">
        <f t="array" ref="M79">INDEX(LINEST(K50:K108,$A50:$B108),1)*2</f>
        <v>2.8423170609343761E-3</v>
      </c>
      <c r="N79">
        <f t="shared" si="3"/>
        <v>2.0496512456354696</v>
      </c>
      <c r="O79">
        <f t="shared" si="4"/>
        <v>-0.22346296733066065</v>
      </c>
    </row>
    <row r="80" spans="1:15" x14ac:dyDescent="0.4">
      <c r="A80">
        <v>2.6</v>
      </c>
      <c r="B80">
        <f t="shared" si="5"/>
        <v>6.7600000000000007</v>
      </c>
      <c r="C80">
        <v>-14.428478342108731</v>
      </c>
      <c r="D80">
        <v>1.9164398607382129</v>
      </c>
      <c r="E80" cm="1">
        <f t="array" ref="E80">INDEX(LINEST(C51:C109,$A51:$B109),1)*2</f>
        <v>1.3099106502463093E-2</v>
      </c>
      <c r="F80" cm="1">
        <f t="array" ref="F80">INDEX(LINEST(D51:D109,$A51:$B109),1)*2</f>
        <v>2.2248595598932774E-2</v>
      </c>
      <c r="G80">
        <f t="shared" si="1"/>
        <v>0.76931052488965745</v>
      </c>
      <c r="H80">
        <f t="shared" si="2"/>
        <v>1.3066600195253217</v>
      </c>
      <c r="J80">
        <v>14.750709923223305</v>
      </c>
      <c r="K80">
        <v>2.1828828913458618</v>
      </c>
      <c r="L80" cm="1">
        <f t="array" ref="L80">INDEX(LINEST(J51:J109,$A51:$B109),1)*2</f>
        <v>-2.6370736491031534E-2</v>
      </c>
      <c r="M80" cm="1">
        <f t="array" ref="M80">INDEX(LINEST(K51:K109,$A51:$B109),1)*2</f>
        <v>2.0278047206801699E-3</v>
      </c>
      <c r="N80">
        <f t="shared" si="3"/>
        <v>2.0732673029248994</v>
      </c>
      <c r="O80">
        <f t="shared" si="4"/>
        <v>-0.15942600713987495</v>
      </c>
    </row>
    <row r="81" spans="1:15" x14ac:dyDescent="0.4">
      <c r="A81">
        <v>2.6333333333333333</v>
      </c>
      <c r="B81">
        <f t="shared" si="5"/>
        <v>6.934444444444444</v>
      </c>
      <c r="C81">
        <v>-14.422658198068511</v>
      </c>
      <c r="D81">
        <v>1.9158267253905987</v>
      </c>
      <c r="E81" cm="1">
        <f t="array" ref="E81">INDEX(LINEST(C52:C110,$A52:$B110),1)*2</f>
        <v>1.1674893962894882E-2</v>
      </c>
      <c r="F81" cm="1">
        <f t="array" ref="F81">INDEX(LINEST(D52:D110,$A52:$B110),1)*2</f>
        <v>2.4438739675919266E-2</v>
      </c>
      <c r="G81">
        <f t="shared" si="1"/>
        <v>0.68566652244081638</v>
      </c>
      <c r="H81">
        <f t="shared" si="2"/>
        <v>1.4352871811667385</v>
      </c>
      <c r="J81">
        <v>14.744878440788712</v>
      </c>
      <c r="K81">
        <v>2.1827756712741229</v>
      </c>
      <c r="L81" cm="1">
        <f t="array" ref="L81">INDEX(LINEST(J52:J110,$A52:$B110),1)*2</f>
        <v>-2.7438994840169411E-2</v>
      </c>
      <c r="M81" cm="1">
        <f t="array" ref="M81">INDEX(LINEST(K52:K110,$A52:$B110),1)*2</f>
        <v>1.7415731715302348E-3</v>
      </c>
      <c r="N81">
        <f t="shared" si="3"/>
        <v>2.1572537743341194</v>
      </c>
      <c r="O81">
        <f t="shared" si="4"/>
        <v>-0.13692248274570706</v>
      </c>
    </row>
    <row r="82" spans="1:15" x14ac:dyDescent="0.4">
      <c r="A82">
        <v>2.6666666666666665</v>
      </c>
      <c r="B82">
        <f t="shared" si="5"/>
        <v>7.1111111111111107</v>
      </c>
      <c r="C82">
        <v>-14.417116800982196</v>
      </c>
      <c r="D82">
        <v>1.9179618829006879</v>
      </c>
      <c r="E82" cm="1">
        <f t="array" ref="E82">INDEX(LINEST(C53:C111,$A53:$B111),1)*2</f>
        <v>1.010767432984431E-2</v>
      </c>
      <c r="F82" cm="1">
        <f t="array" ref="F82">INDEX(LINEST(D53:D111,$A53:$B111),1)*2</f>
        <v>2.5492015917903291E-2</v>
      </c>
      <c r="G82">
        <f t="shared" si="1"/>
        <v>0.59362371339175635</v>
      </c>
      <c r="H82">
        <f t="shared" si="2"/>
        <v>1.4971460948584603</v>
      </c>
      <c r="J82">
        <v>14.739818430254482</v>
      </c>
      <c r="K82">
        <v>2.1834971654205293</v>
      </c>
      <c r="L82" cm="1">
        <f t="array" ref="L82">INDEX(LINEST(J53:J111,$A53:$B111),1)*2</f>
        <v>-2.7162282712541348E-2</v>
      </c>
      <c r="M82" cm="1">
        <f t="array" ref="M82">INDEX(LINEST(K53:K111,$A53:$B111),1)*2</f>
        <v>1.6796588375943937E-3</v>
      </c>
      <c r="N82">
        <f t="shared" si="3"/>
        <v>2.1354986668600011</v>
      </c>
      <c r="O82">
        <f t="shared" si="4"/>
        <v>-0.13205477781167124</v>
      </c>
    </row>
    <row r="83" spans="1:15" x14ac:dyDescent="0.4">
      <c r="A83">
        <v>2.7</v>
      </c>
      <c r="B83">
        <f t="shared" si="5"/>
        <v>7.2900000000000009</v>
      </c>
      <c r="C83">
        <v>-14.412795836840536</v>
      </c>
      <c r="D83">
        <v>1.9184573895571504</v>
      </c>
      <c r="E83" cm="1">
        <f t="array" ref="E83">INDEX(LINEST(C54:C112,$A54:$B112),1)*2</f>
        <v>8.1478799936493731E-3</v>
      </c>
      <c r="F83" cm="1">
        <f t="array" ref="F83">INDEX(LINEST(D54:D112,$A54:$B112),1)*2</f>
        <v>2.5268758732176436E-2</v>
      </c>
      <c r="G83">
        <f t="shared" si="1"/>
        <v>0.47852499202702764</v>
      </c>
      <c r="H83">
        <f t="shared" si="2"/>
        <v>1.4840342003407221</v>
      </c>
      <c r="J83">
        <v>14.733385517347568</v>
      </c>
      <c r="K83">
        <v>2.1828685574753046</v>
      </c>
      <c r="L83" cm="1">
        <f t="array" ref="L83">INDEX(LINEST(J54:J112,$A54:$B112),1)*2</f>
        <v>-2.612450559390463E-2</v>
      </c>
      <c r="M83" cm="1">
        <f t="array" ref="M83">INDEX(LINEST(K54:K112,$A54:$B112),1)*2</f>
        <v>2.2621872091859122E-3</v>
      </c>
      <c r="N83">
        <f t="shared" si="3"/>
        <v>2.0539086297927822</v>
      </c>
      <c r="O83">
        <f t="shared" si="4"/>
        <v>-0.17785315838619642</v>
      </c>
    </row>
    <row r="84" spans="1:15" x14ac:dyDescent="0.4">
      <c r="A84">
        <v>2.7333333333333334</v>
      </c>
      <c r="B84">
        <f t="shared" si="5"/>
        <v>7.471111111111111</v>
      </c>
      <c r="C84">
        <v>-14.406281322044537</v>
      </c>
      <c r="D84">
        <v>1.9192908848039087</v>
      </c>
      <c r="E84" cm="1">
        <f t="array" ref="E84">INDEX(LINEST(C55:C113,$A55:$B113),1)*2</f>
        <v>6.6387156813551337E-3</v>
      </c>
      <c r="F84" cm="1">
        <f t="array" ref="F84">INDEX(LINEST(D55:D113,$A55:$B113),1)*2</f>
        <v>2.4109370967625339E-2</v>
      </c>
      <c r="G84">
        <f t="shared" si="1"/>
        <v>0.38989177196598696</v>
      </c>
      <c r="H84">
        <f t="shared" si="2"/>
        <v>1.4159433569286362</v>
      </c>
      <c r="J84">
        <v>14.73128933636915</v>
      </c>
      <c r="K84">
        <v>2.1819161333298642</v>
      </c>
      <c r="L84" cm="1">
        <f t="array" ref="L84">INDEX(LINEST(J55:J113,$A55:$B113),1)*2</f>
        <v>-2.5099944995578896E-2</v>
      </c>
      <c r="M84" cm="1">
        <f t="array" ref="M84">INDEX(LINEST(K55:K113,$A55:$B113),1)*2</f>
        <v>2.5447545160587211E-3</v>
      </c>
      <c r="N84">
        <f t="shared" si="3"/>
        <v>1.9733576755524129</v>
      </c>
      <c r="O84">
        <f t="shared" si="4"/>
        <v>-0.20006860005253665</v>
      </c>
    </row>
    <row r="85" spans="1:15" x14ac:dyDescent="0.4">
      <c r="A85">
        <v>2.7666666666666666</v>
      </c>
      <c r="B85">
        <f t="shared" si="5"/>
        <v>7.6544444444444437</v>
      </c>
      <c r="C85">
        <v>-14.399652831607982</v>
      </c>
      <c r="D85">
        <v>1.9188809648249534</v>
      </c>
      <c r="E85" cm="1">
        <f t="array" ref="E85">INDEX(LINEST(C56:C114,$A56:$B114),1)*2</f>
        <v>4.6029532802692383E-3</v>
      </c>
      <c r="F85" cm="1">
        <f t="array" ref="F85">INDEX(LINEST(D56:D114,$A56:$B114),1)*2</f>
        <v>2.1748117554383901E-2</v>
      </c>
      <c r="G85">
        <f t="shared" si="1"/>
        <v>0.27033144615021237</v>
      </c>
      <c r="H85">
        <f t="shared" si="2"/>
        <v>1.2772669439689663</v>
      </c>
      <c r="J85">
        <v>14.727168520098861</v>
      </c>
      <c r="K85">
        <v>2.1786434307410363</v>
      </c>
      <c r="L85" cm="1">
        <f t="array" ref="L85">INDEX(LINEST(J56:J114,$A56:$B114),1)*2</f>
        <v>-2.4495315222945215E-2</v>
      </c>
      <c r="M85" cm="1">
        <f t="array" ref="M85">INDEX(LINEST(K56:K114,$A56:$B114),1)*2</f>
        <v>3.3305859833158498E-3</v>
      </c>
      <c r="N85">
        <f t="shared" si="3"/>
        <v>1.9258216828279529</v>
      </c>
      <c r="O85">
        <f t="shared" si="4"/>
        <v>-0.26185067000829215</v>
      </c>
    </row>
    <row r="86" spans="1:15" x14ac:dyDescent="0.4">
      <c r="A86">
        <v>2.8</v>
      </c>
      <c r="B86">
        <f t="shared" si="5"/>
        <v>7.839999999999999</v>
      </c>
      <c r="C86">
        <v>-14.397686865961715</v>
      </c>
      <c r="D86">
        <v>1.9191320880756817</v>
      </c>
      <c r="E86" cm="1">
        <f t="array" ref="E86">INDEX(LINEST(C57:C115,$A57:$B115),1)*2</f>
        <v>3.4461588413502264E-3</v>
      </c>
      <c r="F86" cm="1">
        <f t="array" ref="F86">INDEX(LINEST(D57:D115,$A57:$B115),1)*2</f>
        <v>1.8179115048240553E-2</v>
      </c>
      <c r="G86">
        <f t="shared" si="1"/>
        <v>0.2023929087524988</v>
      </c>
      <c r="H86">
        <f t="shared" si="2"/>
        <v>1.0676594267831676</v>
      </c>
      <c r="J86">
        <v>14.721523150275431</v>
      </c>
      <c r="K86">
        <v>2.1800005288821436</v>
      </c>
      <c r="L86" cm="1">
        <f t="array" ref="L86">INDEX(LINEST(J57:J115,$A57:$B115),1)*2</f>
        <v>-2.4191408919667298E-2</v>
      </c>
      <c r="M86" cm="1">
        <f t="array" ref="M86">INDEX(LINEST(K57:K115,$A57:$B115),1)*2</f>
        <v>3.7559580240415485E-3</v>
      </c>
      <c r="N86">
        <f t="shared" si="3"/>
        <v>1.9019285692642431</v>
      </c>
      <c r="O86">
        <f t="shared" si="4"/>
        <v>-0.29529341985014657</v>
      </c>
    </row>
    <row r="87" spans="1:15" x14ac:dyDescent="0.4">
      <c r="A87">
        <v>2.8333333333333335</v>
      </c>
      <c r="B87">
        <f t="shared" si="5"/>
        <v>8.0277777777777786</v>
      </c>
      <c r="C87">
        <v>-14.390189529589227</v>
      </c>
      <c r="D87">
        <v>1.9164566722013463</v>
      </c>
      <c r="E87" cm="1">
        <f t="array" ref="E87">INDEX(LINEST(C58:C116,$A58:$B116),1)*2</f>
        <v>3.1955559617253843E-3</v>
      </c>
      <c r="F87" cm="1">
        <f t="array" ref="F87">INDEX(LINEST(D58:D116,$A58:$B116),1)*2</f>
        <v>1.3992268937130386E-2</v>
      </c>
      <c r="G87">
        <f t="shared" si="1"/>
        <v>0.1876750016321318</v>
      </c>
      <c r="H87">
        <f t="shared" si="2"/>
        <v>0.82176595467766755</v>
      </c>
      <c r="J87">
        <v>14.715834704972449</v>
      </c>
      <c r="K87">
        <v>2.1792143861586881</v>
      </c>
      <c r="L87" cm="1">
        <f t="array" ref="L87">INDEX(LINEST(J58:J116,$A58:$B116),1)*2</f>
        <v>-2.3930959935039148E-2</v>
      </c>
      <c r="M87" cm="1">
        <f t="array" ref="M87">INDEX(LINEST(K58:K116,$A58:$B116),1)*2</f>
        <v>4.2483994532523609E-3</v>
      </c>
      <c r="N87">
        <f t="shared" si="3"/>
        <v>1.8814520700927779</v>
      </c>
      <c r="O87">
        <f t="shared" si="4"/>
        <v>-0.33400916501470063</v>
      </c>
    </row>
    <row r="88" spans="1:15" x14ac:dyDescent="0.4">
      <c r="A88">
        <v>2.8666666666666667</v>
      </c>
      <c r="B88">
        <f t="shared" si="5"/>
        <v>8.2177777777777781</v>
      </c>
      <c r="C88">
        <v>-14.383162593973152</v>
      </c>
      <c r="D88">
        <v>1.9142591702451965</v>
      </c>
      <c r="E88" cm="1">
        <f t="array" ref="E88">INDEX(LINEST(C59:C117,$A59:$B117),1)*2</f>
        <v>5.0991286151724239E-3</v>
      </c>
      <c r="F88" cm="1">
        <f t="array" ref="F88">INDEX(LINEST(D59:D117,$A59:$B117),1)*2</f>
        <v>9.8844286991436672E-3</v>
      </c>
      <c r="G88">
        <f t="shared" si="1"/>
        <v>0.29947182356907642</v>
      </c>
      <c r="H88">
        <f t="shared" si="2"/>
        <v>0.58051249750070755</v>
      </c>
      <c r="J88">
        <v>14.708296233119626</v>
      </c>
      <c r="K88">
        <v>2.1728415246876969</v>
      </c>
      <c r="L88" cm="1">
        <f t="array" ref="L88">INDEX(LINEST(J59:J117,$A59:$B117),1)*2</f>
        <v>-2.4697671331134097E-2</v>
      </c>
      <c r="M88" cm="1">
        <f t="array" ref="M88">INDEX(LINEST(K59:K117,$A59:$B117),1)*2</f>
        <v>4.0043233364223888E-3</v>
      </c>
      <c r="N88">
        <f t="shared" si="3"/>
        <v>1.9417309200537627</v>
      </c>
      <c r="O88">
        <f t="shared" si="4"/>
        <v>-0.3148199007095282</v>
      </c>
    </row>
    <row r="89" spans="1:15" x14ac:dyDescent="0.4">
      <c r="A89">
        <v>2.9</v>
      </c>
      <c r="B89">
        <f t="shared" si="5"/>
        <v>8.41</v>
      </c>
      <c r="C89">
        <v>-14.376941794587561</v>
      </c>
      <c r="D89">
        <v>1.9146154574718741</v>
      </c>
      <c r="E89" cm="1">
        <f t="array" ref="E89">INDEX(LINEST(C60:C118,$A60:$B118),1)*2</f>
        <v>7.0432359209698309E-3</v>
      </c>
      <c r="F89" cm="1">
        <f t="array" ref="F89">INDEX(LINEST(D60:D118,$A60:$B118),1)*2</f>
        <v>6.3176605010518069E-3</v>
      </c>
      <c r="G89">
        <f t="shared" si="1"/>
        <v>0.41364924563855815</v>
      </c>
      <c r="H89">
        <f t="shared" si="2"/>
        <v>0.37103620122677261</v>
      </c>
      <c r="J89">
        <v>14.704254234977272</v>
      </c>
      <c r="K89">
        <v>2.1732631236765112</v>
      </c>
      <c r="L89" cm="1">
        <f t="array" ref="L89">INDEX(LINEST(J60:J118,$A60:$B118),1)*2</f>
        <v>-2.5176483240263406E-2</v>
      </c>
      <c r="M89" cm="1">
        <f t="array" ref="M89">INDEX(LINEST(K60:K118,$A60:$B118),1)*2</f>
        <v>4.3522145706123934E-3</v>
      </c>
      <c r="N89">
        <f t="shared" si="3"/>
        <v>1.9793751123495091</v>
      </c>
      <c r="O89">
        <f t="shared" si="4"/>
        <v>-0.34217110954154639</v>
      </c>
    </row>
    <row r="90" spans="1:15" x14ac:dyDescent="0.4">
      <c r="A90">
        <v>2.9333333333333331</v>
      </c>
      <c r="B90">
        <f t="shared" si="5"/>
        <v>8.604444444444443</v>
      </c>
      <c r="C90">
        <v>-14.374771029003558</v>
      </c>
      <c r="D90">
        <v>1.9135832192565461</v>
      </c>
      <c r="E90" cm="1">
        <f t="array" ref="E90">INDEX(LINEST(C61:C119,$A61:$B119),1)*2</f>
        <v>9.0367599748944864E-3</v>
      </c>
      <c r="F90" cm="1">
        <f t="array" ref="F90">INDEX(LINEST(D61:D119,$A61:$B119),1)*2</f>
        <v>2.8934818459200266E-3</v>
      </c>
      <c r="G90">
        <f t="shared" si="1"/>
        <v>0.53072891332555316</v>
      </c>
      <c r="H90">
        <f t="shared" si="2"/>
        <v>0.16993418881088315</v>
      </c>
      <c r="J90">
        <v>14.700060644808145</v>
      </c>
      <c r="K90">
        <v>2.1722303125392819</v>
      </c>
      <c r="L90" cm="1">
        <f t="array" ref="L90">INDEX(LINEST(J61:J119,$A61:$B119),1)*2</f>
        <v>-2.5558684022835648E-2</v>
      </c>
      <c r="M90" cm="1">
        <f t="array" ref="M90">INDEX(LINEST(K61:K119,$A61:$B119),1)*2</f>
        <v>5.1659675062846709E-3</v>
      </c>
      <c r="N90">
        <f t="shared" si="3"/>
        <v>2.0094237378753386</v>
      </c>
      <c r="O90">
        <f t="shared" si="4"/>
        <v>-0.40614836534410087</v>
      </c>
    </row>
    <row r="91" spans="1:15" x14ac:dyDescent="0.4">
      <c r="A91">
        <v>2.9666666666666668</v>
      </c>
      <c r="B91">
        <f t="shared" si="5"/>
        <v>8.801111111111112</v>
      </c>
      <c r="C91">
        <v>-14.367033959274805</v>
      </c>
      <c r="D91">
        <v>1.9115267240068383</v>
      </c>
      <c r="E91" cm="1">
        <f t="array" ref="E91">INDEX(LINEST(C62:C120,$A62:$B120),1)*2</f>
        <v>1.0251273362558386E-2</v>
      </c>
      <c r="F91" cm="1">
        <f t="array" ref="F91">INDEX(LINEST(D62:D120,$A62:$B120),1)*2</f>
        <v>1.0305393135002787E-3</v>
      </c>
      <c r="G91">
        <f t="shared" si="1"/>
        <v>0.60205728458305396</v>
      </c>
      <c r="H91">
        <f t="shared" si="2"/>
        <v>6.0523573881871365E-2</v>
      </c>
      <c r="J91">
        <v>14.694065199222928</v>
      </c>
      <c r="K91">
        <v>2.1735834536587229</v>
      </c>
      <c r="L91" cm="1">
        <f t="array" ref="L91">INDEX(LINEST(J62:J120,$A62:$B120),1)*2</f>
        <v>-2.441038190230822E-2</v>
      </c>
      <c r="M91" cm="1">
        <f t="array" ref="M91">INDEX(LINEST(K62:K120,$A62:$B120),1)*2</f>
        <v>6.1105735959137777E-3</v>
      </c>
      <c r="N91">
        <f t="shared" si="3"/>
        <v>1.9191442251594724</v>
      </c>
      <c r="O91">
        <f t="shared" si="4"/>
        <v>-0.48041329611074124</v>
      </c>
    </row>
    <row r="92" spans="1:15" x14ac:dyDescent="0.4">
      <c r="A92">
        <v>3</v>
      </c>
      <c r="B92">
        <f t="shared" si="5"/>
        <v>9</v>
      </c>
      <c r="C92">
        <v>-14.362092157397049</v>
      </c>
      <c r="D92">
        <v>1.9107568106656734</v>
      </c>
      <c r="E92" cm="1">
        <f t="array" ref="E92">INDEX(LINEST(C63:C121,$A63:$B121),1)*2</f>
        <v>1.2221906242161974E-2</v>
      </c>
      <c r="F92" cm="1">
        <f t="array" ref="F92">INDEX(LINEST(D63:D121,$A63:$B121),1)*2</f>
        <v>-9.8506606440314746E-4</v>
      </c>
      <c r="G92">
        <f t="shared" si="1"/>
        <v>0.71779255360217264</v>
      </c>
      <c r="H92">
        <f t="shared" si="2"/>
        <v>-5.7852929962396847E-2</v>
      </c>
      <c r="J92">
        <v>14.687818799434254</v>
      </c>
      <c r="K92">
        <v>2.1706491958284642</v>
      </c>
      <c r="L92" cm="1">
        <f t="array" ref="L92">INDEX(LINEST(J63:J121,$A63:$B121),1)*2</f>
        <v>-2.2782711933554817E-2</v>
      </c>
      <c r="M92" cm="1">
        <f t="array" ref="M92">INDEX(LINEST(K63:K121,$A63:$B121),1)*2</f>
        <v>7.142118767612211E-3</v>
      </c>
      <c r="N92">
        <f t="shared" si="3"/>
        <v>1.7911768122160798</v>
      </c>
      <c r="O92">
        <f t="shared" si="4"/>
        <v>-0.56151337750967212</v>
      </c>
    </row>
    <row r="93" spans="1:15" x14ac:dyDescent="0.4">
      <c r="A93">
        <v>3.0333333333333332</v>
      </c>
      <c r="B93">
        <f t="shared" si="5"/>
        <v>9.2011111111111106</v>
      </c>
      <c r="C93">
        <v>-14.354859671268198</v>
      </c>
      <c r="D93">
        <v>1.908339439391846</v>
      </c>
      <c r="E93" cm="1">
        <f t="array" ref="E93">INDEX(LINEST(C64:C122,$A64:$B122),1)*2</f>
        <v>1.3337147981457137E-2</v>
      </c>
      <c r="F93" cm="1">
        <f t="array" ref="F93">INDEX(LINEST(D64:D122,$A64:$B122),1)*2</f>
        <v>-1.8485124753219683E-3</v>
      </c>
      <c r="G93">
        <f t="shared" si="1"/>
        <v>0.78329070095097764</v>
      </c>
      <c r="H93">
        <f t="shared" si="2"/>
        <v>-0.10856313767565919</v>
      </c>
      <c r="J93">
        <v>14.683261632145559</v>
      </c>
      <c r="K93">
        <v>2.1717251256356196</v>
      </c>
      <c r="L93" cm="1">
        <f t="array" ref="L93">INDEX(LINEST(J64:J122,$A64:$B122),1)*2</f>
        <v>-2.0944299080639474E-2</v>
      </c>
      <c r="M93" cm="1">
        <f t="array" ref="M93">INDEX(LINEST(K64:K122,$A64:$B122),1)*2</f>
        <v>9.0053417683982773E-3</v>
      </c>
      <c r="N93">
        <f t="shared" si="3"/>
        <v>1.6466407937198755</v>
      </c>
      <c r="O93">
        <f t="shared" si="4"/>
        <v>-0.70799996983147262</v>
      </c>
    </row>
    <row r="94" spans="1:15" x14ac:dyDescent="0.4">
      <c r="A94">
        <v>3.0666666666666669</v>
      </c>
      <c r="B94">
        <f t="shared" si="5"/>
        <v>9.4044444444444455</v>
      </c>
      <c r="C94">
        <v>-14.352722225277487</v>
      </c>
      <c r="D94">
        <v>1.91054439918048</v>
      </c>
      <c r="E94" cm="1">
        <f t="array" ref="E94">INDEX(LINEST(C65:C123,$A65:$B123),1)*2</f>
        <v>1.3759268869009999E-2</v>
      </c>
      <c r="F94" cm="1">
        <f t="array" ref="F94">INDEX(LINEST(D65:D123,$A65:$B123),1)*2</f>
        <v>-2.3662092777115063E-3</v>
      </c>
      <c r="G94">
        <f t="shared" si="1"/>
        <v>0.8080818606769572</v>
      </c>
      <c r="H94">
        <f t="shared" si="2"/>
        <v>-0.13896747087999675</v>
      </c>
      <c r="J94">
        <v>14.676337907863008</v>
      </c>
      <c r="K94">
        <v>2.1708147787395378</v>
      </c>
      <c r="L94" cm="1">
        <f t="array" ref="L94">INDEX(LINEST(J65:J123,$A65:$B123),1)*2</f>
        <v>-1.9421501852435321E-2</v>
      </c>
      <c r="M94" cm="1">
        <f t="array" ref="M94">INDEX(LINEST(K65:K123,$A65:$B123),1)*2</f>
        <v>1.1086793845794755E-2</v>
      </c>
      <c r="N94">
        <f t="shared" si="3"/>
        <v>1.5269184756384651</v>
      </c>
      <c r="O94">
        <f t="shared" si="4"/>
        <v>-0.87164373215638369</v>
      </c>
    </row>
    <row r="95" spans="1:15" x14ac:dyDescent="0.4">
      <c r="A95">
        <v>3.1</v>
      </c>
      <c r="B95">
        <f t="shared" si="5"/>
        <v>9.6100000000000012</v>
      </c>
      <c r="C95">
        <v>-14.345862018512257</v>
      </c>
      <c r="D95">
        <v>1.9113693303127863</v>
      </c>
      <c r="E95" cm="1">
        <f t="array" ref="E95">INDEX(LINEST(C66:C124,$A66:$B124),1)*2</f>
        <v>1.4062622625686902E-2</v>
      </c>
      <c r="F95" cm="1">
        <f t="array" ref="F95">INDEX(LINEST(D66:D124,$A66:$B124),1)*2</f>
        <v>-1.0783875267103018E-3</v>
      </c>
      <c r="G95">
        <f t="shared" si="1"/>
        <v>0.82589782680659174</v>
      </c>
      <c r="H95">
        <f t="shared" si="2"/>
        <v>-6.3333699443696018E-2</v>
      </c>
      <c r="J95">
        <v>14.667517473849232</v>
      </c>
      <c r="K95">
        <v>2.1727887193529827</v>
      </c>
      <c r="L95" cm="1">
        <f t="array" ref="L95">INDEX(LINEST(J66:J124,$A66:$B124),1)*2</f>
        <v>-1.7994580183319887E-2</v>
      </c>
      <c r="M95" cm="1">
        <f t="array" ref="M95">INDEX(LINEST(K66:K124,$A66:$B124),1)*2</f>
        <v>1.3550181589110553E-2</v>
      </c>
      <c r="N95">
        <f t="shared" si="3"/>
        <v>1.4147338940126095</v>
      </c>
      <c r="O95">
        <f t="shared" si="4"/>
        <v>-1.0653152765358718</v>
      </c>
    </row>
    <row r="96" spans="1:15" x14ac:dyDescent="0.4">
      <c r="A96">
        <v>3.1333333333333333</v>
      </c>
      <c r="B96">
        <f t="shared" si="5"/>
        <v>9.8177777777777777</v>
      </c>
      <c r="C96">
        <v>-14.33890449718688</v>
      </c>
      <c r="D96">
        <v>1.9127145957263356</v>
      </c>
      <c r="E96" cm="1">
        <f t="array" ref="E96">INDEX(LINEST(C67:C125,$A67:$B125),1)*2</f>
        <v>1.4373248451235983E-2</v>
      </c>
      <c r="F96" cm="1">
        <f t="array" ref="F96">INDEX(LINEST(D67:D125,$A67:$B125),1)*2</f>
        <v>1.2163847932835032E-3</v>
      </c>
      <c r="G96">
        <f t="shared" ref="G96:G159" si="6">E96*58.73</f>
        <v>0.84414088154108924</v>
      </c>
      <c r="H96">
        <f t="shared" ref="H96:H159" si="7">F96*58.73</f>
        <v>7.1438278909540132E-2</v>
      </c>
      <c r="J96">
        <v>14.662049332106625</v>
      </c>
      <c r="K96">
        <v>2.1729161392974143</v>
      </c>
      <c r="L96" cm="1">
        <f t="array" ref="L96">INDEX(LINEST(J67:J125,$A67:$B125),1)*2</f>
        <v>-1.5854324335107545E-2</v>
      </c>
      <c r="M96" cm="1">
        <f t="array" ref="M96">INDEX(LINEST(K67:K125,$A67:$B125),1)*2</f>
        <v>1.5966355453402067E-2</v>
      </c>
      <c r="N96">
        <f t="shared" ref="N96:N159" si="8">-L96*78.62</f>
        <v>1.2464669792261553</v>
      </c>
      <c r="O96">
        <f t="shared" ref="O96:O159" si="9">-M96*78.62</f>
        <v>-1.2552748657464705</v>
      </c>
    </row>
    <row r="97" spans="1:15" x14ac:dyDescent="0.4">
      <c r="A97">
        <v>3.1666666666666665</v>
      </c>
      <c r="B97">
        <f t="shared" si="5"/>
        <v>10.027777777777777</v>
      </c>
      <c r="C97">
        <v>-14.334223644867198</v>
      </c>
      <c r="D97">
        <v>1.9153197172241707</v>
      </c>
      <c r="E97" cm="1">
        <f t="array" ref="E97">INDEX(LINEST(C68:C126,$A68:$B126),1)*2</f>
        <v>1.4512823043862698E-2</v>
      </c>
      <c r="F97" cm="1">
        <f t="array" ref="F97">INDEX(LINEST(D68:D126,$A68:$B126),1)*2</f>
        <v>4.3525570187970004E-3</v>
      </c>
      <c r="G97">
        <f t="shared" si="6"/>
        <v>0.85233809736605615</v>
      </c>
      <c r="H97">
        <f t="shared" si="7"/>
        <v>0.25562567371394784</v>
      </c>
      <c r="J97">
        <v>14.656784555340346</v>
      </c>
      <c r="K97">
        <v>2.1727129088848867</v>
      </c>
      <c r="L97" cm="1">
        <f t="array" ref="L97">INDEX(LINEST(J68:J126,$A68:$B126),1)*2</f>
        <v>-1.4087989911044681E-2</v>
      </c>
      <c r="M97" cm="1">
        <f t="array" ref="M97">INDEX(LINEST(K68:K126,$A68:$B126),1)*2</f>
        <v>1.8353727595720001E-2</v>
      </c>
      <c r="N97">
        <f t="shared" si="8"/>
        <v>1.1075977668063328</v>
      </c>
      <c r="O97">
        <f t="shared" si="9"/>
        <v>-1.4429700635755065</v>
      </c>
    </row>
    <row r="98" spans="1:15" x14ac:dyDescent="0.4">
      <c r="A98">
        <v>3.2</v>
      </c>
      <c r="B98">
        <f t="shared" si="5"/>
        <v>10.240000000000002</v>
      </c>
      <c r="C98">
        <v>-14.33066483388007</v>
      </c>
      <c r="D98">
        <v>1.9161248660291581</v>
      </c>
      <c r="E98" cm="1">
        <f t="array" ref="E98">INDEX(LINEST(C69:C127,$A69:$B127),1)*2</f>
        <v>1.4843886193637518E-2</v>
      </c>
      <c r="F98" cm="1">
        <f t="array" ref="F98">INDEX(LINEST(D69:D127,$A69:$B127),1)*2</f>
        <v>7.6155272459007758E-3</v>
      </c>
      <c r="G98">
        <f t="shared" si="6"/>
        <v>0.87178143615233139</v>
      </c>
      <c r="H98">
        <f t="shared" si="7"/>
        <v>0.44725991515175256</v>
      </c>
      <c r="J98">
        <v>14.650158844985839</v>
      </c>
      <c r="K98">
        <v>2.1740416142591368</v>
      </c>
      <c r="L98" cm="1">
        <f t="array" ref="L98">INDEX(LINEST(J69:J127,$A69:$B127),1)*2</f>
        <v>-1.1978896055153348E-2</v>
      </c>
      <c r="M98" cm="1">
        <f t="array" ref="M98">INDEX(LINEST(K69:K127,$A69:$B127),1)*2</f>
        <v>2.0746383226368431E-2</v>
      </c>
      <c r="N98">
        <f t="shared" si="8"/>
        <v>0.94178080785615625</v>
      </c>
      <c r="O98">
        <f t="shared" si="9"/>
        <v>-1.6310806492570862</v>
      </c>
    </row>
    <row r="99" spans="1:15" x14ac:dyDescent="0.4">
      <c r="A99">
        <v>3.2333333333333334</v>
      </c>
      <c r="B99">
        <f t="shared" si="5"/>
        <v>10.454444444444444</v>
      </c>
      <c r="C99">
        <v>-14.32397556819225</v>
      </c>
      <c r="D99">
        <v>1.9138884920904931</v>
      </c>
      <c r="E99" cm="1">
        <f t="array" ref="E99">INDEX(LINEST(C70:C128,$A70:$B128),1)*2</f>
        <v>1.593612653896518E-2</v>
      </c>
      <c r="F99" cm="1">
        <f t="array" ref="F99">INDEX(LINEST(D70:D128,$A70:$B128),1)*2</f>
        <v>1.1177902177115435E-2</v>
      </c>
      <c r="G99">
        <f t="shared" si="6"/>
        <v>0.93592871163342495</v>
      </c>
      <c r="H99">
        <f t="shared" si="7"/>
        <v>0.65647819486198944</v>
      </c>
      <c r="J99">
        <v>14.646128439237277</v>
      </c>
      <c r="K99">
        <v>2.1741724346222124</v>
      </c>
      <c r="L99" cm="1">
        <f t="array" ref="L99">INDEX(LINEST(J70:J128,$A70:$B128),1)*2</f>
        <v>-9.9398863471276497E-3</v>
      </c>
      <c r="M99" cm="1">
        <f t="array" ref="M99">INDEX(LINEST(K70:K128,$A70:$B128),1)*2</f>
        <v>2.3193886795468632E-2</v>
      </c>
      <c r="N99">
        <f t="shared" si="8"/>
        <v>0.78147386461117585</v>
      </c>
      <c r="O99">
        <f t="shared" si="9"/>
        <v>-1.823503379859744</v>
      </c>
    </row>
    <row r="100" spans="1:15" x14ac:dyDescent="0.4">
      <c r="A100">
        <v>3.2666666666666666</v>
      </c>
      <c r="B100">
        <f t="shared" si="5"/>
        <v>10.671111111111111</v>
      </c>
      <c r="C100">
        <v>-14.320351836318084</v>
      </c>
      <c r="D100">
        <v>1.9147572105897215</v>
      </c>
      <c r="E100" cm="1">
        <f t="array" ref="E100">INDEX(LINEST(C71:C129,$A71:$B129),1)*2</f>
        <v>1.8972947113900285E-2</v>
      </c>
      <c r="F100" cm="1">
        <f t="array" ref="F100">INDEX(LINEST(D71:D129,$A71:$B129),1)*2</f>
        <v>1.4684517198770643E-2</v>
      </c>
      <c r="G100">
        <f t="shared" si="6"/>
        <v>1.1142811839993636</v>
      </c>
      <c r="H100">
        <f t="shared" si="7"/>
        <v>0.86242169508379984</v>
      </c>
      <c r="J100">
        <v>14.64315940618622</v>
      </c>
      <c r="K100">
        <v>2.1739512785769066</v>
      </c>
      <c r="L100" cm="1">
        <f t="array" ref="L100">INDEX(LINEST(J71:J129,$A71:$B129),1)*2</f>
        <v>-8.2284976649007312E-3</v>
      </c>
      <c r="M100" cm="1">
        <f t="array" ref="M100">INDEX(LINEST(K71:K129,$A71:$B129),1)*2</f>
        <v>2.5834970868079836E-2</v>
      </c>
      <c r="N100">
        <f t="shared" si="8"/>
        <v>0.64692448641449551</v>
      </c>
      <c r="O100">
        <f t="shared" si="9"/>
        <v>-2.0311454096484369</v>
      </c>
    </row>
    <row r="101" spans="1:15" x14ac:dyDescent="0.4">
      <c r="A101">
        <v>3.3</v>
      </c>
      <c r="B101">
        <f t="shared" si="5"/>
        <v>10.889999999999999</v>
      </c>
      <c r="C101">
        <v>-14.315755773761895</v>
      </c>
      <c r="D101">
        <v>1.9144070229225318</v>
      </c>
      <c r="E101" cm="1">
        <f t="array" ref="E101">INDEX(LINEST(C72:C130,$A72:$B130),1)*2</f>
        <v>2.197423859702546E-2</v>
      </c>
      <c r="F101" cm="1">
        <f t="array" ref="F101">INDEX(LINEST(D72:D130,$A72:$B130),1)*2</f>
        <v>1.7686236158045709E-2</v>
      </c>
      <c r="G101">
        <f t="shared" si="6"/>
        <v>1.2905470328033053</v>
      </c>
      <c r="H101">
        <f t="shared" si="7"/>
        <v>1.0387126495620245</v>
      </c>
      <c r="J101">
        <v>14.640618535220172</v>
      </c>
      <c r="K101">
        <v>2.1733523771250587</v>
      </c>
      <c r="L101" cm="1">
        <f t="array" ref="L101">INDEX(LINEST(J72:J130,$A72:$B130),1)*2</f>
        <v>-6.056626042763533E-3</v>
      </c>
      <c r="M101" cm="1">
        <f t="array" ref="M101">INDEX(LINEST(K72:K130,$A72:$B130),1)*2</f>
        <v>2.9170693410750258E-2</v>
      </c>
      <c r="N101">
        <f t="shared" si="8"/>
        <v>0.47617193948206898</v>
      </c>
      <c r="O101">
        <f t="shared" si="9"/>
        <v>-2.2933999159531853</v>
      </c>
    </row>
    <row r="102" spans="1:15" x14ac:dyDescent="0.4">
      <c r="A102">
        <v>3.3333333333333335</v>
      </c>
      <c r="B102">
        <f t="shared" si="5"/>
        <v>11.111111111111112</v>
      </c>
      <c r="C102">
        <v>-14.309454385462082</v>
      </c>
      <c r="D102">
        <v>1.917361242479118</v>
      </c>
      <c r="E102" cm="1">
        <f t="array" ref="E102">INDEX(LINEST(C73:C131,$A73:$B131),1)*2</f>
        <v>2.4455536757239316E-2</v>
      </c>
      <c r="F102" cm="1">
        <f t="array" ref="F102">INDEX(LINEST(D73:D131,$A73:$B131),1)*2</f>
        <v>2.0260808075935138E-2</v>
      </c>
      <c r="G102">
        <f t="shared" si="6"/>
        <v>1.4362736737526649</v>
      </c>
      <c r="H102">
        <f t="shared" si="7"/>
        <v>1.1899172582996707</v>
      </c>
      <c r="J102">
        <v>14.634701485417454</v>
      </c>
      <c r="K102">
        <v>2.1738243768335459</v>
      </c>
      <c r="L102" cm="1">
        <f t="array" ref="L102">INDEX(LINEST(J73:J131,$A73:$B131),1)*2</f>
        <v>-4.2295421549314715E-3</v>
      </c>
      <c r="M102" cm="1">
        <f t="array" ref="M102">INDEX(LINEST(K73:K131,$A73:$B131),1)*2</f>
        <v>3.1068727130236715E-2</v>
      </c>
      <c r="N102">
        <f t="shared" si="8"/>
        <v>0.33252660422071229</v>
      </c>
      <c r="O102">
        <f t="shared" si="9"/>
        <v>-2.4426233269792106</v>
      </c>
    </row>
    <row r="103" spans="1:15" x14ac:dyDescent="0.4">
      <c r="A103">
        <v>3.3666666666666667</v>
      </c>
      <c r="B103">
        <f t="shared" si="5"/>
        <v>11.334444444444445</v>
      </c>
      <c r="C103">
        <v>-14.302235563485951</v>
      </c>
      <c r="D103">
        <v>1.9162538321529095</v>
      </c>
      <c r="E103" cm="1">
        <f t="array" ref="E103">INDEX(LINEST(C74:C132,$A74:$B132),1)*2</f>
        <v>2.5348347051868045E-2</v>
      </c>
      <c r="F103" cm="1">
        <f t="array" ref="F103">INDEX(LINEST(D74:D132,$A74:$B132),1)*2</f>
        <v>2.2871867705901012E-2</v>
      </c>
      <c r="G103">
        <f t="shared" si="6"/>
        <v>1.4887084223562101</v>
      </c>
      <c r="H103">
        <f t="shared" si="7"/>
        <v>1.3432647903675663</v>
      </c>
      <c r="J103">
        <v>14.627755596286825</v>
      </c>
      <c r="K103">
        <v>2.1713017439479669</v>
      </c>
      <c r="L103" cm="1">
        <f t="array" ref="L103">INDEX(LINEST(J74:J132,$A74:$B132),1)*2</f>
        <v>-2.8524226055732411E-3</v>
      </c>
      <c r="M103" cm="1">
        <f t="array" ref="M103">INDEX(LINEST(K74:K132,$A74:$B132),1)*2</f>
        <v>3.2283719820899268E-2</v>
      </c>
      <c r="N103">
        <f t="shared" si="8"/>
        <v>0.22425746525016824</v>
      </c>
      <c r="O103">
        <f t="shared" si="9"/>
        <v>-2.5381460523191004</v>
      </c>
    </row>
    <row r="104" spans="1:15" x14ac:dyDescent="0.4">
      <c r="A104">
        <v>3.4</v>
      </c>
      <c r="B104">
        <f t="shared" si="5"/>
        <v>11.559999999999999</v>
      </c>
      <c r="C104">
        <v>-14.291069834219849</v>
      </c>
      <c r="D104">
        <v>1.917646793074048</v>
      </c>
      <c r="E104" cm="1">
        <f t="array" ref="E104">INDEX(LINEST(C75:C133,$A75:$B133),1)*2</f>
        <v>2.6227467289668058E-2</v>
      </c>
      <c r="F104" cm="1">
        <f t="array" ref="F104">INDEX(LINEST(D75:D133,$A75:$B133),1)*2</f>
        <v>2.5471633504699803E-2</v>
      </c>
      <c r="G104">
        <f t="shared" si="6"/>
        <v>1.5403391539222049</v>
      </c>
      <c r="H104">
        <f t="shared" si="7"/>
        <v>1.4959490357310194</v>
      </c>
      <c r="J104">
        <v>14.618861713687837</v>
      </c>
      <c r="K104">
        <v>2.1703832733238704</v>
      </c>
      <c r="L104" cm="1">
        <f t="array" ref="L104">INDEX(LINEST(J75:J133,$A75:$B133),1)*2</f>
        <v>-1.5254050072064939E-3</v>
      </c>
      <c r="M104" cm="1">
        <f t="array" ref="M104">INDEX(LINEST(K75:K133,$A75:$B133),1)*2</f>
        <v>3.3292477849027946E-2</v>
      </c>
      <c r="N104">
        <f t="shared" si="8"/>
        <v>0.11992734166657457</v>
      </c>
      <c r="O104">
        <f t="shared" si="9"/>
        <v>-2.6174546084905774</v>
      </c>
    </row>
    <row r="105" spans="1:15" x14ac:dyDescent="0.4">
      <c r="A105">
        <v>3.4333333333333331</v>
      </c>
      <c r="B105">
        <f t="shared" si="5"/>
        <v>11.787777777777777</v>
      </c>
      <c r="C105">
        <v>-14.283660277165156</v>
      </c>
      <c r="D105">
        <v>1.9168805167508183</v>
      </c>
      <c r="E105" cm="1">
        <f t="array" ref="E105">INDEX(LINEST(C76:C134,$A76:$B134),1)*2</f>
        <v>2.7124808103225595E-2</v>
      </c>
      <c r="F105" cm="1">
        <f t="array" ref="F105">INDEX(LINEST(D76:D134,$A76:$B134),1)*2</f>
        <v>2.7141376180049817E-2</v>
      </c>
      <c r="G105">
        <f t="shared" si="6"/>
        <v>1.5930399799024391</v>
      </c>
      <c r="H105">
        <f t="shared" si="7"/>
        <v>1.5940130230543257</v>
      </c>
      <c r="J105">
        <v>14.611086482378665</v>
      </c>
      <c r="K105">
        <v>2.1694070978509559</v>
      </c>
      <c r="L105" cm="1">
        <f t="array" ref="L105">INDEX(LINEST(J76:J134,$A76:$B134),1)*2</f>
        <v>-6.7350247176879762E-4</v>
      </c>
      <c r="M105" cm="1">
        <f t="array" ref="M105">INDEX(LINEST(K76:K134,$A76:$B134),1)*2</f>
        <v>3.4070277530870524E-2</v>
      </c>
      <c r="N105">
        <f t="shared" si="8"/>
        <v>5.295076433046287E-2</v>
      </c>
      <c r="O105">
        <f t="shared" si="9"/>
        <v>-2.6786052194770407</v>
      </c>
    </row>
    <row r="106" spans="1:15" x14ac:dyDescent="0.4">
      <c r="A106">
        <v>3.4666666666666668</v>
      </c>
      <c r="B106">
        <f t="shared" si="5"/>
        <v>12.017777777777779</v>
      </c>
      <c r="C106">
        <v>-14.274760631938358</v>
      </c>
      <c r="D106">
        <v>1.9194419205727196</v>
      </c>
      <c r="E106" cm="1">
        <f t="array" ref="E106">INDEX(LINEST(C77:C135,$A77:$B135),1)*2</f>
        <v>2.7408902459102363E-2</v>
      </c>
      <c r="F106" cm="1">
        <f t="array" ref="F106">INDEX(LINEST(D77:D135,$A77:$B135),1)*2</f>
        <v>2.9084482104145291E-2</v>
      </c>
      <c r="G106">
        <f t="shared" si="6"/>
        <v>1.6097248414230816</v>
      </c>
      <c r="H106">
        <f t="shared" si="7"/>
        <v>1.708131633976453</v>
      </c>
      <c r="J106">
        <v>14.604689215225653</v>
      </c>
      <c r="K106">
        <v>2.1725035060162337</v>
      </c>
      <c r="L106" cm="1">
        <f t="array" ref="L106">INDEX(LINEST(J77:J135,$A77:$B135),1)*2</f>
        <v>7.3601322947179876E-4</v>
      </c>
      <c r="M106" cm="1">
        <f t="array" ref="M106">INDEX(LINEST(K77:K135,$A77:$B135),1)*2</f>
        <v>3.3565372267819346E-2</v>
      </c>
      <c r="N106">
        <f t="shared" si="8"/>
        <v>-5.7865360101072821E-2</v>
      </c>
      <c r="O106">
        <f t="shared" si="9"/>
        <v>-2.6389095676959573</v>
      </c>
    </row>
    <row r="107" spans="1:15" x14ac:dyDescent="0.4">
      <c r="A107">
        <v>3.5</v>
      </c>
      <c r="B107">
        <f t="shared" si="5"/>
        <v>12.25</v>
      </c>
      <c r="C107">
        <v>-14.267804421905488</v>
      </c>
      <c r="D107">
        <v>1.9213213891549801</v>
      </c>
      <c r="E107" cm="1">
        <f t="array" ref="E107">INDEX(LINEST(C78:C136,$A78:$B136),1)*2</f>
        <v>2.7295702259539974E-2</v>
      </c>
      <c r="F107" cm="1">
        <f t="array" ref="F107">INDEX(LINEST(D78:D136,$A78:$B136),1)*2</f>
        <v>2.9936417574228907E-2</v>
      </c>
      <c r="G107">
        <f t="shared" si="6"/>
        <v>1.6030765937027827</v>
      </c>
      <c r="H107">
        <f t="shared" si="7"/>
        <v>1.7581658041344637</v>
      </c>
      <c r="J107">
        <v>14.59855951637852</v>
      </c>
      <c r="K107">
        <v>2.1728053038113502</v>
      </c>
      <c r="L107" cm="1">
        <f t="array" ref="L107">INDEX(LINEST(J78:J136,$A78:$B136),1)*2</f>
        <v>1.48758681762336E-3</v>
      </c>
      <c r="M107" cm="1">
        <f t="array" ref="M107">INDEX(LINEST(K78:K136,$A78:$B136),1)*2</f>
        <v>3.3034351386700189E-2</v>
      </c>
      <c r="N107">
        <f t="shared" si="8"/>
        <v>-0.11695407560154857</v>
      </c>
      <c r="O107">
        <f t="shared" si="9"/>
        <v>-2.5971607060223691</v>
      </c>
    </row>
    <row r="108" spans="1:15" x14ac:dyDescent="0.4">
      <c r="A108">
        <v>3.5333333333333332</v>
      </c>
      <c r="B108">
        <f t="shared" si="5"/>
        <v>12.484444444444444</v>
      </c>
      <c r="C108">
        <v>-14.263331244143112</v>
      </c>
      <c r="D108">
        <v>1.9222356463600758</v>
      </c>
      <c r="E108" cm="1">
        <f t="array" ref="E108">INDEX(LINEST(C79:C137,$A79:$B137),1)*2</f>
        <v>2.6168022713612932E-2</v>
      </c>
      <c r="F108" cm="1">
        <f t="array" ref="F108">INDEX(LINEST(D79:D137,$A79:$B137),1)*2</f>
        <v>2.9036563171848013E-2</v>
      </c>
      <c r="G108">
        <f t="shared" si="6"/>
        <v>1.5368479739704874</v>
      </c>
      <c r="H108">
        <f t="shared" si="7"/>
        <v>1.7053173550826337</v>
      </c>
      <c r="J108">
        <v>14.596109760971991</v>
      </c>
      <c r="K108">
        <v>2.1715662970939298</v>
      </c>
      <c r="L108" cm="1">
        <f t="array" ref="L108">INDEX(LINEST(J79:J137,$A79:$B137),1)*2</f>
        <v>1.5068612934383205E-3</v>
      </c>
      <c r="M108" cm="1">
        <f t="array" ref="M108">INDEX(LINEST(K79:K137,$A79:$B137),1)*2</f>
        <v>3.1019635973019277E-2</v>
      </c>
      <c r="N108">
        <f t="shared" si="8"/>
        <v>-0.11846943489012077</v>
      </c>
      <c r="O108">
        <f t="shared" si="9"/>
        <v>-2.4387637801987756</v>
      </c>
    </row>
    <row r="109" spans="1:15" x14ac:dyDescent="0.4">
      <c r="A109">
        <v>3.5666666666666669</v>
      </c>
      <c r="B109">
        <f t="shared" si="5"/>
        <v>12.721111111111112</v>
      </c>
      <c r="C109">
        <v>-14.256679703067869</v>
      </c>
      <c r="D109">
        <v>1.924491901118216</v>
      </c>
      <c r="E109" cm="1">
        <f t="array" ref="E109">INDEX(LINEST(C80:C138,$A80:$B138),1)*2</f>
        <v>2.4338966136443277E-2</v>
      </c>
      <c r="F109" cm="1">
        <f t="array" ref="F109">INDEX(LINEST(D80:D138,$A80:$B138),1)*2</f>
        <v>2.7921496149814998E-2</v>
      </c>
      <c r="G109">
        <f t="shared" si="6"/>
        <v>1.4294274811933136</v>
      </c>
      <c r="H109">
        <f t="shared" si="7"/>
        <v>1.6398294688786348</v>
      </c>
      <c r="J109">
        <v>14.592471997402175</v>
      </c>
      <c r="K109">
        <v>2.1725361372706535</v>
      </c>
      <c r="L109" cm="1">
        <f t="array" ref="L109">INDEX(LINEST(J80:J138,$A80:$B138),1)*2</f>
        <v>2.3067375301467933E-3</v>
      </c>
      <c r="M109" cm="1">
        <f t="array" ref="M109">INDEX(LINEST(K80:K138,$A80:$B138),1)*2</f>
        <v>2.8119060735100822E-2</v>
      </c>
      <c r="N109">
        <f t="shared" si="8"/>
        <v>-0.18135570462014089</v>
      </c>
      <c r="O109">
        <f t="shared" si="9"/>
        <v>-2.2107205549936269</v>
      </c>
    </row>
    <row r="110" spans="1:15" x14ac:dyDescent="0.4">
      <c r="A110">
        <v>3.6</v>
      </c>
      <c r="B110">
        <f t="shared" si="5"/>
        <v>12.96</v>
      </c>
      <c r="C110">
        <v>-14.25328634131848</v>
      </c>
      <c r="D110">
        <v>1.9264969201700561</v>
      </c>
      <c r="E110" cm="1">
        <f t="array" ref="E110">INDEX(LINEST(C81:C139,$A81:$B139),1)*2</f>
        <v>2.2277870108948907E-2</v>
      </c>
      <c r="F110" cm="1">
        <f t="array" ref="F110">INDEX(LINEST(D81:D139,$A81:$B139),1)*2</f>
        <v>2.6850448633425415E-2</v>
      </c>
      <c r="G110">
        <f t="shared" si="6"/>
        <v>1.3083793114985693</v>
      </c>
      <c r="H110">
        <f t="shared" si="7"/>
        <v>1.5769268482410745</v>
      </c>
      <c r="J110">
        <v>14.585045275423209</v>
      </c>
      <c r="K110">
        <v>2.1728948439202966</v>
      </c>
      <c r="L110" cm="1">
        <f t="array" ref="L110">INDEX(LINEST(J81:J139,$A81:$B139),1)*2</f>
        <v>2.3621361846373895E-3</v>
      </c>
      <c r="M110" cm="1">
        <f t="array" ref="M110">INDEX(LINEST(K81:K139,$A81:$B139),1)*2</f>
        <v>2.4536409135342378E-2</v>
      </c>
      <c r="N110">
        <f t="shared" si="8"/>
        <v>-0.18571114683619158</v>
      </c>
      <c r="O110">
        <f t="shared" si="9"/>
        <v>-1.929052486220618</v>
      </c>
    </row>
    <row r="111" spans="1:15" x14ac:dyDescent="0.4">
      <c r="A111">
        <v>3.6333333333333333</v>
      </c>
      <c r="B111">
        <f t="shared" si="5"/>
        <v>13.201111111111111</v>
      </c>
      <c r="C111">
        <v>-14.247024252621083</v>
      </c>
      <c r="D111">
        <v>1.9252018059853064</v>
      </c>
      <c r="E111" cm="1">
        <f t="array" ref="E111">INDEX(LINEST(C82:C140,$A82:$B140),1)*2</f>
        <v>1.9666539231655733E-2</v>
      </c>
      <c r="F111" cm="1">
        <f t="array" ref="F111">INDEX(LINEST(D82:D140,$A82:$B140),1)*2</f>
        <v>2.5362306637645261E-2</v>
      </c>
      <c r="G111">
        <f t="shared" si="6"/>
        <v>1.1550158490751412</v>
      </c>
      <c r="H111">
        <f t="shared" si="7"/>
        <v>1.489528268828906</v>
      </c>
      <c r="J111">
        <v>14.584085523000603</v>
      </c>
      <c r="K111">
        <v>2.1742797919810375</v>
      </c>
      <c r="L111" cm="1">
        <f t="array" ref="L111">INDEX(LINEST(J82:J140,$A82:$B140),1)*2</f>
        <v>2.9268137224388391E-3</v>
      </c>
      <c r="M111" cm="1">
        <f t="array" ref="M111">INDEX(LINEST(K82:K140,$A82:$B140),1)*2</f>
        <v>2.0037735370727356E-2</v>
      </c>
      <c r="N111">
        <f t="shared" si="8"/>
        <v>-0.23010609485814154</v>
      </c>
      <c r="O111">
        <f t="shared" si="9"/>
        <v>-1.5753667548465848</v>
      </c>
    </row>
    <row r="112" spans="1:15" x14ac:dyDescent="0.4">
      <c r="A112">
        <v>3.6666666666666665</v>
      </c>
      <c r="B112">
        <f t="shared" si="5"/>
        <v>13.444444444444443</v>
      </c>
      <c r="C112">
        <v>-14.239925486486111</v>
      </c>
      <c r="D112">
        <v>1.9238135145124757</v>
      </c>
      <c r="E112" cm="1">
        <f t="array" ref="E112">INDEX(LINEST(C83:C141,$A83:$B141),1)*2</f>
        <v>1.672560399019668E-2</v>
      </c>
      <c r="F112" cm="1">
        <f t="array" ref="F112">INDEX(LINEST(D83:D141,$A83:$B141),1)*2</f>
        <v>2.2591968735588306E-2</v>
      </c>
      <c r="G112">
        <f t="shared" si="6"/>
        <v>0.98229472234425097</v>
      </c>
      <c r="H112">
        <f t="shared" si="7"/>
        <v>1.3268263238411011</v>
      </c>
      <c r="J112">
        <v>14.580095647425701</v>
      </c>
      <c r="K112">
        <v>2.176552514064555</v>
      </c>
      <c r="L112" cm="1">
        <f t="array" ref="L112">INDEX(LINEST(J83:J141,$A83:$B141),1)*2</f>
        <v>3.4682708700594571E-3</v>
      </c>
      <c r="M112" cm="1">
        <f t="array" ref="M112">INDEX(LINEST(K83:K141,$A83:$B141),1)*2</f>
        <v>1.5171009857766499E-2</v>
      </c>
      <c r="N112">
        <f t="shared" si="8"/>
        <v>-0.27267545580407454</v>
      </c>
      <c r="O112">
        <f t="shared" si="9"/>
        <v>-1.1927447950176022</v>
      </c>
    </row>
    <row r="113" spans="1:15" x14ac:dyDescent="0.4">
      <c r="A113">
        <v>3.7</v>
      </c>
      <c r="B113">
        <f t="shared" si="5"/>
        <v>13.690000000000001</v>
      </c>
      <c r="C113">
        <v>-14.231503898138982</v>
      </c>
      <c r="D113">
        <v>1.9237420067199984</v>
      </c>
      <c r="E113" cm="1">
        <f t="array" ref="E113">INDEX(LINEST(C84:C142,$A84:$B142),1)*2</f>
        <v>1.4365340005379449E-2</v>
      </c>
      <c r="F113" cm="1">
        <f t="array" ref="F113">INDEX(LINEST(D84:D142,$A84:$B142),1)*2</f>
        <v>1.9975502627860665E-2</v>
      </c>
      <c r="G113">
        <f t="shared" si="6"/>
        <v>0.843676418515935</v>
      </c>
      <c r="H113">
        <f t="shared" si="7"/>
        <v>1.1731612693342568</v>
      </c>
      <c r="J113">
        <v>14.575148637223283</v>
      </c>
      <c r="K113">
        <v>2.1737899442171287</v>
      </c>
      <c r="L113" cm="1">
        <f t="array" ref="L113">INDEX(LINEST(J84:J142,$A84:$B142),1)*2</f>
        <v>4.4095883641343632E-3</v>
      </c>
      <c r="M113" cm="1">
        <f t="array" ref="M113">INDEX(LINEST(K84:K142,$A84:$B142),1)*2</f>
        <v>9.7504596450751872E-3</v>
      </c>
      <c r="N113">
        <f t="shared" si="8"/>
        <v>-0.34668183718824364</v>
      </c>
      <c r="O113">
        <f t="shared" si="9"/>
        <v>-0.76658113729581123</v>
      </c>
    </row>
    <row r="114" spans="1:15" x14ac:dyDescent="0.4">
      <c r="A114">
        <v>3.7333333333333334</v>
      </c>
      <c r="B114">
        <f t="shared" si="5"/>
        <v>13.937777777777779</v>
      </c>
      <c r="C114">
        <v>-14.227701146701653</v>
      </c>
      <c r="D114">
        <v>1.9197049459297313</v>
      </c>
      <c r="E114" cm="1">
        <f t="array" ref="E114">INDEX(LINEST(C85:C143,$A85:$B143),1)*2</f>
        <v>1.4373675739869831E-2</v>
      </c>
      <c r="F114" cm="1">
        <f t="array" ref="F114">INDEX(LINEST(D85:D143,$A85:$B143),1)*2</f>
        <v>1.8063518904332294E-2</v>
      </c>
      <c r="G114">
        <f t="shared" si="6"/>
        <v>0.84416597620255518</v>
      </c>
      <c r="H114">
        <f t="shared" si="7"/>
        <v>1.0608704652514356</v>
      </c>
      <c r="J114">
        <v>14.568818505579962</v>
      </c>
      <c r="K114">
        <v>2.1759823071800737</v>
      </c>
      <c r="L114" cm="1">
        <f t="array" ref="L114">INDEX(LINEST(J85:J143,$A85:$B143),1)*2</f>
        <v>4.9097242092393306E-3</v>
      </c>
      <c r="M114" cm="1">
        <f t="array" ref="M114">INDEX(LINEST(K85:K143,$A85:$B143),1)*2</f>
        <v>6.5724781090273918E-3</v>
      </c>
      <c r="N114">
        <f t="shared" si="8"/>
        <v>-0.3860025173303962</v>
      </c>
      <c r="O114">
        <f t="shared" si="9"/>
        <v>-0.51672822893173354</v>
      </c>
    </row>
    <row r="115" spans="1:15" x14ac:dyDescent="0.4">
      <c r="A115">
        <v>3.7666666666666666</v>
      </c>
      <c r="B115">
        <f t="shared" si="5"/>
        <v>14.187777777777777</v>
      </c>
      <c r="C115">
        <v>-14.219328134090837</v>
      </c>
      <c r="D115">
        <v>1.9163612608353569</v>
      </c>
      <c r="E115" cm="1">
        <f t="array" ref="E115">INDEX(LINEST(C86:C144,$A86:$B144),1)*2</f>
        <v>1.3591937108985246E-2</v>
      </c>
      <c r="F115" cm="1">
        <f t="array" ref="F115">INDEX(LINEST(D86:D144,$A86:$B144),1)*2</f>
        <v>1.571636222843124E-2</v>
      </c>
      <c r="G115">
        <f t="shared" si="6"/>
        <v>0.79825446641070352</v>
      </c>
      <c r="H115">
        <f t="shared" si="7"/>
        <v>0.92302195367576667</v>
      </c>
      <c r="J115">
        <v>14.559469909859047</v>
      </c>
      <c r="K115">
        <v>2.1737746262618178</v>
      </c>
      <c r="L115" cm="1">
        <f t="array" ref="L115">INDEX(LINEST(J86:J144,$A86:$B144),1)*2</f>
        <v>4.0691241707633179E-3</v>
      </c>
      <c r="M115" cm="1">
        <f t="array" ref="M115">INDEX(LINEST(K86:K144,$A86:$B144),1)*2</f>
        <v>3.9197100050607104E-3</v>
      </c>
      <c r="N115">
        <f t="shared" si="8"/>
        <v>-0.31991454230541205</v>
      </c>
      <c r="O115">
        <f t="shared" si="9"/>
        <v>-0.30816760059787307</v>
      </c>
    </row>
    <row r="116" spans="1:15" x14ac:dyDescent="0.4">
      <c r="A116">
        <v>3.8</v>
      </c>
      <c r="B116">
        <f t="shared" si="5"/>
        <v>14.44</v>
      </c>
      <c r="C116">
        <v>-14.210027376186353</v>
      </c>
      <c r="D116">
        <v>1.9152667824306155</v>
      </c>
      <c r="E116" cm="1">
        <f t="array" ref="E116">INDEX(LINEST(C87:C145,$A87:$B145),1)*2</f>
        <v>1.4247338946544588E-2</v>
      </c>
      <c r="F116" cm="1">
        <f t="array" ref="F116">INDEX(LINEST(D87:D145,$A87:$B145),1)*2</f>
        <v>1.2881199873752141E-2</v>
      </c>
      <c r="G116">
        <f t="shared" si="6"/>
        <v>0.83674621633056356</v>
      </c>
      <c r="H116">
        <f t="shared" si="7"/>
        <v>0.75651286858546318</v>
      </c>
      <c r="J116">
        <v>14.555046489997155</v>
      </c>
      <c r="K116">
        <v>2.1736575780031724</v>
      </c>
      <c r="L116" cm="1">
        <f t="array" ref="L116">INDEX(LINEST(J87:J145,$A87:$B145),1)*2</f>
        <v>2.667095061926722E-3</v>
      </c>
      <c r="M116" cm="1">
        <f t="array" ref="M116">INDEX(LINEST(K87:K145,$A87:$B145),1)*2</f>
        <v>4.671687335681336E-4</v>
      </c>
      <c r="N116">
        <f t="shared" si="8"/>
        <v>-0.2096870137686789</v>
      </c>
      <c r="O116">
        <f t="shared" si="9"/>
        <v>-3.6728805833126668E-2</v>
      </c>
    </row>
    <row r="117" spans="1:15" x14ac:dyDescent="0.4">
      <c r="A117">
        <v>3.8333333333333335</v>
      </c>
      <c r="B117">
        <f t="shared" si="5"/>
        <v>14.694444444444446</v>
      </c>
      <c r="C117">
        <v>-14.196323872497064</v>
      </c>
      <c r="D117">
        <v>1.9173247948150445</v>
      </c>
      <c r="E117" cm="1">
        <f t="array" ref="E117">INDEX(LINEST(C88:C146,$A88:$B146),1)*2</f>
        <v>1.4789216011306039E-2</v>
      </c>
      <c r="F117" cm="1">
        <f t="array" ref="F117">INDEX(LINEST(D88:D146,$A88:$B146),1)*2</f>
        <v>1.0405465006051643E-2</v>
      </c>
      <c r="G117">
        <f t="shared" si="6"/>
        <v>0.86857065634400354</v>
      </c>
      <c r="H117">
        <f t="shared" si="7"/>
        <v>0.61111295980541291</v>
      </c>
      <c r="J117">
        <v>14.547625927249761</v>
      </c>
      <c r="K117">
        <v>2.1718259403242861</v>
      </c>
      <c r="L117" cm="1">
        <f t="array" ref="L117">INDEX(LINEST(J88:J146,$A88:$B146),1)*2</f>
        <v>1.083551630552401E-3</v>
      </c>
      <c r="M117" cm="1">
        <f t="array" ref="M117">INDEX(LINEST(K88:K146,$A88:$B146),1)*2</f>
        <v>-2.4176690692016608E-3</v>
      </c>
      <c r="N117">
        <f t="shared" si="8"/>
        <v>-8.5188829194029772E-2</v>
      </c>
      <c r="O117">
        <f t="shared" si="9"/>
        <v>0.19007714222063457</v>
      </c>
    </row>
    <row r="118" spans="1:15" x14ac:dyDescent="0.4">
      <c r="A118">
        <v>3.8666666666666667</v>
      </c>
      <c r="B118">
        <f t="shared" si="5"/>
        <v>14.951111111111111</v>
      </c>
      <c r="C118">
        <v>-14.189437939011681</v>
      </c>
      <c r="D118">
        <v>1.9192081035795423</v>
      </c>
      <c r="E118" cm="1">
        <f t="array" ref="E118">INDEX(LINEST(C89:C147,$A89:$B147),1)*2</f>
        <v>1.3602563207719061E-2</v>
      </c>
      <c r="F118" cm="1">
        <f t="array" ref="F118">INDEX(LINEST(D89:D147,$A89:$B147),1)*2</f>
        <v>8.8985711027064329E-3</v>
      </c>
      <c r="G118">
        <f t="shared" si="6"/>
        <v>0.79887853718934043</v>
      </c>
      <c r="H118">
        <f t="shared" si="7"/>
        <v>0.5226130808619488</v>
      </c>
      <c r="J118">
        <v>14.54150943713744</v>
      </c>
      <c r="K118">
        <v>2.1730685145439748</v>
      </c>
      <c r="L118" cm="1">
        <f t="array" ref="L118">INDEX(LINEST(J89:J147,$A89:$B147),1)*2</f>
        <v>-7.345877794408635E-4</v>
      </c>
      <c r="M118" cm="1">
        <f t="array" ref="M118">INDEX(LINEST(K89:K147,$A89:$B147),1)*2</f>
        <v>-3.7248935359948392E-3</v>
      </c>
      <c r="N118">
        <f t="shared" si="8"/>
        <v>5.7753291219640693E-2</v>
      </c>
      <c r="O118">
        <f t="shared" si="9"/>
        <v>0.29285112979991429</v>
      </c>
    </row>
    <row r="119" spans="1:15" x14ac:dyDescent="0.4">
      <c r="A119">
        <v>3.9</v>
      </c>
      <c r="B119">
        <f t="shared" si="5"/>
        <v>15.209999999999999</v>
      </c>
      <c r="C119">
        <v>-14.184690456764431</v>
      </c>
      <c r="D119">
        <v>1.918416101006025</v>
      </c>
      <c r="E119" cm="1">
        <f t="array" ref="E119">INDEX(LINEST(C90:C148,$A90:$B148),1)*2</f>
        <v>1.2296830736724228E-2</v>
      </c>
      <c r="F119" cm="1">
        <f t="array" ref="F119">INDEX(LINEST(D90:D148,$A90:$B148),1)*2</f>
        <v>7.3629249594678011E-3</v>
      </c>
      <c r="G119">
        <f t="shared" si="6"/>
        <v>0.72219286916781389</v>
      </c>
      <c r="H119">
        <f t="shared" si="7"/>
        <v>0.43242458286954394</v>
      </c>
      <c r="J119">
        <v>14.536397029952338</v>
      </c>
      <c r="K119">
        <v>2.1740148513284492</v>
      </c>
      <c r="L119" cm="1">
        <f t="array" ref="L119">INDEX(LINEST(J90:J148,$A90:$B148),1)*2</f>
        <v>-3.2604995433076194E-3</v>
      </c>
      <c r="M119" cm="1">
        <f t="array" ref="M119">INDEX(LINEST(K90:K148,$A90:$B148),1)*2</f>
        <v>-4.7144098299091207E-3</v>
      </c>
      <c r="N119">
        <f t="shared" si="8"/>
        <v>0.25634047409484506</v>
      </c>
      <c r="O119">
        <f t="shared" si="9"/>
        <v>0.37064690082745511</v>
      </c>
    </row>
    <row r="120" spans="1:15" x14ac:dyDescent="0.4">
      <c r="A120">
        <v>3.9333333333333331</v>
      </c>
      <c r="B120">
        <f t="shared" si="5"/>
        <v>15.47111111111111</v>
      </c>
      <c r="C120">
        <v>-14.181516442246465</v>
      </c>
      <c r="D120">
        <v>1.921830357387404</v>
      </c>
      <c r="E120" cm="1">
        <f t="array" ref="E120">INDEX(LINEST(C91:C149,$A91:$B149),1)*2</f>
        <v>1.1333745402032759E-2</v>
      </c>
      <c r="F120" cm="1">
        <f t="array" ref="F120">INDEX(LINEST(D91:D149,$A91:$B149),1)*2</f>
        <v>6.5803941677681499E-3</v>
      </c>
      <c r="G120">
        <f t="shared" si="6"/>
        <v>0.66563086746138389</v>
      </c>
      <c r="H120">
        <f t="shared" si="7"/>
        <v>0.38646654947302345</v>
      </c>
      <c r="J120">
        <v>14.534986762372114</v>
      </c>
      <c r="K120">
        <v>2.1741626771058855</v>
      </c>
      <c r="L120" cm="1">
        <f t="array" ref="L120">INDEX(LINEST(J91:J149,$A91:$B149),1)*2</f>
        <v>-5.2910713313467682E-3</v>
      </c>
      <c r="M120" cm="1">
        <f t="array" ref="M120">INDEX(LINEST(K91:K149,$A91:$B149),1)*2</f>
        <v>-5.7007733856688295E-3</v>
      </c>
      <c r="N120">
        <f t="shared" si="8"/>
        <v>0.41598402807048296</v>
      </c>
      <c r="O120">
        <f t="shared" si="9"/>
        <v>0.44819480358128339</v>
      </c>
    </row>
    <row r="121" spans="1:15" x14ac:dyDescent="0.4">
      <c r="A121">
        <v>3.9666666666666668</v>
      </c>
      <c r="B121">
        <f t="shared" si="5"/>
        <v>15.734444444444446</v>
      </c>
      <c r="C121">
        <v>-14.173787744998741</v>
      </c>
      <c r="D121">
        <v>1.9214596806729083</v>
      </c>
      <c r="E121" cm="1">
        <f t="array" ref="E121">INDEX(LINEST(C92:C150,$A92:$B150),1)*2</f>
        <v>9.9887078390438633E-3</v>
      </c>
      <c r="F121" cm="1">
        <f t="array" ref="F121">INDEX(LINEST(D92:D150,$A92:$B150),1)*2</f>
        <v>6.5082138081533729E-3</v>
      </c>
      <c r="G121">
        <f t="shared" si="6"/>
        <v>0.58663681138704604</v>
      </c>
      <c r="H121">
        <f t="shared" si="7"/>
        <v>0.38222739695284758</v>
      </c>
      <c r="J121">
        <v>14.531292499366277</v>
      </c>
      <c r="K121">
        <v>2.1756053468856069</v>
      </c>
      <c r="L121" cm="1">
        <f t="array" ref="L121">INDEX(LINEST(J92:J150,$A92:$B150),1)*2</f>
        <v>-7.2189708906637276E-3</v>
      </c>
      <c r="M121" cm="1">
        <f t="array" ref="M121">INDEX(LINEST(K92:K150,$A92:$B150),1)*2</f>
        <v>-6.3526036784659103E-3</v>
      </c>
      <c r="N121">
        <f t="shared" si="8"/>
        <v>0.56755549142398232</v>
      </c>
      <c r="O121">
        <f t="shared" si="9"/>
        <v>0.49944170120098991</v>
      </c>
    </row>
    <row r="122" spans="1:15" x14ac:dyDescent="0.4">
      <c r="A122">
        <v>4</v>
      </c>
      <c r="B122">
        <f t="shared" si="5"/>
        <v>16</v>
      </c>
      <c r="C122">
        <v>-14.169131499782585</v>
      </c>
      <c r="D122">
        <v>1.9231094182895916</v>
      </c>
      <c r="E122" cm="1">
        <f t="array" ref="E122">INDEX(LINEST(C93:C151,$A93:$B151),1)*2</f>
        <v>9.7735229983737567E-3</v>
      </c>
      <c r="F122" cm="1">
        <f t="array" ref="F122">INDEX(LINEST(D93:D151,$A93:$B151),1)*2</f>
        <v>7.0278128494556287E-3</v>
      </c>
      <c r="G122">
        <f t="shared" si="6"/>
        <v>0.57399900569449069</v>
      </c>
      <c r="H122">
        <f t="shared" si="7"/>
        <v>0.41274344864852908</v>
      </c>
      <c r="J122">
        <v>14.528166195514084</v>
      </c>
      <c r="K122">
        <v>2.1769890162807299</v>
      </c>
      <c r="L122" cm="1">
        <f t="array" ref="L122">INDEX(LINEST(J93:J151,$A93:$B151),1)*2</f>
        <v>-9.2541477861920723E-3</v>
      </c>
      <c r="M122" cm="1">
        <f t="array" ref="M122">INDEX(LINEST(K93:K151,$A93:$B151),1)*2</f>
        <v>-5.4579127069224846E-3</v>
      </c>
      <c r="N122">
        <f t="shared" si="8"/>
        <v>0.72756109895042076</v>
      </c>
      <c r="O122">
        <f t="shared" si="9"/>
        <v>0.42910109701824578</v>
      </c>
    </row>
    <row r="123" spans="1:15" x14ac:dyDescent="0.4">
      <c r="A123">
        <v>4.0333333333333332</v>
      </c>
      <c r="B123">
        <f t="shared" si="5"/>
        <v>16.267777777777777</v>
      </c>
      <c r="C123">
        <v>-14.16421044723714</v>
      </c>
      <c r="D123">
        <v>1.9254133941355041</v>
      </c>
      <c r="E123" cm="1">
        <f t="array" ref="E123">INDEX(LINEST(C94:C152,$A94:$B152),1)*2</f>
        <v>8.741093924202116E-3</v>
      </c>
      <c r="F123" cm="1">
        <f t="array" ref="F123">INDEX(LINEST(D94:D152,$A94:$B152),1)*2</f>
        <v>8.9321144105184522E-3</v>
      </c>
      <c r="G123">
        <f t="shared" si="6"/>
        <v>0.51336444616839028</v>
      </c>
      <c r="H123">
        <f t="shared" si="7"/>
        <v>0.52458307932974868</v>
      </c>
      <c r="J123">
        <v>14.519271552465145</v>
      </c>
      <c r="K123">
        <v>2.1771057430295282</v>
      </c>
      <c r="L123" cm="1">
        <f t="array" ref="L123">INDEX(LINEST(J94:J152,$A94:$B152),1)*2</f>
        <v>-1.0534825828010821E-2</v>
      </c>
      <c r="M123" cm="1">
        <f t="array" ref="M123">INDEX(LINEST(K94:K152,$A94:$B152),1)*2</f>
        <v>-4.0274625692957233E-3</v>
      </c>
      <c r="N123">
        <f t="shared" si="8"/>
        <v>0.82824800659821074</v>
      </c>
      <c r="O123">
        <f t="shared" si="9"/>
        <v>0.31663910719802979</v>
      </c>
    </row>
    <row r="124" spans="1:15" x14ac:dyDescent="0.4">
      <c r="A124">
        <v>4.0666666666666664</v>
      </c>
      <c r="B124">
        <f t="shared" si="5"/>
        <v>16.537777777777777</v>
      </c>
      <c r="C124">
        <v>-14.158578863019565</v>
      </c>
      <c r="D124">
        <v>1.9286828767118001</v>
      </c>
      <c r="E124" cm="1">
        <f t="array" ref="E124">INDEX(LINEST(C95:C153,$A95:$B153),1)*2</f>
        <v>1.0453194980995693E-2</v>
      </c>
      <c r="F124" cm="1">
        <f t="array" ref="F124">INDEX(LINEST(D95:D153,$A95:$B153),1)*2</f>
        <v>9.8893847226347829E-3</v>
      </c>
      <c r="G124">
        <f t="shared" si="6"/>
        <v>0.61391614123387706</v>
      </c>
      <c r="H124">
        <f t="shared" si="7"/>
        <v>0.58080356476034078</v>
      </c>
      <c r="J124">
        <v>14.511715644407889</v>
      </c>
      <c r="K124">
        <v>2.1793024183082563</v>
      </c>
      <c r="L124" cm="1">
        <f t="array" ref="L124">INDEX(LINEST(J95:J153,$A95:$B153),1)*2</f>
        <v>-1.1337177059533767E-2</v>
      </c>
      <c r="M124" cm="1">
        <f t="array" ref="M124">INDEX(LINEST(K95:K153,$A95:$B153),1)*2</f>
        <v>-2.879923123400695E-3</v>
      </c>
      <c r="N124">
        <f t="shared" si="8"/>
        <v>0.89132886042054482</v>
      </c>
      <c r="O124">
        <f t="shared" si="9"/>
        <v>0.22641955596176266</v>
      </c>
    </row>
    <row r="125" spans="1:15" x14ac:dyDescent="0.4">
      <c r="A125">
        <v>4.0999999999999996</v>
      </c>
      <c r="B125">
        <f t="shared" si="5"/>
        <v>16.809999999999999</v>
      </c>
      <c r="C125">
        <v>-14.150624371830556</v>
      </c>
      <c r="D125">
        <v>1.9302544168661557</v>
      </c>
      <c r="E125" cm="1">
        <f t="array" ref="E125">INDEX(LINEST(C96:C154,$A96:$B154),1)*2</f>
        <v>1.210412181002902E-2</v>
      </c>
      <c r="F125" cm="1">
        <f t="array" ref="F125">INDEX(LINEST(D96:D154,$A96:$B154),1)*2</f>
        <v>1.0510367512203137E-2</v>
      </c>
      <c r="G125">
        <f t="shared" si="6"/>
        <v>0.71087507390300431</v>
      </c>
      <c r="H125">
        <f t="shared" si="7"/>
        <v>0.61727388399169025</v>
      </c>
      <c r="J125">
        <v>14.504599558734492</v>
      </c>
      <c r="K125">
        <v>2.1822455808104562</v>
      </c>
      <c r="L125" cm="1">
        <f t="array" ref="L125">INDEX(LINEST(J96:J154,$A96:$B154),1)*2</f>
        <v>-1.1662112524863029E-2</v>
      </c>
      <c r="M125" cm="1">
        <f t="array" ref="M125">INDEX(LINEST(K96:K154,$A96:$B154),1)*2</f>
        <v>-2.3281787638496274E-3</v>
      </c>
      <c r="N125">
        <f t="shared" si="8"/>
        <v>0.9168752867047314</v>
      </c>
      <c r="O125">
        <f t="shared" si="9"/>
        <v>0.18304141441385771</v>
      </c>
    </row>
    <row r="126" spans="1:15" x14ac:dyDescent="0.4">
      <c r="A126">
        <v>4.1333333333333337</v>
      </c>
      <c r="B126">
        <f t="shared" si="5"/>
        <v>17.084444444444447</v>
      </c>
      <c r="C126">
        <v>-14.144643738426243</v>
      </c>
      <c r="D126">
        <v>1.9342335123040337</v>
      </c>
      <c r="E126" cm="1">
        <f t="array" ref="E126">INDEX(LINEST(C97:C155,$A97:$B155),1)*2</f>
        <v>1.2871767342403317E-2</v>
      </c>
      <c r="F126" cm="1">
        <f t="array" ref="F126">INDEX(LINEST(D97:D155,$A97:$B155),1)*2</f>
        <v>1.069184450752386E-2</v>
      </c>
      <c r="G126">
        <f t="shared" si="6"/>
        <v>0.75595889601934674</v>
      </c>
      <c r="H126">
        <f t="shared" si="7"/>
        <v>0.6279320279268763</v>
      </c>
      <c r="J126">
        <v>14.498710669871752</v>
      </c>
      <c r="K126">
        <v>2.1848092260497545</v>
      </c>
      <c r="L126" cm="1">
        <f t="array" ref="L126">INDEX(LINEST(J97:J155,$A97:$B155),1)*2</f>
        <v>-1.1685242123446352E-2</v>
      </c>
      <c r="M126" cm="1">
        <f t="array" ref="M126">INDEX(LINEST(K97:K155,$A97:$B155),1)*2</f>
        <v>-1.1692644833452188E-3</v>
      </c>
      <c r="N126">
        <f t="shared" si="8"/>
        <v>0.91869373574535229</v>
      </c>
      <c r="O126">
        <f t="shared" si="9"/>
        <v>9.1927573680601116E-2</v>
      </c>
    </row>
    <row r="127" spans="1:15" x14ac:dyDescent="0.4">
      <c r="A127">
        <v>4.166666666666667</v>
      </c>
      <c r="B127">
        <f t="shared" si="5"/>
        <v>17.361111111111114</v>
      </c>
      <c r="C127">
        <v>-14.1389023365687</v>
      </c>
      <c r="D127">
        <v>1.9355050649456942</v>
      </c>
      <c r="E127" cm="1">
        <f t="array" ref="E127">INDEX(LINEST(C98:C156,$A98:$B156),1)*2</f>
        <v>1.3890902576872279E-2</v>
      </c>
      <c r="F127" cm="1">
        <f t="array" ref="F127">INDEX(LINEST(D98:D156,$A98:$B156),1)*2</f>
        <v>1.1110007441571604E-2</v>
      </c>
      <c r="G127">
        <f t="shared" si="6"/>
        <v>0.81581270833970887</v>
      </c>
      <c r="H127">
        <f t="shared" si="7"/>
        <v>0.65249073704350025</v>
      </c>
      <c r="J127">
        <v>14.496731848129123</v>
      </c>
      <c r="K127">
        <v>2.1856254425187016</v>
      </c>
      <c r="L127" cm="1">
        <f t="array" ref="L127">INDEX(LINEST(J98:J156,$A98:$B156),1)*2</f>
        <v>-1.2698708921826715E-2</v>
      </c>
      <c r="M127" cm="1">
        <f t="array" ref="M127">INDEX(LINEST(K98:K156,$A98:$B156),1)*2</f>
        <v>-3.1075807581960966E-4</v>
      </c>
      <c r="N127">
        <f t="shared" si="8"/>
        <v>0.9983724954340164</v>
      </c>
      <c r="O127">
        <f t="shared" si="9"/>
        <v>2.4431799920937712E-2</v>
      </c>
    </row>
    <row r="128" spans="1:15" x14ac:dyDescent="0.4">
      <c r="A128">
        <v>4.2</v>
      </c>
      <c r="B128">
        <f t="shared" si="5"/>
        <v>17.64</v>
      </c>
      <c r="C128">
        <v>-14.131973421430448</v>
      </c>
      <c r="D128">
        <v>1.9376343500684761</v>
      </c>
      <c r="E128" cm="1">
        <f t="array" ref="E128">INDEX(LINEST(C99:C157,$A99:$B157),1)*2</f>
        <v>1.5785695771307215E-2</v>
      </c>
      <c r="F128" cm="1">
        <f t="array" ref="F128">INDEX(LINEST(D99:D157,$A99:$B157),1)*2</f>
        <v>1.2214578721832696E-2</v>
      </c>
      <c r="G128">
        <f t="shared" si="6"/>
        <v>0.92709391264887264</v>
      </c>
      <c r="H128">
        <f t="shared" si="7"/>
        <v>0.71736220833323416</v>
      </c>
      <c r="J128">
        <v>14.491318253441269</v>
      </c>
      <c r="K128">
        <v>2.1852755480365795</v>
      </c>
      <c r="L128" cm="1">
        <f t="array" ref="L128">INDEX(LINEST(J99:J157,$A99:$B157),1)*2</f>
        <v>-1.3712032322161035E-2</v>
      </c>
      <c r="M128" cm="1">
        <f t="array" ref="M128">INDEX(LINEST(K99:K157,$A99:$B157),1)*2</f>
        <v>-3.1660033774520492E-5</v>
      </c>
      <c r="N128">
        <f t="shared" si="8"/>
        <v>1.0780399811683006</v>
      </c>
      <c r="O128">
        <f t="shared" si="9"/>
        <v>2.4891118553528012E-3</v>
      </c>
    </row>
    <row r="129" spans="1:15" x14ac:dyDescent="0.4">
      <c r="A129">
        <v>4.2333333333333334</v>
      </c>
      <c r="B129">
        <f t="shared" si="5"/>
        <v>17.921111111111113</v>
      </c>
      <c r="C129">
        <v>-14.123782105595687</v>
      </c>
      <c r="D129">
        <v>1.9379221312937562</v>
      </c>
      <c r="E129" cm="1">
        <f t="array" ref="E129">INDEX(LINEST(C100:C158,$A100:$B158),1)*2</f>
        <v>1.7408775448006598E-2</v>
      </c>
      <c r="F129" cm="1">
        <f t="array" ref="F129">INDEX(LINEST(D100:D158,$A100:$B158),1)*2</f>
        <v>1.4046778139620322E-2</v>
      </c>
      <c r="G129">
        <f t="shared" si="6"/>
        <v>1.0224173820614275</v>
      </c>
      <c r="H129">
        <f t="shared" si="7"/>
        <v>0.82496728013990139</v>
      </c>
      <c r="J129">
        <v>14.48766380110871</v>
      </c>
      <c r="K129">
        <v>2.186183877251394</v>
      </c>
      <c r="L129" cm="1">
        <f t="array" ref="L129">INDEX(LINEST(J100:J158,$A100:$B158),1)*2</f>
        <v>-1.5204531270041939E-2</v>
      </c>
      <c r="M129" cm="1">
        <f t="array" ref="M129">INDEX(LINEST(K100:K158,$A100:$B158),1)*2</f>
        <v>2.8499865783694883E-4</v>
      </c>
      <c r="N129">
        <f t="shared" si="8"/>
        <v>1.1953802484506972</v>
      </c>
      <c r="O129">
        <f t="shared" si="9"/>
        <v>-2.2406594479140916E-2</v>
      </c>
    </row>
    <row r="130" spans="1:15" x14ac:dyDescent="0.4">
      <c r="A130">
        <v>4.2666666666666666</v>
      </c>
      <c r="B130">
        <f t="shared" si="5"/>
        <v>18.204444444444444</v>
      </c>
      <c r="C130">
        <v>-14.118243248298597</v>
      </c>
      <c r="D130">
        <v>1.9370702616043141</v>
      </c>
      <c r="E130" cm="1">
        <f t="array" ref="E130">INDEX(LINEST(C101:C159,$A101:$B159),1)*2</f>
        <v>1.8996093049137412E-2</v>
      </c>
      <c r="F130" cm="1">
        <f t="array" ref="F130">INDEX(LINEST(D101:D159,$A101:$B159),1)*2</f>
        <v>1.5092590515342546E-2</v>
      </c>
      <c r="G130">
        <f t="shared" si="6"/>
        <v>1.1156405447758402</v>
      </c>
      <c r="H130">
        <f t="shared" si="7"/>
        <v>0.88638784096606771</v>
      </c>
      <c r="J130">
        <v>14.484821252709525</v>
      </c>
      <c r="K130">
        <v>2.1887101402163793</v>
      </c>
      <c r="L130" cm="1">
        <f t="array" ref="L130">INDEX(LINEST(J101:J159,$A101:$B159),1)*2</f>
        <v>-1.6337996880188929E-2</v>
      </c>
      <c r="M130" cm="1">
        <f t="array" ref="M130">INDEX(LINEST(K101:K159,$A101:$B159),1)*2</f>
        <v>2.1542923558652335E-4</v>
      </c>
      <c r="N130">
        <f t="shared" si="8"/>
        <v>1.2844933147204536</v>
      </c>
      <c r="O130">
        <f t="shared" si="9"/>
        <v>-1.6937046501812467E-2</v>
      </c>
    </row>
    <row r="131" spans="1:15" x14ac:dyDescent="0.4">
      <c r="A131">
        <v>4.3</v>
      </c>
      <c r="B131">
        <f t="shared" ref="B131:B194" si="10">A131^2</f>
        <v>18.489999999999998</v>
      </c>
      <c r="C131">
        <v>-14.110846937679783</v>
      </c>
      <c r="D131">
        <v>1.9382266539816748</v>
      </c>
      <c r="E131" cm="1">
        <f t="array" ref="E131">INDEX(LINEST(C102:C160,$A102:$B160),1)*2</f>
        <v>2.0505474533076055E-2</v>
      </c>
      <c r="F131" cm="1">
        <f t="array" ref="F131">INDEX(LINEST(D102:D160,$A102:$B160),1)*2</f>
        <v>1.5630977225373422E-2</v>
      </c>
      <c r="G131">
        <f t="shared" si="6"/>
        <v>1.2042865193275567</v>
      </c>
      <c r="H131">
        <f t="shared" si="7"/>
        <v>0.91800729244618107</v>
      </c>
      <c r="J131">
        <v>14.477837910144602</v>
      </c>
      <c r="K131">
        <v>2.1870832621004084</v>
      </c>
      <c r="L131" cm="1">
        <f t="array" ref="L131">INDEX(LINEST(J102:J160,$A102:$B160),1)*2</f>
        <v>-1.8265872290126672E-2</v>
      </c>
      <c r="M131" cm="1">
        <f t="array" ref="M131">INDEX(LINEST(K102:K160,$A102:$B160),1)*2</f>
        <v>7.3308909772134455E-5</v>
      </c>
      <c r="N131">
        <f t="shared" si="8"/>
        <v>1.436062879449759</v>
      </c>
      <c r="O131">
        <f t="shared" si="9"/>
        <v>-5.7635464862852114E-3</v>
      </c>
    </row>
    <row r="132" spans="1:15" x14ac:dyDescent="0.4">
      <c r="A132">
        <v>4.333333333333333</v>
      </c>
      <c r="B132">
        <f t="shared" si="10"/>
        <v>18.777777777777775</v>
      </c>
      <c r="C132">
        <v>-14.106827357545022</v>
      </c>
      <c r="D132">
        <v>1.9396208530423675</v>
      </c>
      <c r="E132" cm="1">
        <f t="array" ref="E132">INDEX(LINEST(C103:C161,$A103:$B161),1)*2</f>
        <v>2.1961788635856475E-2</v>
      </c>
      <c r="F132" cm="1">
        <f t="array" ref="F132">INDEX(LINEST(D103:D161,$A103:$B161),1)*2</f>
        <v>1.50502659182708E-2</v>
      </c>
      <c r="G132">
        <f t="shared" si="6"/>
        <v>1.2898158465838507</v>
      </c>
      <c r="H132">
        <f t="shared" si="7"/>
        <v>0.88390211738004398</v>
      </c>
      <c r="J132">
        <v>14.470426584032616</v>
      </c>
      <c r="K132">
        <v>2.1861908026480918</v>
      </c>
      <c r="L132" cm="1">
        <f t="array" ref="L132">INDEX(LINEST(J103:J161,$A103:$B161),1)*2</f>
        <v>-1.9972849961834384E-2</v>
      </c>
      <c r="M132" cm="1">
        <f t="array" ref="M132">INDEX(LINEST(K103:K161,$A103:$B161),1)*2</f>
        <v>-5.7605879458573628E-5</v>
      </c>
      <c r="N132">
        <f t="shared" si="8"/>
        <v>1.5702654639994194</v>
      </c>
      <c r="O132">
        <f t="shared" si="9"/>
        <v>4.5289742430330588E-3</v>
      </c>
    </row>
    <row r="133" spans="1:15" x14ac:dyDescent="0.4">
      <c r="A133">
        <v>4.3666666666666663</v>
      </c>
      <c r="B133">
        <f t="shared" si="10"/>
        <v>19.067777777777774</v>
      </c>
      <c r="C133">
        <v>-14.100728838930985</v>
      </c>
      <c r="D133">
        <v>1.9408071198012351</v>
      </c>
      <c r="E133" cm="1">
        <f t="array" ref="E133">INDEX(LINEST(C104:C162,$A104:$B162),1)*2</f>
        <v>2.3804143654327717E-2</v>
      </c>
      <c r="F133" cm="1">
        <f t="array" ref="F133">INDEX(LINEST(D104:D162,$A104:$B162),1)*2</f>
        <v>1.4181805190750291E-2</v>
      </c>
      <c r="G133">
        <f t="shared" si="6"/>
        <v>1.3980173568186667</v>
      </c>
      <c r="H133">
        <f t="shared" si="7"/>
        <v>0.83289741885276458</v>
      </c>
      <c r="J133">
        <v>14.46378254368341</v>
      </c>
      <c r="K133">
        <v>2.1868277942887548</v>
      </c>
      <c r="L133" cm="1">
        <f t="array" ref="L133">INDEX(LINEST(J104:J162,$A104:$B162),1)*2</f>
        <v>-2.2345976352271479E-2</v>
      </c>
      <c r="M133" cm="1">
        <f t="array" ref="M133">INDEX(LINEST(K104:K162,$A104:$B162),1)*2</f>
        <v>-3.8320143673676427E-4</v>
      </c>
      <c r="N133">
        <f t="shared" si="8"/>
        <v>1.7568406608155838</v>
      </c>
      <c r="O133">
        <f t="shared" si="9"/>
        <v>3.0127296956244408E-2</v>
      </c>
    </row>
    <row r="134" spans="1:15" x14ac:dyDescent="0.4">
      <c r="A134">
        <v>4.4000000000000004</v>
      </c>
      <c r="B134">
        <f t="shared" si="10"/>
        <v>19.360000000000003</v>
      </c>
      <c r="C134">
        <v>-14.091961697322414</v>
      </c>
      <c r="D134">
        <v>1.940593659215232</v>
      </c>
      <c r="E134" cm="1">
        <f t="array" ref="E134">INDEX(LINEST(C105:C163,$A105:$B163),1)*2</f>
        <v>2.4343854503844572E-2</v>
      </c>
      <c r="F134" cm="1">
        <f t="array" ref="F134">INDEX(LINEST(D105:D163,$A105:$B163),1)*2</f>
        <v>1.2670325494040237E-2</v>
      </c>
      <c r="G134">
        <f t="shared" si="6"/>
        <v>1.4297145750107916</v>
      </c>
      <c r="H134">
        <f t="shared" si="7"/>
        <v>0.74412821626498304</v>
      </c>
      <c r="J134">
        <v>14.455526241238237</v>
      </c>
      <c r="K134">
        <v>2.1870573359285324</v>
      </c>
      <c r="L134" cm="1">
        <f t="array" ref="L134">INDEX(LINEST(J105:J163,$A105:$B163),1)*2</f>
        <v>-2.4512034598907245E-2</v>
      </c>
      <c r="M134" cm="1">
        <f t="array" ref="M134">INDEX(LINEST(K105:K163,$A105:$B163),1)*2</f>
        <v>-7.3743435618915058E-4</v>
      </c>
      <c r="N134">
        <f t="shared" si="8"/>
        <v>1.9271361601660877</v>
      </c>
      <c r="O134">
        <f t="shared" si="9"/>
        <v>5.7977089083591019E-2</v>
      </c>
    </row>
    <row r="135" spans="1:15" x14ac:dyDescent="0.4">
      <c r="A135">
        <v>4.4333333333333336</v>
      </c>
      <c r="B135">
        <f t="shared" si="10"/>
        <v>19.654444444444447</v>
      </c>
      <c r="C135">
        <v>-14.085783657333979</v>
      </c>
      <c r="D135">
        <v>1.9414738586442968</v>
      </c>
      <c r="E135" cm="1">
        <f t="array" ref="E135">INDEX(LINEST(C106:C164,$A106:$B164),1)*2</f>
        <v>2.4493603194154934E-2</v>
      </c>
      <c r="F135" cm="1">
        <f t="array" ref="F135">INDEX(LINEST(D106:D164,$A106:$B164),1)*2</f>
        <v>1.1022725574468263E-2</v>
      </c>
      <c r="G135">
        <f t="shared" si="6"/>
        <v>1.4385093155927193</v>
      </c>
      <c r="H135">
        <f t="shared" si="7"/>
        <v>0.64736467298852107</v>
      </c>
      <c r="J135">
        <v>14.451739499678553</v>
      </c>
      <c r="K135">
        <v>2.1852970823858939</v>
      </c>
      <c r="L135" cm="1">
        <f t="array" ref="L135">INDEX(LINEST(J106:J164,$A106:$B164),1)*2</f>
        <v>-2.5756542839414566E-2</v>
      </c>
      <c r="M135" cm="1">
        <f t="array" ref="M135">INDEX(LINEST(K106:K164,$A106:$B164),1)*2</f>
        <v>-6.2411567266185955E-4</v>
      </c>
      <c r="N135">
        <f t="shared" si="8"/>
        <v>2.0249793980347732</v>
      </c>
      <c r="O135">
        <f t="shared" si="9"/>
        <v>4.90679741846754E-2</v>
      </c>
    </row>
    <row r="136" spans="1:15" x14ac:dyDescent="0.4">
      <c r="A136">
        <v>4.4666666666666668</v>
      </c>
      <c r="B136">
        <f t="shared" si="10"/>
        <v>19.951111111111111</v>
      </c>
      <c r="C136">
        <v>-14.078127465526634</v>
      </c>
      <c r="D136">
        <v>1.9423179324787383</v>
      </c>
      <c r="E136" cm="1">
        <f t="array" ref="E136">INDEX(LINEST(C107:C165,$A107:$B165),1)*2</f>
        <v>2.4144370282756865E-2</v>
      </c>
      <c r="F136" cm="1">
        <f t="array" ref="F136">INDEX(LINEST(D107:D165,$A107:$B165),1)*2</f>
        <v>9.3152992662322905E-3</v>
      </c>
      <c r="G136">
        <f t="shared" si="6"/>
        <v>1.4179988667063106</v>
      </c>
      <c r="H136">
        <f t="shared" si="7"/>
        <v>0.54708752590582244</v>
      </c>
      <c r="J136">
        <v>14.446448171343084</v>
      </c>
      <c r="K136">
        <v>2.1857999392485512</v>
      </c>
      <c r="L136" cm="1">
        <f t="array" ref="L136">INDEX(LINEST(J107:J165,$A107:$B165),1)*2</f>
        <v>-2.6783984397748751E-2</v>
      </c>
      <c r="M136" cm="1">
        <f t="array" ref="M136">INDEX(LINEST(K107:K165,$A107:$B165),1)*2</f>
        <v>-1.8783061530045523E-3</v>
      </c>
      <c r="N136">
        <f t="shared" si="8"/>
        <v>2.1057568533510067</v>
      </c>
      <c r="O136">
        <f t="shared" si="9"/>
        <v>0.1476724297492179</v>
      </c>
    </row>
    <row r="137" spans="1:15" x14ac:dyDescent="0.4">
      <c r="A137">
        <v>4.5</v>
      </c>
      <c r="B137">
        <f t="shared" si="10"/>
        <v>20.25</v>
      </c>
      <c r="C137">
        <v>-14.070540711151821</v>
      </c>
      <c r="D137">
        <v>1.9402310918850028</v>
      </c>
      <c r="E137" cm="1">
        <f t="array" ref="E137">INDEX(LINEST(C108:C166,$A108:$B166),1)*2</f>
        <v>2.4790720455347318E-2</v>
      </c>
      <c r="F137" cm="1">
        <f t="array" ref="F137">INDEX(LINEST(D108:D166,$A108:$B166),1)*2</f>
        <v>6.6633203882596323E-3</v>
      </c>
      <c r="G137">
        <f t="shared" si="6"/>
        <v>1.4559590123425479</v>
      </c>
      <c r="H137">
        <f t="shared" si="7"/>
        <v>0.39133680640248819</v>
      </c>
      <c r="J137">
        <v>14.437100437487203</v>
      </c>
      <c r="K137">
        <v>2.1811755158207418</v>
      </c>
      <c r="L137" cm="1">
        <f t="array" ref="L137">INDEX(LINEST(J108:J166,$A108:$B166),1)*2</f>
        <v>-2.7780056896394064E-2</v>
      </c>
      <c r="M137" cm="1">
        <f t="array" ref="M137">INDEX(LINEST(K108:K166,$A108:$B166),1)*2</f>
        <v>-3.0702452627538327E-3</v>
      </c>
      <c r="N137">
        <f t="shared" si="8"/>
        <v>2.1840680731945015</v>
      </c>
      <c r="O137">
        <f t="shared" si="9"/>
        <v>0.24138268255770634</v>
      </c>
    </row>
    <row r="138" spans="1:15" x14ac:dyDescent="0.4">
      <c r="A138">
        <v>4.5333333333333332</v>
      </c>
      <c r="B138">
        <f t="shared" si="10"/>
        <v>20.551111111111108</v>
      </c>
      <c r="C138">
        <v>-14.066986826592004</v>
      </c>
      <c r="D138">
        <v>1.9405467094387867</v>
      </c>
      <c r="E138" cm="1">
        <f t="array" ref="E138">INDEX(LINEST(C109:C167,$A109:$B167),1)*2</f>
        <v>2.623375091163823E-2</v>
      </c>
      <c r="F138" cm="1">
        <f t="array" ref="F138">INDEX(LINEST(D109:D167,$A109:$B167),1)*2</f>
        <v>4.0518059172059339E-3</v>
      </c>
      <c r="G138">
        <f t="shared" si="6"/>
        <v>1.5407081910405132</v>
      </c>
      <c r="H138">
        <f t="shared" si="7"/>
        <v>0.2379625615175045</v>
      </c>
      <c r="J138">
        <v>14.434924487154344</v>
      </c>
      <c r="K138">
        <v>2.1808413170415575</v>
      </c>
      <c r="L138" cm="1">
        <f t="array" ref="L138">INDEX(LINEST(J109:J167,$A109:$B167),1)*2</f>
        <v>-2.9873521157730881E-2</v>
      </c>
      <c r="M138" cm="1">
        <f t="array" ref="M138">INDEX(LINEST(K109:K167,$A109:$B167),1)*2</f>
        <v>-3.5376128150032392E-3</v>
      </c>
      <c r="N138">
        <f t="shared" si="8"/>
        <v>2.3486562334208019</v>
      </c>
      <c r="O138">
        <f t="shared" si="9"/>
        <v>0.27812711951555469</v>
      </c>
    </row>
    <row r="139" spans="1:15" x14ac:dyDescent="0.4">
      <c r="A139">
        <v>4.5666666666666664</v>
      </c>
      <c r="B139">
        <f t="shared" si="10"/>
        <v>20.854444444444443</v>
      </c>
      <c r="C139">
        <v>-14.060492173825631</v>
      </c>
      <c r="D139">
        <v>1.9409856457316255</v>
      </c>
      <c r="E139" cm="1">
        <f t="array" ref="E139">INDEX(LINEST(C110:C168,$A110:$B168),1)*2</f>
        <v>2.7128772053332702E-2</v>
      </c>
      <c r="F139" cm="1">
        <f t="array" ref="F139">INDEX(LINEST(D110:D168,$A110:$B168),1)*2</f>
        <v>1.2522017908925135E-3</v>
      </c>
      <c r="G139">
        <f t="shared" si="6"/>
        <v>1.5932727826922295</v>
      </c>
      <c r="H139">
        <f t="shared" si="7"/>
        <v>7.3541811179117317E-2</v>
      </c>
      <c r="J139">
        <v>14.429623745196078</v>
      </c>
      <c r="K139">
        <v>2.1780738623845268</v>
      </c>
      <c r="L139" cm="1">
        <f t="array" ref="L139">INDEX(LINEST(J110:J168,$A110:$B168),1)*2</f>
        <v>-3.1665789682477907E-2</v>
      </c>
      <c r="M139" cm="1">
        <f t="array" ref="M139">INDEX(LINEST(K110:K168,$A110:$B168),1)*2</f>
        <v>-4.2333818071284566E-3</v>
      </c>
      <c r="N139">
        <f t="shared" si="8"/>
        <v>2.4895643848364131</v>
      </c>
      <c r="O139">
        <f t="shared" si="9"/>
        <v>0.33282847767643925</v>
      </c>
    </row>
    <row r="140" spans="1:15" x14ac:dyDescent="0.4">
      <c r="A140">
        <v>4.5999999999999996</v>
      </c>
      <c r="B140">
        <f t="shared" si="10"/>
        <v>21.159999999999997</v>
      </c>
      <c r="C140">
        <v>-14.055599392773475</v>
      </c>
      <c r="D140">
        <v>1.9398249712916631</v>
      </c>
      <c r="E140" cm="1">
        <f t="array" ref="E140">INDEX(LINEST(C111:C169,$A111:$B169),1)*2</f>
        <v>2.8855093061866455E-2</v>
      </c>
      <c r="F140" cm="1">
        <f t="array" ref="F140">INDEX(LINEST(D111:D169,$A111:$B169),1)*2</f>
        <v>-1.4629403503625708E-3</v>
      </c>
      <c r="G140">
        <f t="shared" si="6"/>
        <v>1.6946596155234168</v>
      </c>
      <c r="H140">
        <f t="shared" si="7"/>
        <v>-8.5918486776793784E-2</v>
      </c>
      <c r="J140">
        <v>14.425608265566407</v>
      </c>
      <c r="K140">
        <v>2.1749880426225561</v>
      </c>
      <c r="L140" cm="1">
        <f t="array" ref="L140">INDEX(LINEST(J111:J169,$A111:$B169),1)*2</f>
        <v>-3.3075647489151136E-2</v>
      </c>
      <c r="M140" cm="1">
        <f t="array" ref="M140">INDEX(LINEST(K111:K169,$A111:$B169),1)*2</f>
        <v>-4.597746091818746E-3</v>
      </c>
      <c r="N140">
        <f t="shared" si="8"/>
        <v>2.6004074055970623</v>
      </c>
      <c r="O140">
        <f t="shared" si="9"/>
        <v>0.36147479773878982</v>
      </c>
    </row>
    <row r="141" spans="1:15" x14ac:dyDescent="0.4">
      <c r="A141">
        <v>4.6333333333333337</v>
      </c>
      <c r="B141">
        <f t="shared" si="10"/>
        <v>21.46777777777778</v>
      </c>
      <c r="C141">
        <v>-14.05031814739568</v>
      </c>
      <c r="D141">
        <v>1.9379703829921557</v>
      </c>
      <c r="E141" cm="1">
        <f t="array" ref="E141">INDEX(LINEST(C112:C170,$A112:$B170),1)*2</f>
        <v>3.1112393168159207E-2</v>
      </c>
      <c r="F141" cm="1">
        <f t="array" ref="F141">INDEX(LINEST(D112:D170,$A112:$B170),1)*2</f>
        <v>-2.7998278387562667E-3</v>
      </c>
      <c r="G141">
        <f t="shared" si="6"/>
        <v>1.8272308507659902</v>
      </c>
      <c r="H141">
        <f t="shared" si="7"/>
        <v>-0.16443388897015554</v>
      </c>
      <c r="J141">
        <v>14.420421942120015</v>
      </c>
      <c r="K141">
        <v>2.1746973097907243</v>
      </c>
      <c r="L141" cm="1">
        <f t="array" ref="L141">INDEX(LINEST(J112:J170,$A112:$B170),1)*2</f>
        <v>-3.4987762113668407E-2</v>
      </c>
      <c r="M141" cm="1">
        <f t="array" ref="M141">INDEX(LINEST(K112:K170,$A112:$B170),1)*2</f>
        <v>-5.4792028194011752E-3</v>
      </c>
      <c r="N141">
        <f t="shared" si="8"/>
        <v>2.7507378573766101</v>
      </c>
      <c r="O141">
        <f t="shared" si="9"/>
        <v>0.43077492566132042</v>
      </c>
    </row>
    <row r="142" spans="1:15" x14ac:dyDescent="0.4">
      <c r="A142">
        <v>4.666666666666667</v>
      </c>
      <c r="B142">
        <f t="shared" si="10"/>
        <v>21.777777777777782</v>
      </c>
      <c r="C142">
        <v>-14.042920450694352</v>
      </c>
      <c r="D142">
        <v>1.9400006650775963</v>
      </c>
      <c r="E142" cm="1">
        <f t="array" ref="E142">INDEX(LINEST(C113:C171,$A113:$B171),1)*2</f>
        <v>3.2372746087445732E-2</v>
      </c>
      <c r="F142" cm="1">
        <f t="array" ref="F142">INDEX(LINEST(D113:D171,$A113:$B171),1)*2</f>
        <v>-4.6469361401693119E-3</v>
      </c>
      <c r="G142">
        <f t="shared" si="6"/>
        <v>1.9012513777156876</v>
      </c>
      <c r="H142">
        <f t="shared" si="7"/>
        <v>-0.27291455951214366</v>
      </c>
      <c r="J142">
        <v>14.415469737998832</v>
      </c>
      <c r="K142">
        <v>2.172247089667426</v>
      </c>
      <c r="L142" cm="1">
        <f t="array" ref="L142">INDEX(LINEST(J113:J171,$A113:$B171),1)*2</f>
        <v>-3.8262361291243677E-2</v>
      </c>
      <c r="M142" cm="1">
        <f t="array" ref="M142">INDEX(LINEST(K113:K171,$A113:$B171),1)*2</f>
        <v>-6.6209971379607973E-3</v>
      </c>
      <c r="N142">
        <f t="shared" si="8"/>
        <v>3.0081868447175779</v>
      </c>
      <c r="O142">
        <f t="shared" si="9"/>
        <v>0.52054279498647793</v>
      </c>
    </row>
    <row r="143" spans="1:15" x14ac:dyDescent="0.4">
      <c r="A143">
        <v>4.7</v>
      </c>
      <c r="B143">
        <f t="shared" si="10"/>
        <v>22.090000000000003</v>
      </c>
      <c r="C143">
        <v>-14.026032344122299</v>
      </c>
      <c r="D143">
        <v>1.9447992169794543</v>
      </c>
      <c r="E143" cm="1">
        <f t="array" ref="E143">INDEX(LINEST(C114:C172,$A114:$B172),1)*2</f>
        <v>3.2674076316533969E-2</v>
      </c>
      <c r="F143" cm="1">
        <f t="array" ref="F143">INDEX(LINEST(D114:D172,$A114:$B172),1)*2</f>
        <v>-6.7342043896322281E-3</v>
      </c>
      <c r="G143">
        <f t="shared" si="6"/>
        <v>1.9189485020700399</v>
      </c>
      <c r="H143">
        <f t="shared" si="7"/>
        <v>-0.39549982380310073</v>
      </c>
      <c r="J143">
        <v>14.411890264326118</v>
      </c>
      <c r="K143">
        <v>2.1803297246889599</v>
      </c>
      <c r="L143" cm="1">
        <f t="array" ref="L143">INDEX(LINEST(J114:J172,$A114:$B172),1)*2</f>
        <v>-4.1205293995122544E-2</v>
      </c>
      <c r="M143" cm="1">
        <f t="array" ref="M143">INDEX(LINEST(K114:K172,$A114:$B172),1)*2</f>
        <v>-6.6226732196214208E-3</v>
      </c>
      <c r="N143">
        <f t="shared" si="8"/>
        <v>3.2395602138965347</v>
      </c>
      <c r="O143">
        <f t="shared" si="9"/>
        <v>0.52067456852663618</v>
      </c>
    </row>
    <row r="144" spans="1:15" x14ac:dyDescent="0.4">
      <c r="A144">
        <v>4.7333333333333334</v>
      </c>
      <c r="B144">
        <f t="shared" si="10"/>
        <v>22.404444444444444</v>
      </c>
      <c r="C144">
        <v>-14.020523551573048</v>
      </c>
      <c r="D144">
        <v>1.944174335469788</v>
      </c>
      <c r="E144" cm="1">
        <f t="array" ref="E144">INDEX(LINEST(C115:C173,$A115:$B173),1)*2</f>
        <v>3.3447394791754105E-2</v>
      </c>
      <c r="F144" cm="1">
        <f t="array" ref="F144">INDEX(LINEST(D115:D173,$A115:$B173),1)*2</f>
        <v>-8.6855273735672624E-3</v>
      </c>
      <c r="G144">
        <f t="shared" si="6"/>
        <v>1.9643654961197186</v>
      </c>
      <c r="H144">
        <f t="shared" si="7"/>
        <v>-0.51010102264960533</v>
      </c>
      <c r="J144">
        <v>14.403023749248028</v>
      </c>
      <c r="K144">
        <v>2.1797453648875051</v>
      </c>
      <c r="L144" cm="1">
        <f t="array" ref="L144">INDEX(LINEST(J115:J173,$A115:$B173),1)*2</f>
        <v>-4.3818914129396251E-2</v>
      </c>
      <c r="M144" cm="1">
        <f t="array" ref="M144">INDEX(LINEST(K115:K173,$A115:$B173),1)*2</f>
        <v>-6.5745616702607571E-3</v>
      </c>
      <c r="N144">
        <f t="shared" si="8"/>
        <v>3.4450430288531333</v>
      </c>
      <c r="O144">
        <f t="shared" si="9"/>
        <v>0.51689203851590071</v>
      </c>
    </row>
    <row r="145" spans="1:15" x14ac:dyDescent="0.4">
      <c r="A145">
        <v>4.7666666666666666</v>
      </c>
      <c r="B145">
        <f t="shared" si="10"/>
        <v>22.72111111111111</v>
      </c>
      <c r="C145">
        <v>-14.011346666542236</v>
      </c>
      <c r="D145">
        <v>1.943867394717582</v>
      </c>
      <c r="E145" cm="1">
        <f t="array" ref="E145">INDEX(LINEST(C116:C174,$A116:$B174),1)*2</f>
        <v>3.4101761980753813E-2</v>
      </c>
      <c r="F145" cm="1">
        <f t="array" ref="F145">INDEX(LINEST(D116:D174,$A116:$B174),1)*2</f>
        <v>-9.2715342587109933E-3</v>
      </c>
      <c r="G145">
        <f t="shared" si="6"/>
        <v>2.0027964811296712</v>
      </c>
      <c r="H145">
        <f t="shared" si="7"/>
        <v>-0.54451720701409656</v>
      </c>
      <c r="J145">
        <v>14.395371706823514</v>
      </c>
      <c r="K145">
        <v>2.1785710751707104</v>
      </c>
      <c r="L145" cm="1">
        <f t="array" ref="L145">INDEX(LINEST(J116:J174,$A116:$B174),1)*2</f>
        <v>-4.4779915630702161E-2</v>
      </c>
      <c r="M145" cm="1">
        <f t="array" ref="M145">INDEX(LINEST(K116:K174,$A116:$B174),1)*2</f>
        <v>-4.5181257377862908E-3</v>
      </c>
      <c r="N145">
        <f t="shared" si="8"/>
        <v>3.5205969668858041</v>
      </c>
      <c r="O145">
        <f t="shared" si="9"/>
        <v>0.35521504550475819</v>
      </c>
    </row>
    <row r="146" spans="1:15" x14ac:dyDescent="0.4">
      <c r="A146">
        <v>4.8</v>
      </c>
      <c r="B146">
        <f t="shared" si="10"/>
        <v>23.04</v>
      </c>
      <c r="C146">
        <v>-14.00245622961646</v>
      </c>
      <c r="D146">
        <v>1.9436135776818038</v>
      </c>
      <c r="E146" cm="1">
        <f t="array" ref="E146">INDEX(LINEST(C117:C175,$A117:$B175),1)*2</f>
        <v>3.3997905673810912E-2</v>
      </c>
      <c r="F146" cm="1">
        <f t="array" ref="F146">INDEX(LINEST(D117:D175,$A117:$B175),1)*2</f>
        <v>-9.1284599112911643E-3</v>
      </c>
      <c r="G146">
        <f t="shared" si="6"/>
        <v>1.9966970002229147</v>
      </c>
      <c r="H146">
        <f t="shared" si="7"/>
        <v>-0.53611445059013008</v>
      </c>
      <c r="J146">
        <v>14.388951205295006</v>
      </c>
      <c r="K146">
        <v>2.1805172010324658</v>
      </c>
      <c r="L146" cm="1">
        <f t="array" ref="L146">INDEX(LINEST(J117:J175,$A117:$B175),1)*2</f>
        <v>-4.561782062523731E-2</v>
      </c>
      <c r="M146" cm="1">
        <f t="array" ref="M146">INDEX(LINEST(K117:K175,$A117:$B175),1)*2</f>
        <v>-2.2438176929235397E-3</v>
      </c>
      <c r="N146">
        <f t="shared" si="8"/>
        <v>3.5864730575561574</v>
      </c>
      <c r="O146">
        <f t="shared" si="9"/>
        <v>0.1764089470176487</v>
      </c>
    </row>
    <row r="147" spans="1:15" x14ac:dyDescent="0.4">
      <c r="A147">
        <v>4.833333333333333</v>
      </c>
      <c r="B147">
        <f t="shared" si="10"/>
        <v>23.361111111111107</v>
      </c>
      <c r="C147">
        <v>-14.00019739872579</v>
      </c>
      <c r="D147">
        <v>1.9459135957551008</v>
      </c>
      <c r="E147" cm="1">
        <f t="array" ref="E147">INDEX(LINEST(C118:C176,$A118:$B176),1)*2</f>
        <v>3.2490345489001399E-2</v>
      </c>
      <c r="F147" cm="1">
        <f t="array" ref="F147">INDEX(LINEST(D118:D176,$A118:$B176),1)*2</f>
        <v>-8.2907847626097955E-3</v>
      </c>
      <c r="G147">
        <f t="shared" si="6"/>
        <v>1.908157990569052</v>
      </c>
      <c r="H147">
        <f t="shared" si="7"/>
        <v>-0.48691778910807326</v>
      </c>
      <c r="J147">
        <v>14.380160220043557</v>
      </c>
      <c r="K147">
        <v>2.1804363904106991</v>
      </c>
      <c r="L147" cm="1">
        <f t="array" ref="L147">INDEX(LINEST(J118:J176,$A118:$B176),1)*2</f>
        <v>-4.5803210511089647E-2</v>
      </c>
      <c r="M147" cm="1">
        <f t="array" ref="M147">INDEX(LINEST(K118:K176,$A118:$B176),1)*2</f>
        <v>6.64255052407553E-4</v>
      </c>
      <c r="N147">
        <f t="shared" si="8"/>
        <v>3.6010484103818681</v>
      </c>
      <c r="O147">
        <f t="shared" si="9"/>
        <v>-5.2223732220281822E-2</v>
      </c>
    </row>
    <row r="148" spans="1:15" x14ac:dyDescent="0.4">
      <c r="A148">
        <v>4.8666666666666663</v>
      </c>
      <c r="B148">
        <f t="shared" si="10"/>
        <v>23.684444444444441</v>
      </c>
      <c r="C148">
        <v>-13.992790782654536</v>
      </c>
      <c r="D148">
        <v>1.9469476724998696</v>
      </c>
      <c r="E148" cm="1">
        <f t="array" ref="E148">INDEX(LINEST(C119:C177,$A119:$B177),1)*2</f>
        <v>3.206400542815184E-2</v>
      </c>
      <c r="F148" cm="1">
        <f t="array" ref="F148">INDEX(LINEST(D119:D177,$A119:$B177),1)*2</f>
        <v>-6.6641468680131563E-3</v>
      </c>
      <c r="G148">
        <f t="shared" si="6"/>
        <v>1.8831190387953574</v>
      </c>
      <c r="H148">
        <f t="shared" si="7"/>
        <v>-0.39138534555841265</v>
      </c>
      <c r="J148">
        <v>14.372790454353664</v>
      </c>
      <c r="K148">
        <v>2.1821207428706644</v>
      </c>
      <c r="L148" cm="1">
        <f t="array" ref="L148">INDEX(LINEST(J119:J177,$A119:$B177),1)*2</f>
        <v>-4.5640618386811577E-2</v>
      </c>
      <c r="M148" cm="1">
        <f t="array" ref="M148">INDEX(LINEST(K119:K177,$A119:$B177),1)*2</f>
        <v>3.9857662112278199E-3</v>
      </c>
      <c r="N148">
        <f t="shared" si="8"/>
        <v>3.5882654175711264</v>
      </c>
      <c r="O148">
        <f t="shared" si="9"/>
        <v>-0.31336093952673122</v>
      </c>
    </row>
    <row r="149" spans="1:15" x14ac:dyDescent="0.4">
      <c r="A149">
        <v>4.9000000000000004</v>
      </c>
      <c r="B149">
        <f t="shared" si="10"/>
        <v>24.010000000000005</v>
      </c>
      <c r="C149">
        <v>-13.987956656483302</v>
      </c>
      <c r="D149">
        <v>1.9496026639804613</v>
      </c>
      <c r="E149" cm="1">
        <f t="array" ref="E149">INDEX(LINEST(C120:C178,$A120:$B178),1)*2</f>
        <v>3.1879673056936071E-2</v>
      </c>
      <c r="F149" cm="1">
        <f t="array" ref="F149">INDEX(LINEST(D120:D178,$A120:$B178),1)*2</f>
        <v>-3.8805245304315123E-3</v>
      </c>
      <c r="G149">
        <f t="shared" si="6"/>
        <v>1.8722931986338553</v>
      </c>
      <c r="H149">
        <f t="shared" si="7"/>
        <v>-0.2279032056722427</v>
      </c>
      <c r="J149">
        <v>14.370045163003827</v>
      </c>
      <c r="K149">
        <v>2.1811304276716421</v>
      </c>
      <c r="L149" cm="1">
        <f t="array" ref="L149">INDEX(LINEST(J120:J178,$A120:$B178),1)*2</f>
        <v>-4.4945670036119115E-2</v>
      </c>
      <c r="M149" cm="1">
        <f t="array" ref="M149">INDEX(LINEST(K120:K178,$A120:$B178),1)*2</f>
        <v>7.3476609045608514E-3</v>
      </c>
      <c r="N149">
        <f t="shared" si="8"/>
        <v>3.5336285782396848</v>
      </c>
      <c r="O149">
        <f t="shared" si="9"/>
        <v>-0.57767310031657415</v>
      </c>
    </row>
    <row r="150" spans="1:15" x14ac:dyDescent="0.4">
      <c r="A150">
        <v>4.9333333333333336</v>
      </c>
      <c r="B150">
        <f t="shared" si="10"/>
        <v>24.337777777777781</v>
      </c>
      <c r="C150">
        <v>-13.980511764408131</v>
      </c>
      <c r="D150">
        <v>1.950995729982629</v>
      </c>
      <c r="E150" cm="1">
        <f t="array" ref="E150">INDEX(LINEST(C121:C179,$A121:$B179),1)*2</f>
        <v>3.2224784059299148E-2</v>
      </c>
      <c r="F150" cm="1">
        <f t="array" ref="F150">INDEX(LINEST(D121:D179,$A121:$B179),1)*2</f>
        <v>-1.8221235314307375E-3</v>
      </c>
      <c r="G150">
        <f t="shared" si="6"/>
        <v>1.8925615678026388</v>
      </c>
      <c r="H150">
        <f t="shared" si="7"/>
        <v>-0.1070133150009272</v>
      </c>
      <c r="J150">
        <v>14.364189718905305</v>
      </c>
      <c r="K150">
        <v>2.1838577639982475</v>
      </c>
      <c r="L150" cm="1">
        <f t="array" ref="L150">INDEX(LINEST(J121:J179,$A121:$B179),1)*2</f>
        <v>-4.4411327942558108E-2</v>
      </c>
      <c r="M150" cm="1">
        <f t="array" ref="M150">INDEX(LINEST(K121:K179,$A121:$B179),1)*2</f>
        <v>1.0353281573651243E-2</v>
      </c>
      <c r="N150">
        <f t="shared" si="8"/>
        <v>3.4916186028439187</v>
      </c>
      <c r="O150">
        <f t="shared" si="9"/>
        <v>-0.81397499732046086</v>
      </c>
    </row>
    <row r="151" spans="1:15" x14ac:dyDescent="0.4">
      <c r="A151">
        <v>4.9666666666666668</v>
      </c>
      <c r="B151">
        <f t="shared" si="10"/>
        <v>24.667777777777779</v>
      </c>
      <c r="C151">
        <v>-13.969893241628494</v>
      </c>
      <c r="D151">
        <v>1.9531246883001887</v>
      </c>
      <c r="E151" cm="1">
        <f t="array" ref="E151">INDEX(LINEST(C122:C180,$A122:$B180),1)*2</f>
        <v>3.2792980513217003E-2</v>
      </c>
      <c r="F151" cm="1">
        <f t="array" ref="F151">INDEX(LINEST(D122:D180,$A122:$B180),1)*2</f>
        <v>8.8728522748011756E-4</v>
      </c>
      <c r="G151">
        <f t="shared" si="6"/>
        <v>1.9259317455412346</v>
      </c>
      <c r="H151">
        <f t="shared" si="7"/>
        <v>5.2110261409907301E-2</v>
      </c>
      <c r="J151">
        <v>14.35714528406243</v>
      </c>
      <c r="K151">
        <v>2.1870848566558334</v>
      </c>
      <c r="L151" cm="1">
        <f t="array" ref="L151">INDEX(LINEST(J122:J180,$A122:$B180),1)*2</f>
        <v>-4.3466698645160375E-2</v>
      </c>
      <c r="M151" cm="1">
        <f t="array" ref="M151">INDEX(LINEST(K122:K180,$A122:$B180),1)*2</f>
        <v>1.3037003195266241E-2</v>
      </c>
      <c r="N151">
        <f t="shared" si="8"/>
        <v>3.4173518474825086</v>
      </c>
      <c r="O151">
        <f t="shared" si="9"/>
        <v>-1.0249691912118319</v>
      </c>
    </row>
    <row r="152" spans="1:15" x14ac:dyDescent="0.4">
      <c r="A152">
        <v>5</v>
      </c>
      <c r="B152">
        <f t="shared" si="10"/>
        <v>25</v>
      </c>
      <c r="C152">
        <v>-13.964282397466253</v>
      </c>
      <c r="D152">
        <v>1.9565923320409633</v>
      </c>
      <c r="E152" cm="1">
        <f t="array" ref="E152">INDEX(LINEST(C123:C181,$A123:$B181),1)*2</f>
        <v>3.2993225129996966E-2</v>
      </c>
      <c r="F152" cm="1">
        <f t="array" ref="F152">INDEX(LINEST(D123:D181,$A123:$B181),1)*2</f>
        <v>3.6555715743680074E-3</v>
      </c>
      <c r="G152">
        <f t="shared" si="6"/>
        <v>1.9376921118847217</v>
      </c>
      <c r="H152">
        <f t="shared" si="7"/>
        <v>0.21469171856263305</v>
      </c>
      <c r="J152">
        <v>14.355194218977307</v>
      </c>
      <c r="K152">
        <v>2.1906813132670298</v>
      </c>
      <c r="L152" cm="1">
        <f t="array" ref="L152">INDEX(LINEST(J123:J181,$A123:$B181),1)*2</f>
        <v>-4.2459849041777929E-2</v>
      </c>
      <c r="M152" cm="1">
        <f t="array" ref="M152">INDEX(LINEST(K123:K181,$A123:$B181),1)*2</f>
        <v>1.5631883184576551E-2</v>
      </c>
      <c r="N152">
        <f t="shared" si="8"/>
        <v>3.3381933316645811</v>
      </c>
      <c r="O152">
        <f t="shared" si="9"/>
        <v>-1.2289786559714084</v>
      </c>
    </row>
    <row r="153" spans="1:15" x14ac:dyDescent="0.4">
      <c r="A153">
        <v>5.0333333333333332</v>
      </c>
      <c r="B153">
        <f t="shared" si="10"/>
        <v>25.334444444444443</v>
      </c>
      <c r="C153">
        <v>-13.950111485142173</v>
      </c>
      <c r="D153">
        <v>1.9557902272360974</v>
      </c>
      <c r="E153" cm="1">
        <f t="array" ref="E153">INDEX(LINEST(C124:C182,$A124:$B182),1)*2</f>
        <v>3.2651249689423199E-2</v>
      </c>
      <c r="F153" cm="1">
        <f t="array" ref="F153">INDEX(LINEST(D124:D182,$A124:$B182),1)*2</f>
        <v>5.8692008288338381E-3</v>
      </c>
      <c r="G153">
        <f t="shared" si="6"/>
        <v>1.9176078942598245</v>
      </c>
      <c r="H153">
        <f t="shared" si="7"/>
        <v>0.34469816467741132</v>
      </c>
      <c r="J153">
        <v>14.350012727839566</v>
      </c>
      <c r="K153">
        <v>2.1892365402515481</v>
      </c>
      <c r="L153" cm="1">
        <f t="array" ref="L153">INDEX(LINEST(J124:J182,$A124:$B182),1)*2</f>
        <v>-3.9581769429735472E-2</v>
      </c>
      <c r="M153" cm="1">
        <f t="array" ref="M153">INDEX(LINEST(K124:K182,$A124:$B182),1)*2</f>
        <v>1.8184235945750429E-2</v>
      </c>
      <c r="N153">
        <f t="shared" si="8"/>
        <v>3.111918712565803</v>
      </c>
      <c r="O153">
        <f t="shared" si="9"/>
        <v>-1.4296446300548988</v>
      </c>
    </row>
    <row r="154" spans="1:15" x14ac:dyDescent="0.4">
      <c r="A154">
        <v>5.0666666666666664</v>
      </c>
      <c r="B154">
        <f t="shared" si="10"/>
        <v>25.671111111111109</v>
      </c>
      <c r="C154">
        <v>-13.941646923016487</v>
      </c>
      <c r="D154">
        <v>1.9558886025939763</v>
      </c>
      <c r="E154" cm="1">
        <f t="array" ref="E154">INDEX(LINEST(C125:C183,$A125:$B183),1)*2</f>
        <v>3.2023790012365355E-2</v>
      </c>
      <c r="F154" cm="1">
        <f t="array" ref="F154">INDEX(LINEST(D125:D183,$A125:$B183),1)*2</f>
        <v>7.3867811706801196E-3</v>
      </c>
      <c r="G154">
        <f t="shared" si="6"/>
        <v>1.8807571874262172</v>
      </c>
      <c r="H154">
        <f t="shared" si="7"/>
        <v>0.43382565815404339</v>
      </c>
      <c r="J154">
        <v>14.34261606851809</v>
      </c>
      <c r="K154">
        <v>2.1894146603976981</v>
      </c>
      <c r="L154" cm="1">
        <f t="array" ref="L154">INDEX(LINEST(J125:J183,$A125:$B183),1)*2</f>
        <v>-3.6091797620270684E-2</v>
      </c>
      <c r="M154" cm="1">
        <f t="array" ref="M154">INDEX(LINEST(K125:K183,$A125:$B183),1)*2</f>
        <v>2.0274626036319583E-2</v>
      </c>
      <c r="N154">
        <f t="shared" si="8"/>
        <v>2.8375371289056814</v>
      </c>
      <c r="O154">
        <f t="shared" si="9"/>
        <v>-1.5939910989754458</v>
      </c>
    </row>
    <row r="155" spans="1:15" x14ac:dyDescent="0.4">
      <c r="A155">
        <v>5.0999999999999996</v>
      </c>
      <c r="B155">
        <f t="shared" si="10"/>
        <v>26.009999999999998</v>
      </c>
      <c r="C155">
        <v>-13.936188400114709</v>
      </c>
      <c r="D155">
        <v>1.9560875416026906</v>
      </c>
      <c r="E155" cm="1">
        <f t="array" ref="E155">INDEX(LINEST(C126:C184,$A126:$B184),1)*2</f>
        <v>3.0864536646177089E-2</v>
      </c>
      <c r="F155" cm="1">
        <f t="array" ref="F155">INDEX(LINEST(D126:D184,$A126:$B184),1)*2</f>
        <v>8.8685918000534162E-3</v>
      </c>
      <c r="G155">
        <f t="shared" si="6"/>
        <v>1.8126742372299804</v>
      </c>
      <c r="H155">
        <f t="shared" si="7"/>
        <v>0.5208523964171371</v>
      </c>
      <c r="J155">
        <v>14.337671234755954</v>
      </c>
      <c r="K155">
        <v>2.1925291516669003</v>
      </c>
      <c r="L155" cm="1">
        <f t="array" ref="L155">INDEX(LINEST(J126:J184,$A126:$B184),1)*2</f>
        <v>-3.2232824842987229E-2</v>
      </c>
      <c r="M155" cm="1">
        <f t="array" ref="M155">INDEX(LINEST(K126:K184,$A126:$B184),1)*2</f>
        <v>2.1563563232947763E-2</v>
      </c>
      <c r="N155">
        <f t="shared" si="8"/>
        <v>2.534144689155656</v>
      </c>
      <c r="O155">
        <f t="shared" si="9"/>
        <v>-1.6953273413743533</v>
      </c>
    </row>
    <row r="156" spans="1:15" x14ac:dyDescent="0.4">
      <c r="A156">
        <v>5.1333333333333337</v>
      </c>
      <c r="B156">
        <f t="shared" si="10"/>
        <v>26.351111111111116</v>
      </c>
      <c r="C156">
        <v>-13.92884478307316</v>
      </c>
      <c r="D156">
        <v>1.9603931720459709</v>
      </c>
      <c r="E156" cm="1">
        <f t="array" ref="E156">INDEX(LINEST(C127:C185,$A127:$B185),1)*2</f>
        <v>3.0052496033360174E-2</v>
      </c>
      <c r="F156" cm="1">
        <f t="array" ref="F156">INDEX(LINEST(D127:D185,$A127:$B185),1)*2</f>
        <v>8.9732605361599552E-3</v>
      </c>
      <c r="G156">
        <f t="shared" si="6"/>
        <v>1.7649830920392429</v>
      </c>
      <c r="H156">
        <f t="shared" si="7"/>
        <v>0.52699959128867413</v>
      </c>
      <c r="J156">
        <v>14.327846820296033</v>
      </c>
      <c r="K156">
        <v>2.191924231321924</v>
      </c>
      <c r="L156" cm="1">
        <f t="array" ref="L156">INDEX(LINEST(J127:J185,$A127:$B185),1)*2</f>
        <v>-2.8569708277062667E-2</v>
      </c>
      <c r="M156" cm="1">
        <f t="array" ref="M156">INDEX(LINEST(K127:K185,$A127:$B185),1)*2</f>
        <v>2.2256479420907443E-2</v>
      </c>
      <c r="N156">
        <f t="shared" si="8"/>
        <v>2.2461504647426671</v>
      </c>
      <c r="O156">
        <f t="shared" si="9"/>
        <v>-1.7498044120717433</v>
      </c>
    </row>
    <row r="157" spans="1:15" x14ac:dyDescent="0.4">
      <c r="A157">
        <v>5.166666666666667</v>
      </c>
      <c r="B157">
        <f t="shared" si="10"/>
        <v>26.694444444444446</v>
      </c>
      <c r="C157">
        <v>-13.920431246854593</v>
      </c>
      <c r="D157">
        <v>1.9650808659525785</v>
      </c>
      <c r="E157" cm="1">
        <f t="array" ref="E157">INDEX(LINEST(C128:C186,$A128:$B186),1)*2</f>
        <v>2.9710429438695618E-2</v>
      </c>
      <c r="F157" cm="1">
        <f t="array" ref="F157">INDEX(LINEST(D128:D186,$A128:$B186),1)*2</f>
        <v>9.5066815723863218E-3</v>
      </c>
      <c r="G157">
        <f t="shared" si="6"/>
        <v>1.7448935209345935</v>
      </c>
      <c r="H157">
        <f t="shared" si="7"/>
        <v>0.55832740874624864</v>
      </c>
      <c r="J157">
        <v>14.320054813353964</v>
      </c>
      <c r="K157">
        <v>2.1917433237087001</v>
      </c>
      <c r="L157" cm="1">
        <f t="array" ref="L157">INDEX(LINEST(J128:J186,$A128:$B186),1)*2</f>
        <v>-2.6492764547125056E-2</v>
      </c>
      <c r="M157" cm="1">
        <f t="array" ref="M157">INDEX(LINEST(K128:K186,$A128:$B186),1)*2</f>
        <v>2.2450379815457923E-2</v>
      </c>
      <c r="N157">
        <f t="shared" si="8"/>
        <v>2.0828611486949722</v>
      </c>
      <c r="O157">
        <f t="shared" si="9"/>
        <v>-1.765048861091302</v>
      </c>
    </row>
    <row r="158" spans="1:15" x14ac:dyDescent="0.4">
      <c r="A158">
        <v>5.2</v>
      </c>
      <c r="B158">
        <f t="shared" si="10"/>
        <v>27.040000000000003</v>
      </c>
      <c r="C158">
        <v>-13.913347339695973</v>
      </c>
      <c r="D158">
        <v>1.9669766542891158</v>
      </c>
      <c r="E158" cm="1">
        <f t="array" ref="E158">INDEX(LINEST(C129:C187,$A129:$B187),1)*2</f>
        <v>2.9205394150625164E-2</v>
      </c>
      <c r="F158" cm="1">
        <f t="array" ref="F158">INDEX(LINEST(D129:D187,$A129:$B187),1)*2</f>
        <v>8.5912125648694628E-3</v>
      </c>
      <c r="G158">
        <f t="shared" si="6"/>
        <v>1.7152327984662159</v>
      </c>
      <c r="H158">
        <f t="shared" si="7"/>
        <v>0.50456191393478356</v>
      </c>
      <c r="J158">
        <v>14.312873646785791</v>
      </c>
      <c r="K158">
        <v>2.1927621053499347</v>
      </c>
      <c r="L158" cm="1">
        <f t="array" ref="L158">INDEX(LINEST(J129:J187,$A129:$B187),1)*2</f>
        <v>-2.3781111410440113E-2</v>
      </c>
      <c r="M158" cm="1">
        <f t="array" ref="M158">INDEX(LINEST(K129:K187,$A129:$B187),1)*2</f>
        <v>2.2030090341539684E-2</v>
      </c>
      <c r="N158">
        <f t="shared" si="8"/>
        <v>1.8696709790888018</v>
      </c>
      <c r="O158">
        <f t="shared" si="9"/>
        <v>-1.7320057026518501</v>
      </c>
    </row>
    <row r="159" spans="1:15" x14ac:dyDescent="0.4">
      <c r="A159">
        <v>5.2333333333333334</v>
      </c>
      <c r="B159">
        <f t="shared" si="10"/>
        <v>27.387777777777778</v>
      </c>
      <c r="C159">
        <v>-13.908729353338735</v>
      </c>
      <c r="D159">
        <v>1.9660264770541636</v>
      </c>
      <c r="E159" cm="1">
        <f t="array" ref="E159">INDEX(LINEST(C130:C188,$A130:$B188),1)*2</f>
        <v>2.8454856898923696E-2</v>
      </c>
      <c r="F159" cm="1">
        <f t="array" ref="F159">INDEX(LINEST(D130:D188,$A130:$B188),1)*2</f>
        <v>8.460046870771008E-3</v>
      </c>
      <c r="G159">
        <f t="shared" si="6"/>
        <v>1.6711537456737886</v>
      </c>
      <c r="H159">
        <f t="shared" si="7"/>
        <v>0.49685855272038126</v>
      </c>
      <c r="J159">
        <v>14.310228529903181</v>
      </c>
      <c r="K159">
        <v>2.1917521584720929</v>
      </c>
      <c r="L159" cm="1">
        <f t="array" ref="L159">INDEX(LINEST(J130:J188,$A130:$B188),1)*2</f>
        <v>-2.1760850426271752E-2</v>
      </c>
      <c r="M159" cm="1">
        <f t="array" ref="M159">INDEX(LINEST(K130:K188,$A130:$B188),1)*2</f>
        <v>2.1632855920289035E-2</v>
      </c>
      <c r="N159">
        <f t="shared" si="8"/>
        <v>1.7108380605134852</v>
      </c>
      <c r="O159">
        <f t="shared" si="9"/>
        <v>-1.7007751324531242</v>
      </c>
    </row>
    <row r="160" spans="1:15" x14ac:dyDescent="0.4">
      <c r="A160">
        <v>5.2666666666666666</v>
      </c>
      <c r="B160">
        <f t="shared" si="10"/>
        <v>27.737777777777776</v>
      </c>
      <c r="C160">
        <v>-13.903815155805681</v>
      </c>
      <c r="D160">
        <v>1.9646475933352243</v>
      </c>
      <c r="E160" cm="1">
        <f t="array" ref="E160">INDEX(LINEST(C131:C189,$A131:$B189),1)*2</f>
        <v>2.7927762405091414E-2</v>
      </c>
      <c r="F160" cm="1">
        <f t="array" ref="F160">INDEX(LINEST(D131:D189,$A131:$B189),1)*2</f>
        <v>8.5127926514247266E-3</v>
      </c>
      <c r="G160">
        <f t="shared" ref="G160:G223" si="11">E160*58.73</f>
        <v>1.6401974860510187</v>
      </c>
      <c r="H160">
        <f t="shared" ref="H160:H223" si="12">F160*58.73</f>
        <v>0.49995631241817418</v>
      </c>
      <c r="J160">
        <v>14.30405223927602</v>
      </c>
      <c r="K160">
        <v>2.1913819411788085</v>
      </c>
      <c r="L160" cm="1">
        <f t="array" ref="L160">INDEX(LINEST(J131:J189,$A131:$B189),1)*2</f>
        <v>-2.0009580436137708E-2</v>
      </c>
      <c r="M160" cm="1">
        <f t="array" ref="M160">INDEX(LINEST(K131:K189,$A131:$B189),1)*2</f>
        <v>2.0375128745445326E-2</v>
      </c>
      <c r="N160">
        <f t="shared" ref="N160:N223" si="13">-L160*78.62</f>
        <v>1.5731532138891466</v>
      </c>
      <c r="O160">
        <f t="shared" ref="O160:O223" si="14">-M160*78.62</f>
        <v>-1.6018926219669116</v>
      </c>
    </row>
    <row r="161" spans="1:15" x14ac:dyDescent="0.4">
      <c r="A161">
        <v>5.3</v>
      </c>
      <c r="B161">
        <f t="shared" si="10"/>
        <v>28.09</v>
      </c>
      <c r="C161">
        <v>-13.897390489521285</v>
      </c>
      <c r="D161">
        <v>1.964113429526855</v>
      </c>
      <c r="E161" cm="1">
        <f t="array" ref="E161">INDEX(LINEST(C132:C190,$A132:$B190),1)*2</f>
        <v>2.6932686157119419E-2</v>
      </c>
      <c r="F161" cm="1">
        <f t="array" ref="F161">INDEX(LINEST(D132:D190,$A132:$B190),1)*2</f>
        <v>8.2813884410318731E-3</v>
      </c>
      <c r="G161">
        <f t="shared" si="11"/>
        <v>1.5817566580076234</v>
      </c>
      <c r="H161">
        <f t="shared" si="12"/>
        <v>0.48636594314180187</v>
      </c>
      <c r="J161">
        <v>14.298486596901999</v>
      </c>
      <c r="K161">
        <v>2.1923630133415415</v>
      </c>
      <c r="L161" cm="1">
        <f t="array" ref="L161">INDEX(LINEST(J132:J190,$A132:$B190),1)*2</f>
        <v>-1.7614218380283927E-2</v>
      </c>
      <c r="M161" cm="1">
        <f t="array" ref="M161">INDEX(LINEST(K132:K190,$A132:$B190),1)*2</f>
        <v>1.8222695294804251E-2</v>
      </c>
      <c r="N161">
        <f t="shared" si="13"/>
        <v>1.3848298490579225</v>
      </c>
      <c r="O161">
        <f t="shared" si="14"/>
        <v>-1.4326683040775103</v>
      </c>
    </row>
    <row r="162" spans="1:15" x14ac:dyDescent="0.4">
      <c r="A162">
        <v>5.333333333333333</v>
      </c>
      <c r="B162">
        <f t="shared" si="10"/>
        <v>28.444444444444443</v>
      </c>
      <c r="C162">
        <v>-13.88832722101268</v>
      </c>
      <c r="D162">
        <v>1.9624966305526423</v>
      </c>
      <c r="E162" cm="1">
        <f t="array" ref="E162">INDEX(LINEST(C133:C191,$A133:$B191),1)*2</f>
        <v>2.6503175936445186E-2</v>
      </c>
      <c r="F162" cm="1">
        <f t="array" ref="F162">INDEX(LINEST(D133:D191,$A133:$B191),1)*2</f>
        <v>7.8233894563119449E-3</v>
      </c>
      <c r="G162">
        <f t="shared" si="11"/>
        <v>1.5565315227474257</v>
      </c>
      <c r="H162">
        <f t="shared" si="12"/>
        <v>0.45946766276920048</v>
      </c>
      <c r="J162">
        <v>14.288225585429961</v>
      </c>
      <c r="K162">
        <v>2.1892937782769959</v>
      </c>
      <c r="L162" cm="1">
        <f t="array" ref="L162">INDEX(LINEST(J133:J191,$A133:$B191),1)*2</f>
        <v>-1.479961410360733E-2</v>
      </c>
      <c r="M162" cm="1">
        <f t="array" ref="M162">INDEX(LINEST(K133:K191,$A133:$B191),1)*2</f>
        <v>1.6165335875292237E-2</v>
      </c>
      <c r="N162">
        <f t="shared" si="13"/>
        <v>1.1635456608256083</v>
      </c>
      <c r="O162">
        <f t="shared" si="14"/>
        <v>-1.2709187065154757</v>
      </c>
    </row>
    <row r="163" spans="1:15" x14ac:dyDescent="0.4">
      <c r="A163">
        <v>5.3666666666666663</v>
      </c>
      <c r="B163">
        <f t="shared" si="10"/>
        <v>28.801111111111105</v>
      </c>
      <c r="C163">
        <v>-13.881406217432366</v>
      </c>
      <c r="D163">
        <v>1.9617677007867369</v>
      </c>
      <c r="E163" cm="1">
        <f t="array" ref="E163">INDEX(LINEST(C134:C192,$A134:$B192),1)*2</f>
        <v>2.5616366238395204E-2</v>
      </c>
      <c r="F163" cm="1">
        <f t="array" ref="F163">INDEX(LINEST(D134:D192,$A134:$B192),1)*2</f>
        <v>6.9198862845675771E-3</v>
      </c>
      <c r="G163">
        <f t="shared" si="11"/>
        <v>1.5044491891809502</v>
      </c>
      <c r="H163">
        <f t="shared" si="12"/>
        <v>0.40640492149265378</v>
      </c>
      <c r="J163">
        <v>14.278689823019096</v>
      </c>
      <c r="K163">
        <v>2.1880003920561357</v>
      </c>
      <c r="L163" cm="1">
        <f t="array" ref="L163">INDEX(LINEST(J134:J192,$A134:$B192),1)*2</f>
        <v>-1.3355569749097471E-2</v>
      </c>
      <c r="M163" cm="1">
        <f t="array" ref="M163">INDEX(LINEST(K134:K192,$A134:$B192),1)*2</f>
        <v>1.3302232388921325E-2</v>
      </c>
      <c r="N163">
        <f t="shared" si="13"/>
        <v>1.0500148936740432</v>
      </c>
      <c r="O163">
        <f t="shared" si="14"/>
        <v>-1.0458215104169946</v>
      </c>
    </row>
    <row r="164" spans="1:15" x14ac:dyDescent="0.4">
      <c r="A164">
        <v>5.4</v>
      </c>
      <c r="B164">
        <f t="shared" si="10"/>
        <v>29.160000000000004</v>
      </c>
      <c r="C164">
        <v>-13.874544166046823</v>
      </c>
      <c r="D164">
        <v>1.9605863133182873</v>
      </c>
      <c r="E164" cm="1">
        <f t="array" ref="E164">INDEX(LINEST(C135:C193,$A135:$B193),1)*2</f>
        <v>2.5180514458125192E-2</v>
      </c>
      <c r="F164" cm="1">
        <f t="array" ref="F164">INDEX(LINEST(D135:D193,$A135:$B193),1)*2</f>
        <v>5.9640334008950642E-3</v>
      </c>
      <c r="G164">
        <f t="shared" si="11"/>
        <v>1.4788516141256924</v>
      </c>
      <c r="H164">
        <f t="shared" si="12"/>
        <v>0.35026768163456712</v>
      </c>
      <c r="J164">
        <v>14.27251096190667</v>
      </c>
      <c r="K164">
        <v>2.1883265393238278</v>
      </c>
      <c r="L164" cm="1">
        <f t="array" ref="L164">INDEX(LINEST(J135:J193,$A135:$B193),1)*2</f>
        <v>-1.1010835940840014E-2</v>
      </c>
      <c r="M164" cm="1">
        <f t="array" ref="M164">INDEX(LINEST(K135:K193,$A135:$B193),1)*2</f>
        <v>9.8737269236845188E-3</v>
      </c>
      <c r="N164">
        <f t="shared" si="13"/>
        <v>0.86567192166884188</v>
      </c>
      <c r="O164">
        <f t="shared" si="14"/>
        <v>-0.77627241074007691</v>
      </c>
    </row>
    <row r="165" spans="1:15" x14ac:dyDescent="0.4">
      <c r="A165">
        <v>5.4333333333333336</v>
      </c>
      <c r="B165">
        <f t="shared" si="10"/>
        <v>29.521111111111114</v>
      </c>
      <c r="C165">
        <v>-13.866425246505978</v>
      </c>
      <c r="D165">
        <v>1.9630268242772009</v>
      </c>
      <c r="E165" cm="1">
        <f t="array" ref="E165">INDEX(LINEST(C136:C194,$A136:$B194),1)*2</f>
        <v>2.4709372906334237E-2</v>
      </c>
      <c r="F165" cm="1">
        <f t="array" ref="F165">INDEX(LINEST(D136:D194,$A136:$B194),1)*2</f>
        <v>4.4406828312869174E-3</v>
      </c>
      <c r="G165">
        <f t="shared" si="11"/>
        <v>1.4511814707890096</v>
      </c>
      <c r="H165">
        <f t="shared" si="12"/>
        <v>0.26080130268148066</v>
      </c>
      <c r="J165">
        <v>14.264775236506905</v>
      </c>
      <c r="K165">
        <v>2.1856848735372321</v>
      </c>
      <c r="L165" cm="1">
        <f t="array" ref="L165">INDEX(LINEST(J136:J194,$A136:$B194),1)*2</f>
        <v>-9.5278150050832084E-3</v>
      </c>
      <c r="M165" cm="1">
        <f t="array" ref="M165">INDEX(LINEST(K136:K194,$A136:$B194),1)*2</f>
        <v>6.448202414281983E-3</v>
      </c>
      <c r="N165">
        <f t="shared" si="13"/>
        <v>0.74907681569964191</v>
      </c>
      <c r="O165">
        <f t="shared" si="14"/>
        <v>-0.50695767381084955</v>
      </c>
    </row>
    <row r="166" spans="1:15" x14ac:dyDescent="0.4">
      <c r="A166">
        <v>5.4666666666666668</v>
      </c>
      <c r="B166">
        <f t="shared" si="10"/>
        <v>29.884444444444444</v>
      </c>
      <c r="C166">
        <v>-13.854141109825942</v>
      </c>
      <c r="D166">
        <v>1.9615518503258111</v>
      </c>
      <c r="E166" cm="1">
        <f t="array" ref="E166">INDEX(LINEST(C137:C195,$A137:$B195),1)*2</f>
        <v>2.4910893340028047E-2</v>
      </c>
      <c r="F166" cm="1">
        <f t="array" ref="F166">INDEX(LINEST(D137:D195,$A137:$B195),1)*2</f>
        <v>2.5233324576347735E-3</v>
      </c>
      <c r="G166">
        <f t="shared" si="11"/>
        <v>1.4630167658598472</v>
      </c>
      <c r="H166">
        <f t="shared" si="12"/>
        <v>0.14819531523689025</v>
      </c>
      <c r="J166">
        <v>14.256313620347912</v>
      </c>
      <c r="K166">
        <v>2.1856676571631364</v>
      </c>
      <c r="L166" cm="1">
        <f t="array" ref="L166">INDEX(LINEST(J137:J195,$A137:$B195),1)*2</f>
        <v>-8.7750300500603895E-3</v>
      </c>
      <c r="M166" cm="1">
        <f t="array" ref="M166">INDEX(LINEST(K137:K195,$A137:$B195),1)*2</f>
        <v>2.9593361549636781E-3</v>
      </c>
      <c r="N166">
        <f t="shared" si="13"/>
        <v>0.68989286253574789</v>
      </c>
      <c r="O166">
        <f t="shared" si="14"/>
        <v>-0.2326630085032444</v>
      </c>
    </row>
    <row r="167" spans="1:15" x14ac:dyDescent="0.4">
      <c r="A167">
        <v>5.5</v>
      </c>
      <c r="B167">
        <f t="shared" si="10"/>
        <v>30.25</v>
      </c>
      <c r="C167">
        <v>-13.844842555454836</v>
      </c>
      <c r="D167">
        <v>1.9628445709081344</v>
      </c>
      <c r="E167" cm="1">
        <f t="array" ref="E167">INDEX(LINEST(C138:C196,$A138:$B196),1)*2</f>
        <v>2.5759854024923652E-2</v>
      </c>
      <c r="F167" cm="1">
        <f t="array" ref="F167">INDEX(LINEST(D138:D196,$A138:$B196),1)*2</f>
        <v>1.3084318526997893E-3</v>
      </c>
      <c r="G167">
        <f t="shared" si="11"/>
        <v>1.5128762268837661</v>
      </c>
      <c r="H167">
        <f t="shared" si="12"/>
        <v>7.6844202709058618E-2</v>
      </c>
      <c r="J167">
        <v>14.247092062093458</v>
      </c>
      <c r="K167">
        <v>2.1865769798984678</v>
      </c>
      <c r="L167" cm="1">
        <f t="array" ref="L167">INDEX(LINEST(J138:J196,$A138:$B196),1)*2</f>
        <v>-8.1972210665031721E-3</v>
      </c>
      <c r="M167" cm="1">
        <f t="array" ref="M167">INDEX(LINEST(K138:K196,$A138:$B196),1)*2</f>
        <v>2.7559226413933184E-4</v>
      </c>
      <c r="N167">
        <f t="shared" si="13"/>
        <v>0.64446552024847947</v>
      </c>
      <c r="O167">
        <f t="shared" si="14"/>
        <v>-2.166706380663427E-2</v>
      </c>
    </row>
    <row r="168" spans="1:15" x14ac:dyDescent="0.4">
      <c r="A168">
        <v>5.5333333333333332</v>
      </c>
      <c r="B168">
        <f t="shared" si="10"/>
        <v>30.617777777777775</v>
      </c>
      <c r="C168">
        <v>-13.838554012311397</v>
      </c>
      <c r="D168">
        <v>1.9647979432518961</v>
      </c>
      <c r="E168" cm="1">
        <f t="array" ref="E168">INDEX(LINEST(C139:C197,$A139:$B197),1)*2</f>
        <v>2.8062743348648039E-2</v>
      </c>
      <c r="F168" cm="1">
        <f t="array" ref="F168">INDEX(LINEST(D139:D197,$A139:$B197),1)*2</f>
        <v>2.6630383542401893E-4</v>
      </c>
      <c r="G168">
        <f t="shared" si="11"/>
        <v>1.6481249168660992</v>
      </c>
      <c r="H168">
        <f t="shared" si="12"/>
        <v>1.5640024254452631E-2</v>
      </c>
      <c r="J168">
        <v>14.242165192612548</v>
      </c>
      <c r="K168">
        <v>2.1860310482416137</v>
      </c>
      <c r="L168" cm="1">
        <f t="array" ref="L168">INDEX(LINEST(J139:J197,$A139:$B197),1)*2</f>
        <v>-1.0435662989767506E-2</v>
      </c>
      <c r="M168" cm="1">
        <f t="array" ref="M168">INDEX(LINEST(K139:K197,$A139:$B197),1)*2</f>
        <v>-2.5322698534010861E-3</v>
      </c>
      <c r="N168">
        <f t="shared" si="13"/>
        <v>0.82045182425552132</v>
      </c>
      <c r="O168">
        <f t="shared" si="14"/>
        <v>0.1990870558743934</v>
      </c>
    </row>
    <row r="169" spans="1:15" x14ac:dyDescent="0.4">
      <c r="A169">
        <v>5.5666666666666664</v>
      </c>
      <c r="B169">
        <f t="shared" si="10"/>
        <v>30.987777777777776</v>
      </c>
      <c r="C169">
        <v>-13.830488922542239</v>
      </c>
      <c r="D169">
        <v>1.9678675389840279</v>
      </c>
      <c r="E169" cm="1">
        <f t="array" ref="E169">INDEX(LINEST(C140:C198,$A140:$B198),1)*2</f>
        <v>3.047775955263984E-2</v>
      </c>
      <c r="F169" cm="1">
        <f t="array" ref="F169">INDEX(LINEST(D140:D198,$A140:$B198),1)*2</f>
        <v>-7.0911739913233688E-4</v>
      </c>
      <c r="G169">
        <f t="shared" si="11"/>
        <v>1.7899588185265378</v>
      </c>
      <c r="H169">
        <f t="shared" si="12"/>
        <v>-4.1646464851042141E-2</v>
      </c>
      <c r="J169">
        <v>14.233722867101836</v>
      </c>
      <c r="K169">
        <v>2.1870435546103866</v>
      </c>
      <c r="L169" cm="1">
        <f t="array" ref="L169">INDEX(LINEST(J140:J198,$A140:$B198),1)*2</f>
        <v>-1.2235080559964437E-2</v>
      </c>
      <c r="M169" cm="1">
        <f t="array" ref="M169">INDEX(LINEST(K140:K198,$A140:$B198),1)*2</f>
        <v>-4.0685135920365241E-3</v>
      </c>
      <c r="N169">
        <f t="shared" si="13"/>
        <v>0.96192203362440409</v>
      </c>
      <c r="O169">
        <f t="shared" si="14"/>
        <v>0.31986653860591152</v>
      </c>
    </row>
    <row r="170" spans="1:15" x14ac:dyDescent="0.4">
      <c r="A170">
        <v>5.6</v>
      </c>
      <c r="B170">
        <f t="shared" si="10"/>
        <v>31.359999999999996</v>
      </c>
      <c r="C170">
        <v>-13.820756583901353</v>
      </c>
      <c r="D170">
        <v>1.9728505770238232</v>
      </c>
      <c r="E170" cm="1">
        <f t="array" ref="E170">INDEX(LINEST(C141:C199,$A141:$B199),1)*2</f>
        <v>3.3002501255993189E-2</v>
      </c>
      <c r="F170" cm="1">
        <f t="array" ref="F170">INDEX(LINEST(D141:D199,$A141:$B199),1)*2</f>
        <v>-7.3759220059753524E-4</v>
      </c>
      <c r="G170">
        <f t="shared" si="11"/>
        <v>1.9382368987644798</v>
      </c>
      <c r="H170">
        <f t="shared" si="12"/>
        <v>-4.3318789941093241E-2</v>
      </c>
      <c r="J170">
        <v>14.228478285344471</v>
      </c>
      <c r="K170">
        <v>2.1858946148030545</v>
      </c>
      <c r="L170" cm="1">
        <f t="array" ref="L170">INDEX(LINEST(J141:J199,$A141:$B199),1)*2</f>
        <v>-1.4228434941712352E-2</v>
      </c>
      <c r="M170" cm="1">
        <f t="array" ref="M170">INDEX(LINEST(K141:K199,$A141:$B199),1)*2</f>
        <v>-4.7124693534431822E-3</v>
      </c>
      <c r="N170">
        <f t="shared" si="13"/>
        <v>1.1186395551174251</v>
      </c>
      <c r="O170">
        <f t="shared" si="14"/>
        <v>0.37049434056770303</v>
      </c>
    </row>
    <row r="171" spans="1:15" x14ac:dyDescent="0.4">
      <c r="A171">
        <v>5.6333333333333337</v>
      </c>
      <c r="B171">
        <f t="shared" si="10"/>
        <v>31.734444444444449</v>
      </c>
      <c r="C171">
        <v>-13.816042584623004</v>
      </c>
      <c r="D171">
        <v>1.9704005988376405</v>
      </c>
      <c r="E171" cm="1">
        <f t="array" ref="E171">INDEX(LINEST(C142:C200,$A142:$B200),1)*2</f>
        <v>3.529578643749167E-2</v>
      </c>
      <c r="F171" cm="1">
        <f t="array" ref="F171">INDEX(LINEST(D142:D200,$A142:$B200),1)*2</f>
        <v>7.7831079045947559E-4</v>
      </c>
      <c r="G171">
        <f t="shared" si="11"/>
        <v>2.0729215374738859</v>
      </c>
      <c r="H171">
        <f t="shared" si="12"/>
        <v>4.5710192723684998E-2</v>
      </c>
      <c r="J171">
        <v>14.217065588084232</v>
      </c>
      <c r="K171">
        <v>2.1867383564799243</v>
      </c>
      <c r="L171" cm="1">
        <f t="array" ref="L171">INDEX(LINEST(J142:J200,$A142:$B200),1)*2</f>
        <v>-1.5654398346729433E-2</v>
      </c>
      <c r="M171" cm="1">
        <f t="array" ref="M171">INDEX(LINEST(K142:K200,$A142:$B200),1)*2</f>
        <v>-4.7560380037855073E-3</v>
      </c>
      <c r="N171">
        <f t="shared" si="13"/>
        <v>1.2307487980198681</v>
      </c>
      <c r="O171">
        <f t="shared" si="14"/>
        <v>0.37391970785761658</v>
      </c>
    </row>
    <row r="172" spans="1:15" x14ac:dyDescent="0.4">
      <c r="A172">
        <v>5.666666666666667</v>
      </c>
      <c r="B172">
        <f t="shared" si="10"/>
        <v>32.111111111111114</v>
      </c>
      <c r="C172">
        <v>-13.809986169232456</v>
      </c>
      <c r="D172">
        <v>1.9699082518231705</v>
      </c>
      <c r="E172" cm="1">
        <f t="array" ref="E172">INDEX(LINEST(C143:C201,$A143:$B201),1)*2</f>
        <v>3.6700014445549947E-2</v>
      </c>
      <c r="F172" cm="1">
        <f t="array" ref="F172">INDEX(LINEST(D143:D201,$A143:$B201),1)*2</f>
        <v>1.8437783721397831E-3</v>
      </c>
      <c r="G172">
        <f t="shared" si="11"/>
        <v>2.1553918483871484</v>
      </c>
      <c r="H172">
        <f t="shared" si="12"/>
        <v>0.10828510379576946</v>
      </c>
      <c r="J172">
        <v>14.211036425968613</v>
      </c>
      <c r="K172">
        <v>2.1879046369110893</v>
      </c>
      <c r="L172" cm="1">
        <f t="array" ref="L172">INDEX(LINEST(J143:J201,$A143:$B201),1)*2</f>
        <v>-1.7707853089497291E-2</v>
      </c>
      <c r="M172" cm="1">
        <f t="array" ref="M172">INDEX(LINEST(K143:K201,$A143:$B201),1)*2</f>
        <v>-4.2774240254293211E-3</v>
      </c>
      <c r="N172">
        <f t="shared" si="13"/>
        <v>1.3921914098962771</v>
      </c>
      <c r="O172">
        <f t="shared" si="14"/>
        <v>0.33629107687925325</v>
      </c>
    </row>
    <row r="173" spans="1:15" x14ac:dyDescent="0.4">
      <c r="A173">
        <v>5.7</v>
      </c>
      <c r="B173">
        <f t="shared" si="10"/>
        <v>32.49</v>
      </c>
      <c r="C173">
        <v>-13.803300446664581</v>
      </c>
      <c r="D173">
        <v>1.9663017820832691</v>
      </c>
      <c r="E173" cm="1">
        <f t="array" ref="E173">INDEX(LINEST(C144:C202,$A144:$B202),1)*2</f>
        <v>3.5101454536565387E-2</v>
      </c>
      <c r="F173" cm="1">
        <f t="array" ref="F173">INDEX(LINEST(D144:D202,$A144:$B202),1)*2</f>
        <v>1.9033113098706107E-3</v>
      </c>
      <c r="G173">
        <f t="shared" si="11"/>
        <v>2.0615084249324851</v>
      </c>
      <c r="H173">
        <f t="shared" si="12"/>
        <v>0.11178147322870097</v>
      </c>
      <c r="J173">
        <v>14.203612961880744</v>
      </c>
      <c r="K173">
        <v>2.189974143154688</v>
      </c>
      <c r="L173" cm="1">
        <f t="array" ref="L173">INDEX(LINEST(J144:J202,$A144:$B202),1)*2</f>
        <v>-2.0759717623662598E-2</v>
      </c>
      <c r="M173" cm="1">
        <f t="array" ref="M173">INDEX(LINEST(K144:K202,$A144:$B202),1)*2</f>
        <v>-4.8444397033789886E-3</v>
      </c>
      <c r="N173">
        <f t="shared" si="13"/>
        <v>1.6321289995723536</v>
      </c>
      <c r="O173">
        <f t="shared" si="14"/>
        <v>0.38086984947965613</v>
      </c>
    </row>
    <row r="174" spans="1:15" x14ac:dyDescent="0.4">
      <c r="A174">
        <v>5.7333333333333334</v>
      </c>
      <c r="B174">
        <f t="shared" si="10"/>
        <v>32.871111111111112</v>
      </c>
      <c r="C174">
        <v>-13.794335579016725</v>
      </c>
      <c r="D174">
        <v>1.9673914609264473</v>
      </c>
      <c r="E174" cm="1">
        <f t="array" ref="E174">INDEX(LINEST(C145:C203,$A145:$B203),1)*2</f>
        <v>3.3998466777373018E-2</v>
      </c>
      <c r="F174" cm="1">
        <f t="array" ref="F174">INDEX(LINEST(D145:D203,$A145:$B203),1)*2</f>
        <v>2.5484261212466385E-3</v>
      </c>
      <c r="G174">
        <f t="shared" si="11"/>
        <v>1.9967299538351173</v>
      </c>
      <c r="H174">
        <f t="shared" si="12"/>
        <v>0.14966906610081507</v>
      </c>
      <c r="J174">
        <v>14.19799247829777</v>
      </c>
      <c r="K174">
        <v>2.1954099938367508</v>
      </c>
      <c r="L174" cm="1">
        <f t="array" ref="L174">INDEX(LINEST(J145:J203,$A145:$B203),1)*2</f>
        <v>-2.256337800460588E-2</v>
      </c>
      <c r="M174" cm="1">
        <f t="array" ref="M174">INDEX(LINEST(K145:K203,$A145:$B203),1)*2</f>
        <v>-3.9623870120058776E-3</v>
      </c>
      <c r="N174">
        <f t="shared" si="13"/>
        <v>1.7739327787221144</v>
      </c>
      <c r="O174">
        <f t="shared" si="14"/>
        <v>0.31152286688390213</v>
      </c>
    </row>
    <row r="175" spans="1:15" x14ac:dyDescent="0.4">
      <c r="A175">
        <v>5.7666666666666666</v>
      </c>
      <c r="B175">
        <f t="shared" si="10"/>
        <v>33.254444444444445</v>
      </c>
      <c r="C175">
        <v>-13.786586119933885</v>
      </c>
      <c r="D175">
        <v>1.9680003724077944</v>
      </c>
      <c r="E175" cm="1">
        <f t="array" ref="E175">INDEX(LINEST(C146:C204,$A146:$B204),1)*2</f>
        <v>3.2448533134443423E-2</v>
      </c>
      <c r="F175" cm="1">
        <f t="array" ref="F175">INDEX(LINEST(D146:D204,$A146:$B204),1)*2</f>
        <v>4.0747878684382352E-3</v>
      </c>
      <c r="G175">
        <f t="shared" si="11"/>
        <v>1.9057023509858622</v>
      </c>
      <c r="H175">
        <f t="shared" si="12"/>
        <v>0.23931229151337755</v>
      </c>
      <c r="J175">
        <v>14.191417377835476</v>
      </c>
      <c r="K175">
        <v>2.1962676531454304</v>
      </c>
      <c r="L175" cm="1">
        <f t="array" ref="L175">INDEX(LINEST(J146:J204,$A146:$B204),1)*2</f>
        <v>-2.3931652484333089E-2</v>
      </c>
      <c r="M175" cm="1">
        <f t="array" ref="M175">INDEX(LINEST(K146:K204,$A146:$B204),1)*2</f>
        <v>-2.1868601792432571E-3</v>
      </c>
      <c r="N175">
        <f t="shared" si="13"/>
        <v>1.8815065183182675</v>
      </c>
      <c r="O175">
        <f t="shared" si="14"/>
        <v>0.17193094729210487</v>
      </c>
    </row>
    <row r="176" spans="1:15" x14ac:dyDescent="0.4">
      <c r="A176">
        <v>5.8</v>
      </c>
      <c r="B176">
        <f t="shared" si="10"/>
        <v>33.64</v>
      </c>
      <c r="C176">
        <v>-13.776254970044963</v>
      </c>
      <c r="D176">
        <v>1.9717180497549416</v>
      </c>
      <c r="E176" cm="1">
        <f t="array" ref="E176">INDEX(LINEST(C147:C205,$A147:$B205),1)*2</f>
        <v>2.9856521731380075E-2</v>
      </c>
      <c r="F176" cm="1">
        <f t="array" ref="F176">INDEX(LINEST(D147:D205,$A147:$B205),1)*2</f>
        <v>6.527059879522467E-3</v>
      </c>
      <c r="G176">
        <f t="shared" si="11"/>
        <v>1.7534735212839516</v>
      </c>
      <c r="H176">
        <f t="shared" si="12"/>
        <v>0.38333422672435447</v>
      </c>
      <c r="J176">
        <v>14.183783480352895</v>
      </c>
      <c r="K176">
        <v>2.1968874703502346</v>
      </c>
      <c r="L176" cm="1">
        <f t="array" ref="L176">INDEX(LINEST(J147:J205,$A147:$B205),1)*2</f>
        <v>-2.5635473586322961E-2</v>
      </c>
      <c r="M176" cm="1">
        <f t="array" ref="M176">INDEX(LINEST(K147:K205,$A147:$B205),1)*2</f>
        <v>-9.1299044330928048E-4</v>
      </c>
      <c r="N176">
        <f t="shared" si="13"/>
        <v>2.0154609333567115</v>
      </c>
      <c r="O176">
        <f t="shared" si="14"/>
        <v>7.1779308652975632E-2</v>
      </c>
    </row>
    <row r="177" spans="1:15" x14ac:dyDescent="0.4">
      <c r="A177">
        <v>5.833333333333333</v>
      </c>
      <c r="B177">
        <f t="shared" si="10"/>
        <v>34.027777777777771</v>
      </c>
      <c r="C177">
        <v>-13.762485634845406</v>
      </c>
      <c r="D177">
        <v>1.9760406743464856</v>
      </c>
      <c r="E177" cm="1">
        <f t="array" ref="E177">INDEX(LINEST(C148:C206,$A148:$B206),1)*2</f>
        <v>2.8508976145780646E-2</v>
      </c>
      <c r="F177" cm="1">
        <f t="array" ref="F177">INDEX(LINEST(D148:D206,$A148:$B206),1)*2</f>
        <v>8.2187836102147402E-3</v>
      </c>
      <c r="G177">
        <f t="shared" si="11"/>
        <v>1.6743321690416972</v>
      </c>
      <c r="H177">
        <f t="shared" si="12"/>
        <v>0.48268916142791168</v>
      </c>
      <c r="J177">
        <v>14.176084159168571</v>
      </c>
      <c r="K177">
        <v>2.1998088928948847</v>
      </c>
      <c r="L177" cm="1">
        <f t="array" ref="L177">INDEX(LINEST(J148:J206,$A148:$B206),1)*2</f>
        <v>-2.6811037979733752E-2</v>
      </c>
      <c r="M177" cm="1">
        <f t="array" ref="M177">INDEX(LINEST(K148:K206,$A148:$B206),1)*2</f>
        <v>6.7598069472218751E-4</v>
      </c>
      <c r="N177">
        <f t="shared" si="13"/>
        <v>2.1078838059666678</v>
      </c>
      <c r="O177">
        <f t="shared" si="14"/>
        <v>-5.3145602219058383E-2</v>
      </c>
    </row>
    <row r="178" spans="1:15" x14ac:dyDescent="0.4">
      <c r="A178">
        <v>5.8666666666666663</v>
      </c>
      <c r="B178">
        <f t="shared" si="10"/>
        <v>34.417777777777772</v>
      </c>
      <c r="C178">
        <v>-13.753777659776405</v>
      </c>
      <c r="D178">
        <v>1.9793314287376009</v>
      </c>
      <c r="E178" cm="1">
        <f t="array" ref="E178">INDEX(LINEST(C149:C207,$A149:$B207),1)*2</f>
        <v>2.7188014770972074E-2</v>
      </c>
      <c r="F178" cm="1">
        <f t="array" ref="F178">INDEX(LINEST(D149:D207,$A149:$B207),1)*2</f>
        <v>1.0278078671943977E-2</v>
      </c>
      <c r="G178">
        <f t="shared" si="11"/>
        <v>1.5967521074991899</v>
      </c>
      <c r="H178">
        <f t="shared" si="12"/>
        <v>0.60363156040326971</v>
      </c>
      <c r="J178">
        <v>14.170080765697019</v>
      </c>
      <c r="K178">
        <v>2.2012593638172775</v>
      </c>
      <c r="L178" cm="1">
        <f t="array" ref="L178">INDEX(LINEST(J149:J207,$A149:$B207),1)*2</f>
        <v>-2.7643723013181326E-2</v>
      </c>
      <c r="M178" cm="1">
        <f t="array" ref="M178">INDEX(LINEST(K149:K207,$A149:$B207),1)*2</f>
        <v>2.1729178172968217E-3</v>
      </c>
      <c r="N178">
        <f t="shared" si="13"/>
        <v>2.1733495032963162</v>
      </c>
      <c r="O178">
        <f t="shared" si="14"/>
        <v>-0.17083479879587612</v>
      </c>
    </row>
    <row r="179" spans="1:15" x14ac:dyDescent="0.4">
      <c r="A179">
        <v>5.9</v>
      </c>
      <c r="B179">
        <f t="shared" si="10"/>
        <v>34.81</v>
      </c>
      <c r="C179">
        <v>-13.745785540704281</v>
      </c>
      <c r="D179">
        <v>1.979798561440689</v>
      </c>
      <c r="E179" cm="1">
        <f t="array" ref="E179">INDEX(LINEST(C150:C208,$A150:$B208),1)*2</f>
        <v>2.7049328362375627E-2</v>
      </c>
      <c r="F179" cm="1">
        <f t="array" ref="F179">INDEX(LINEST(D150:D208,$A150:$B208),1)*2</f>
        <v>1.271894624342699E-2</v>
      </c>
      <c r="G179">
        <f t="shared" si="11"/>
        <v>1.5886070547223206</v>
      </c>
      <c r="H179">
        <f t="shared" si="12"/>
        <v>0.74698371287646714</v>
      </c>
      <c r="J179">
        <v>14.165544233172907</v>
      </c>
      <c r="K179">
        <v>2.2003973855536616</v>
      </c>
      <c r="L179" cm="1">
        <f t="array" ref="L179">INDEX(LINEST(J150:J208,$A150:$B208),1)*2</f>
        <v>-3.0024781773789561E-2</v>
      </c>
      <c r="M179" cm="1">
        <f t="array" ref="M179">INDEX(LINEST(K150:K208,$A150:$B208),1)*2</f>
        <v>4.2269326140013811E-3</v>
      </c>
      <c r="N179">
        <f t="shared" si="13"/>
        <v>2.3605483430553353</v>
      </c>
      <c r="O179">
        <f t="shared" si="14"/>
        <v>-0.33232144211278858</v>
      </c>
    </row>
    <row r="180" spans="1:15" x14ac:dyDescent="0.4">
      <c r="A180">
        <v>5.9333333333333336</v>
      </c>
      <c r="B180">
        <f t="shared" si="10"/>
        <v>35.204444444444448</v>
      </c>
      <c r="C180">
        <v>-13.734362076363789</v>
      </c>
      <c r="D180">
        <v>1.9817840657126162</v>
      </c>
      <c r="E180" cm="1">
        <f t="array" ref="E180">INDEX(LINEST(C151:C209,$A151:$B209),1)*2</f>
        <v>2.7021249896705058E-2</v>
      </c>
      <c r="F180" cm="1">
        <f t="array" ref="F180">INDEX(LINEST(D151:D209,$A151:$B209),1)*2</f>
        <v>1.4374080568425065E-2</v>
      </c>
      <c r="G180">
        <f t="shared" si="11"/>
        <v>1.5869580064334881</v>
      </c>
      <c r="H180">
        <f t="shared" si="12"/>
        <v>0.844189751783604</v>
      </c>
      <c r="J180">
        <v>14.161466296505292</v>
      </c>
      <c r="K180">
        <v>2.2009346665123406</v>
      </c>
      <c r="L180" cm="1">
        <f t="array" ref="L180">INDEX(LINEST(J151:J209,$A151:$B209),1)*2</f>
        <v>-3.2289427608939748E-2</v>
      </c>
      <c r="M180" cm="1">
        <f t="array" ref="M180">INDEX(LINEST(K151:K209,$A151:$B209),1)*2</f>
        <v>5.6007738527871437E-3</v>
      </c>
      <c r="N180">
        <f t="shared" si="13"/>
        <v>2.5385947986148429</v>
      </c>
      <c r="O180">
        <f t="shared" si="14"/>
        <v>-0.44033284030612524</v>
      </c>
    </row>
    <row r="181" spans="1:15" x14ac:dyDescent="0.4">
      <c r="A181">
        <v>5.9666666666666668</v>
      </c>
      <c r="B181">
        <f t="shared" si="10"/>
        <v>35.601111111111109</v>
      </c>
      <c r="C181">
        <v>-13.728247784221008</v>
      </c>
      <c r="D181">
        <v>1.9835924128414177</v>
      </c>
      <c r="E181" cm="1">
        <f t="array" ref="E181">INDEX(LINEST(C152:C210,$A152:$B210),1)*2</f>
        <v>2.5646729738894983E-2</v>
      </c>
      <c r="F181" cm="1">
        <f t="array" ref="F181">INDEX(LINEST(D152:D210,$A152:$B210),1)*2</f>
        <v>1.543827971526757E-2</v>
      </c>
      <c r="G181">
        <f t="shared" si="11"/>
        <v>1.5062324375653022</v>
      </c>
      <c r="H181">
        <f t="shared" si="12"/>
        <v>0.9066901676776643</v>
      </c>
      <c r="J181">
        <v>14.157135404048448</v>
      </c>
      <c r="K181">
        <v>2.202458669938923</v>
      </c>
      <c r="L181" cm="1">
        <f t="array" ref="L181">INDEX(LINEST(J152:J210,$A152:$B210),1)*2</f>
        <v>-3.2999892344183331E-2</v>
      </c>
      <c r="M181" cm="1">
        <f t="array" ref="M181">INDEX(LINEST(K152:K210,$A152:$B210),1)*2</f>
        <v>6.5064838501438056E-3</v>
      </c>
      <c r="N181">
        <f t="shared" si="13"/>
        <v>2.5944515360996938</v>
      </c>
      <c r="O181">
        <f t="shared" si="14"/>
        <v>-0.51153976029830606</v>
      </c>
    </row>
    <row r="182" spans="1:15" x14ac:dyDescent="0.4">
      <c r="A182">
        <v>6</v>
      </c>
      <c r="B182">
        <f t="shared" si="10"/>
        <v>36</v>
      </c>
      <c r="C182">
        <v>-13.722984224787043</v>
      </c>
      <c r="D182">
        <v>1.9838223416665453</v>
      </c>
      <c r="E182" cm="1">
        <f t="array" ref="E182">INDEX(LINEST(C153:C211,$A153:$B211),1)*2</f>
        <v>2.4606762580666231E-2</v>
      </c>
      <c r="F182" cm="1">
        <f t="array" ref="F182">INDEX(LINEST(D153:D211,$A153:$B211),1)*2</f>
        <v>1.5291494906014206E-2</v>
      </c>
      <c r="G182">
        <f t="shared" si="11"/>
        <v>1.4451551663625277</v>
      </c>
      <c r="H182">
        <f t="shared" si="12"/>
        <v>0.89806949583021423</v>
      </c>
      <c r="J182">
        <v>14.154200791009824</v>
      </c>
      <c r="K182">
        <v>2.2029841742130296</v>
      </c>
      <c r="L182" cm="1">
        <f t="array" ref="L182">INDEX(LINEST(J153:J211,$A153:$B211),1)*2</f>
        <v>-3.4434022936844985E-2</v>
      </c>
      <c r="M182" cm="1">
        <f t="array" ref="M182">INDEX(LINEST(K153:K211,$A153:$B211),1)*2</f>
        <v>6.550635302041947E-3</v>
      </c>
      <c r="N182">
        <f t="shared" si="13"/>
        <v>2.707202883294753</v>
      </c>
      <c r="O182">
        <f t="shared" si="14"/>
        <v>-0.51501094744653786</v>
      </c>
    </row>
    <row r="183" spans="1:15" x14ac:dyDescent="0.4">
      <c r="A183">
        <v>6.0333333333333332</v>
      </c>
      <c r="B183">
        <f t="shared" si="10"/>
        <v>36.401111111111106</v>
      </c>
      <c r="C183">
        <v>-13.716418392119492</v>
      </c>
      <c r="D183">
        <v>1.9846150664582098</v>
      </c>
      <c r="E183" cm="1">
        <f t="array" ref="E183">INDEX(LINEST(C154:C212,$A154:$B212),1)*2</f>
        <v>2.1966936436194979E-2</v>
      </c>
      <c r="F183" cm="1">
        <f t="array" ref="F183">INDEX(LINEST(D154:D212,$A154:$B212),1)*2</f>
        <v>1.482274014054873E-2</v>
      </c>
      <c r="G183">
        <f t="shared" si="11"/>
        <v>1.290118176897731</v>
      </c>
      <c r="H183">
        <f t="shared" si="12"/>
        <v>0.87053952845442684</v>
      </c>
      <c r="J183">
        <v>14.147770777276639</v>
      </c>
      <c r="K183">
        <v>2.2041099043378423</v>
      </c>
      <c r="L183" cm="1">
        <f t="array" ref="L183">INDEX(LINEST(J154:J212,$A154:$B212),1)*2</f>
        <v>-3.5983483922916129E-2</v>
      </c>
      <c r="M183" cm="1">
        <f t="array" ref="M183">INDEX(LINEST(K154:K212,$A154:$B212),1)*2</f>
        <v>7.1111930848434977E-3</v>
      </c>
      <c r="N183">
        <f t="shared" si="13"/>
        <v>2.8290215060196662</v>
      </c>
      <c r="O183">
        <f t="shared" si="14"/>
        <v>-0.55908200033039579</v>
      </c>
    </row>
    <row r="184" spans="1:15" x14ac:dyDescent="0.4">
      <c r="A184">
        <v>6.0666666666666664</v>
      </c>
      <c r="B184">
        <f t="shared" si="10"/>
        <v>36.804444444444442</v>
      </c>
      <c r="C184">
        <v>-13.708564746984635</v>
      </c>
      <c r="D184">
        <v>1.9864003721888173</v>
      </c>
      <c r="E184" cm="1">
        <f t="array" ref="E184">INDEX(LINEST(C155:C213,$A155:$B213),1)*2</f>
        <v>1.8738633907516622E-2</v>
      </c>
      <c r="F184" cm="1">
        <f t="array" ref="F184">INDEX(LINEST(D155:D213,$A155:$B213),1)*2</f>
        <v>1.3903525541515716E-2</v>
      </c>
      <c r="G184">
        <f t="shared" si="11"/>
        <v>1.1005199693884511</v>
      </c>
      <c r="H184">
        <f t="shared" si="12"/>
        <v>0.81655405505321799</v>
      </c>
      <c r="J184">
        <v>14.140679835115399</v>
      </c>
      <c r="K184">
        <v>2.2049701817299772</v>
      </c>
      <c r="L184" cm="1">
        <f t="array" ref="L184">INDEX(LINEST(J155:J213,$A155:$B213),1)*2</f>
        <v>-3.7447969308501694E-2</v>
      </c>
      <c r="M184" cm="1">
        <f t="array" ref="M184">INDEX(LINEST(K155:K213,$A155:$B213),1)*2</f>
        <v>6.9516034576616748E-3</v>
      </c>
      <c r="N184">
        <f t="shared" si="13"/>
        <v>2.9441593470344034</v>
      </c>
      <c r="O184">
        <f t="shared" si="14"/>
        <v>-0.54653506384136086</v>
      </c>
    </row>
    <row r="185" spans="1:15" x14ac:dyDescent="0.4">
      <c r="A185">
        <v>6.1</v>
      </c>
      <c r="B185">
        <f t="shared" si="10"/>
        <v>37.209999999999994</v>
      </c>
      <c r="C185">
        <v>-13.69929313524951</v>
      </c>
      <c r="D185">
        <v>1.9856426791007382</v>
      </c>
      <c r="E185" cm="1">
        <f t="array" ref="E185">INDEX(LINEST(C156:C214,$A156:$B214),1)*2</f>
        <v>1.6377372140325804E-2</v>
      </c>
      <c r="F185" cm="1">
        <f t="array" ref="F185">INDEX(LINEST(D156:D214,$A156:$B214),1)*2</f>
        <v>1.2889381054247244E-2</v>
      </c>
      <c r="G185">
        <f t="shared" si="11"/>
        <v>0.96184306580133438</v>
      </c>
      <c r="H185">
        <f t="shared" si="12"/>
        <v>0.75699334931594064</v>
      </c>
      <c r="J185">
        <v>14.132488376538017</v>
      </c>
      <c r="K185">
        <v>2.2065565831270688</v>
      </c>
      <c r="L185" cm="1">
        <f t="array" ref="L185">INDEX(LINEST(J156:J214,$A156:$B214),1)*2</f>
        <v>-3.8918127076825321E-2</v>
      </c>
      <c r="M185" cm="1">
        <f t="array" ref="M185">INDEX(LINEST(K156:K214,$A156:$B214),1)*2</f>
        <v>5.4662561809557322E-3</v>
      </c>
      <c r="N185">
        <f t="shared" si="13"/>
        <v>3.0597431507800068</v>
      </c>
      <c r="O185">
        <f t="shared" si="14"/>
        <v>-0.42975706094673971</v>
      </c>
    </row>
    <row r="186" spans="1:15" x14ac:dyDescent="0.4">
      <c r="A186">
        <v>6.1333333333333337</v>
      </c>
      <c r="B186">
        <f t="shared" si="10"/>
        <v>37.617777777777782</v>
      </c>
      <c r="C186">
        <v>-13.689778799950416</v>
      </c>
      <c r="D186">
        <v>1.9892674333684124</v>
      </c>
      <c r="E186" cm="1">
        <f t="array" ref="E186">INDEX(LINEST(C157:C215,$A157:$B215),1)*2</f>
        <v>1.3987024067441458E-2</v>
      </c>
      <c r="F186" cm="1">
        <f t="array" ref="F186">INDEX(LINEST(D157:D215,$A157:$B215),1)*2</f>
        <v>9.9918873411000402E-3</v>
      </c>
      <c r="G186">
        <f t="shared" si="11"/>
        <v>0.82145792348083679</v>
      </c>
      <c r="H186">
        <f t="shared" si="12"/>
        <v>0.5868235435428053</v>
      </c>
      <c r="J186">
        <v>14.122887550216571</v>
      </c>
      <c r="K186">
        <v>2.2069617986678294</v>
      </c>
      <c r="L186" cm="1">
        <f t="array" ref="L186">INDEX(LINEST(J157:J215,$A157:$B215),1)*2</f>
        <v>-3.9441453622435473E-2</v>
      </c>
      <c r="M186" cm="1">
        <f t="array" ref="M186">INDEX(LINEST(K157:K215,$A157:$B215),1)*2</f>
        <v>3.0027898251611283E-3</v>
      </c>
      <c r="N186">
        <f t="shared" si="13"/>
        <v>3.1008870837958771</v>
      </c>
      <c r="O186">
        <f t="shared" si="14"/>
        <v>-0.23607933605416792</v>
      </c>
    </row>
    <row r="187" spans="1:15" x14ac:dyDescent="0.4">
      <c r="A187">
        <v>6.166666666666667</v>
      </c>
      <c r="B187">
        <f t="shared" si="10"/>
        <v>38.027777777777779</v>
      </c>
      <c r="C187">
        <v>-13.681477520394415</v>
      </c>
      <c r="D187">
        <v>1.9866624235576535</v>
      </c>
      <c r="E187" cm="1">
        <f t="array" ref="E187">INDEX(LINEST(C158:C216,$A158:$B216),1)*2</f>
        <v>1.2182132394925462E-2</v>
      </c>
      <c r="F187" cm="1">
        <f t="array" ref="F187">INDEX(LINEST(D158:D216,$A158:$B216),1)*2</f>
        <v>5.598764452192791E-3</v>
      </c>
      <c r="G187">
        <f t="shared" si="11"/>
        <v>0.71545663555397232</v>
      </c>
      <c r="H187">
        <f t="shared" si="12"/>
        <v>0.3288154362772826</v>
      </c>
      <c r="J187">
        <v>14.118482264100177</v>
      </c>
      <c r="K187">
        <v>2.2056688126601678</v>
      </c>
      <c r="L187" cm="1">
        <f t="array" ref="L187">INDEX(LINEST(J158:J216,$A158:$B216),1)*2</f>
        <v>-3.9577048355863037E-2</v>
      </c>
      <c r="M187" cm="1">
        <f t="array" ref="M187">INDEX(LINEST(K158:K216,$A158:$B216),1)*2</f>
        <v>7.628860737634662E-4</v>
      </c>
      <c r="N187">
        <f t="shared" si="13"/>
        <v>3.1115475417379521</v>
      </c>
      <c r="O187">
        <f t="shared" si="14"/>
        <v>-5.997810311928372E-2</v>
      </c>
    </row>
    <row r="188" spans="1:15" x14ac:dyDescent="0.4">
      <c r="A188">
        <v>6.2</v>
      </c>
      <c r="B188">
        <f t="shared" si="10"/>
        <v>38.440000000000005</v>
      </c>
      <c r="C188">
        <v>-13.672113080564573</v>
      </c>
      <c r="D188">
        <v>1.9907201173177469</v>
      </c>
      <c r="E188" cm="1">
        <f t="array" ref="E188">INDEX(LINEST(C159:C217,$A159:$B217),1)*2</f>
        <v>1.2071198369869864E-2</v>
      </c>
      <c r="F188" cm="1">
        <f t="array" ref="F188">INDEX(LINEST(D159:D217,$A159:$B217),1)*2</f>
        <v>1.3858542174416952E-3</v>
      </c>
      <c r="G188">
        <f t="shared" si="11"/>
        <v>0.70894148026245707</v>
      </c>
      <c r="H188">
        <f t="shared" si="12"/>
        <v>8.139121819035075E-2</v>
      </c>
      <c r="J188">
        <v>14.111023473229128</v>
      </c>
      <c r="K188">
        <v>2.2080671109495467</v>
      </c>
      <c r="L188" cm="1">
        <f t="array" ref="L188">INDEX(LINEST(J159:J217,$A159:$B217),1)*2</f>
        <v>-3.8993458568498847E-2</v>
      </c>
      <c r="M188" cm="1">
        <f t="array" ref="M188">INDEX(LINEST(K159:K217,$A159:$B217),1)*2</f>
        <v>-2.236011697369662E-3</v>
      </c>
      <c r="N188">
        <f t="shared" si="13"/>
        <v>3.0656657126553797</v>
      </c>
      <c r="O188">
        <f t="shared" si="14"/>
        <v>0.17579523964720284</v>
      </c>
    </row>
    <row r="189" spans="1:15" x14ac:dyDescent="0.4">
      <c r="A189">
        <v>6.2333333333333334</v>
      </c>
      <c r="B189">
        <f t="shared" si="10"/>
        <v>38.854444444444447</v>
      </c>
      <c r="C189">
        <v>-13.663569477587769</v>
      </c>
      <c r="D189">
        <v>1.991388889035941</v>
      </c>
      <c r="E189" cm="1">
        <f t="array" ref="E189">INDEX(LINEST(C160:C218,$A160:$B218),1)*2</f>
        <v>1.3474732354577731E-2</v>
      </c>
      <c r="F189" cm="1">
        <f t="array" ref="F189">INDEX(LINEST(D160:D218,$A160:$B218),1)*2</f>
        <v>-2.8481630245560572E-3</v>
      </c>
      <c r="G189">
        <f t="shared" si="11"/>
        <v>0.79137103118435015</v>
      </c>
      <c r="H189">
        <f t="shared" si="12"/>
        <v>-0.16727261443217722</v>
      </c>
      <c r="J189">
        <v>14.106329789900773</v>
      </c>
      <c r="K189">
        <v>2.2089980148751476</v>
      </c>
      <c r="L189" cm="1">
        <f t="array" ref="L189">INDEX(LINEST(J160:J218,$A160:$B218),1)*2</f>
        <v>-4.0040233473134464E-2</v>
      </c>
      <c r="M189" cm="1">
        <f t="array" ref="M189">INDEX(LINEST(K160:K218,$A160:$B218),1)*2</f>
        <v>-4.0075329852494717E-3</v>
      </c>
      <c r="N189">
        <f t="shared" si="13"/>
        <v>3.1479631556578318</v>
      </c>
      <c r="O189">
        <f t="shared" si="14"/>
        <v>0.31507224330031347</v>
      </c>
    </row>
    <row r="190" spans="1:15" x14ac:dyDescent="0.4">
      <c r="A190">
        <v>6.2666666666666666</v>
      </c>
      <c r="B190">
        <f t="shared" si="10"/>
        <v>39.271111111111111</v>
      </c>
      <c r="C190">
        <v>-13.655876894897764</v>
      </c>
      <c r="D190">
        <v>1.992192468218007</v>
      </c>
      <c r="E190" cm="1">
        <f t="array" ref="E190">INDEX(LINEST(C161:C219,$A161:$B219),1)*2</f>
        <v>1.4438461944851447E-2</v>
      </c>
      <c r="F190" cm="1">
        <f t="array" ref="F190">INDEX(LINEST(D161:D219,$A161:$B219),1)*2</f>
        <v>-5.7165208099523544E-3</v>
      </c>
      <c r="G190">
        <f t="shared" si="11"/>
        <v>0.84797087002112537</v>
      </c>
      <c r="H190">
        <f t="shared" si="12"/>
        <v>-0.33573126716850177</v>
      </c>
      <c r="J190">
        <v>14.10127011177487</v>
      </c>
      <c r="K190">
        <v>2.2054907978954565</v>
      </c>
      <c r="L190" cm="1">
        <f t="array" ref="L190">INDEX(LINEST(J161:J219,$A161:$B219),1)*2</f>
        <v>-4.036971177621148E-2</v>
      </c>
      <c r="M190" cm="1">
        <f t="array" ref="M190">INDEX(LINEST(K161:K219,$A161:$B219),1)*2</f>
        <v>-5.6478198767061349E-3</v>
      </c>
      <c r="N190">
        <f t="shared" si="13"/>
        <v>3.1738667398457467</v>
      </c>
      <c r="O190">
        <f t="shared" si="14"/>
        <v>0.44403159870663633</v>
      </c>
    </row>
    <row r="191" spans="1:15" x14ac:dyDescent="0.4">
      <c r="A191">
        <v>6.3</v>
      </c>
      <c r="B191">
        <f t="shared" si="10"/>
        <v>39.69</v>
      </c>
      <c r="C191">
        <v>-13.647825318425994</v>
      </c>
      <c r="D191">
        <v>1.9935034616131999</v>
      </c>
      <c r="E191" cm="1">
        <f t="array" ref="E191">INDEX(LINEST(C162:C220,$A162:$B220),1)*2</f>
        <v>1.7096516166230764E-2</v>
      </c>
      <c r="F191" cm="1">
        <f t="array" ref="F191">INDEX(LINEST(D162:D220,$A162:$B220),1)*2</f>
        <v>-8.1409158150811661E-3</v>
      </c>
      <c r="G191">
        <f t="shared" si="11"/>
        <v>1.0040783944427327</v>
      </c>
      <c r="H191">
        <f t="shared" si="12"/>
        <v>-0.47811598581971687</v>
      </c>
      <c r="J191">
        <v>14.094914782128441</v>
      </c>
      <c r="K191">
        <v>2.2061380973106144</v>
      </c>
      <c r="L191" cm="1">
        <f t="array" ref="L191">INDEX(LINEST(J162:J220,$A162:$B220),1)*2</f>
        <v>-4.1134396738702034E-2</v>
      </c>
      <c r="M191" cm="1">
        <f t="array" ref="M191">INDEX(LINEST(K162:K220,$A162:$B220),1)*2</f>
        <v>-7.4541513318159367E-3</v>
      </c>
      <c r="N191">
        <f t="shared" si="13"/>
        <v>3.2339862715967542</v>
      </c>
      <c r="O191">
        <f t="shared" si="14"/>
        <v>0.58604537770736898</v>
      </c>
    </row>
    <row r="192" spans="1:15" x14ac:dyDescent="0.4">
      <c r="A192">
        <v>6.333333333333333</v>
      </c>
      <c r="B192">
        <f t="shared" si="10"/>
        <v>40.111111111111107</v>
      </c>
      <c r="C192">
        <v>-13.64193603363735</v>
      </c>
      <c r="D192">
        <v>1.9938029488546078</v>
      </c>
      <c r="E192" cm="1">
        <f t="array" ref="E192">INDEX(LINEST(C163:C221,$A163:$B221),1)*2</f>
        <v>1.9383211750394348E-2</v>
      </c>
      <c r="F192" cm="1">
        <f t="array" ref="F192">INDEX(LINEST(D163:D221,$A163:$B221),1)*2</f>
        <v>-9.6246575767874008E-3</v>
      </c>
      <c r="G192">
        <f t="shared" si="11"/>
        <v>1.1383760261006599</v>
      </c>
      <c r="H192">
        <f t="shared" si="12"/>
        <v>-0.56525613948472397</v>
      </c>
      <c r="J192">
        <v>14.08214059052712</v>
      </c>
      <c r="K192">
        <v>2.2047776917313846</v>
      </c>
      <c r="L192" cm="1">
        <f t="array" ref="L192">INDEX(LINEST(J163:J221,$A163:$B221),1)*2</f>
        <v>-4.144311907696302E-2</v>
      </c>
      <c r="M192" cm="1">
        <f t="array" ref="M192">INDEX(LINEST(K163:K221,$A163:$B221),1)*2</f>
        <v>-7.4813515326795721E-3</v>
      </c>
      <c r="N192">
        <f t="shared" si="13"/>
        <v>3.2582580218308328</v>
      </c>
      <c r="O192">
        <f t="shared" si="14"/>
        <v>0.58818385749926805</v>
      </c>
    </row>
    <row r="193" spans="1:15" x14ac:dyDescent="0.4">
      <c r="A193">
        <v>6.3666666666666663</v>
      </c>
      <c r="B193">
        <f t="shared" si="10"/>
        <v>40.534444444444439</v>
      </c>
      <c r="C193">
        <v>-13.629842033675569</v>
      </c>
      <c r="D193">
        <v>1.994091739022956</v>
      </c>
      <c r="E193" cm="1">
        <f t="array" ref="E193">INDEX(LINEST(C164:C222,$A164:$B222),1)*2</f>
        <v>2.0992909404618787E-2</v>
      </c>
      <c r="F193" cm="1">
        <f t="array" ref="F193">INDEX(LINEST(D164:D222,$A164:$B222),1)*2</f>
        <v>-9.915960264274765E-3</v>
      </c>
      <c r="G193">
        <f t="shared" si="11"/>
        <v>1.2329135693332613</v>
      </c>
      <c r="H193">
        <f t="shared" si="12"/>
        <v>-0.58236434632085687</v>
      </c>
      <c r="J193">
        <v>14.07596997688926</v>
      </c>
      <c r="K193">
        <v>2.2037846928697022</v>
      </c>
      <c r="L193" cm="1">
        <f t="array" ref="L193">INDEX(LINEST(J164:J222,$A164:$B222),1)*2</f>
        <v>-4.1491745472938414E-2</v>
      </c>
      <c r="M193" cm="1">
        <f t="array" ref="M193">INDEX(LINEST(K164:K222,$A164:$B222),1)*2</f>
        <v>-7.0835083829578586E-3</v>
      </c>
      <c r="N193">
        <f t="shared" si="13"/>
        <v>3.2620810290824185</v>
      </c>
      <c r="O193">
        <f t="shared" si="14"/>
        <v>0.55690542906814688</v>
      </c>
    </row>
    <row r="194" spans="1:15" x14ac:dyDescent="0.4">
      <c r="A194">
        <v>6.4</v>
      </c>
      <c r="B194">
        <f t="shared" si="10"/>
        <v>40.960000000000008</v>
      </c>
      <c r="C194">
        <v>-13.62200243694156</v>
      </c>
      <c r="D194">
        <v>1.9933451574041161</v>
      </c>
      <c r="E194" cm="1">
        <f t="array" ref="E194">INDEX(LINEST(C165:C223,$A165:$B223),1)*2</f>
        <v>2.2556991128622729E-2</v>
      </c>
      <c r="F194" cm="1">
        <f t="array" ref="F194">INDEX(LINEST(D165:D223,$A165:$B223),1)*2</f>
        <v>-9.7455868214226127E-3</v>
      </c>
      <c r="G194">
        <f t="shared" si="11"/>
        <v>1.3247720889840129</v>
      </c>
      <c r="H194">
        <f t="shared" si="12"/>
        <v>-0.57235831402214998</v>
      </c>
      <c r="J194">
        <v>14.067532758668394</v>
      </c>
      <c r="K194">
        <v>2.2027192697977971</v>
      </c>
      <c r="L194" cm="1">
        <f t="array" ref="L194">INDEX(LINEST(J165:J223,$A165:$B223),1)*2</f>
        <v>-4.2070041349804153E-2</v>
      </c>
      <c r="M194" cm="1">
        <f t="array" ref="M194">INDEX(LINEST(K165:K223,$A165:$B223),1)*2</f>
        <v>-6.7054549297968016E-3</v>
      </c>
      <c r="N194">
        <f t="shared" si="13"/>
        <v>3.3075466509216027</v>
      </c>
      <c r="O194">
        <f t="shared" si="14"/>
        <v>0.52718286658062452</v>
      </c>
    </row>
    <row r="195" spans="1:15" x14ac:dyDescent="0.4">
      <c r="A195">
        <v>6.4333333333333336</v>
      </c>
      <c r="B195">
        <f t="shared" ref="B195:B258" si="15">A195^2</f>
        <v>41.387777777777778</v>
      </c>
      <c r="C195">
        <v>-13.609877825717506</v>
      </c>
      <c r="D195">
        <v>1.9930784076418893</v>
      </c>
      <c r="E195" cm="1">
        <f t="array" ref="E195">INDEX(LINEST(C166:C224,$A166:$B224),1)*2</f>
        <v>2.3910282053609334E-2</v>
      </c>
      <c r="F195" cm="1">
        <f t="array" ref="F195">INDEX(LINEST(D166:D224,$A166:$B224),1)*2</f>
        <v>-9.2602863138816511E-3</v>
      </c>
      <c r="G195">
        <f t="shared" si="11"/>
        <v>1.4042508650084762</v>
      </c>
      <c r="H195">
        <f t="shared" si="12"/>
        <v>-0.54385661521426931</v>
      </c>
      <c r="J195">
        <v>14.058041269119251</v>
      </c>
      <c r="K195">
        <v>2.20352826308326</v>
      </c>
      <c r="L195" cm="1">
        <f t="array" ref="L195">INDEX(LINEST(J166:J224,$A166:$B224),1)*2</f>
        <v>-4.2438726614063775E-2</v>
      </c>
      <c r="M195" cm="1">
        <f t="array" ref="M195">INDEX(LINEST(K166:K224,$A166:$B224),1)*2</f>
        <v>-5.3339128410810422E-3</v>
      </c>
      <c r="N195">
        <f t="shared" si="13"/>
        <v>3.3365326863976943</v>
      </c>
      <c r="O195">
        <f t="shared" si="14"/>
        <v>0.41935222756579155</v>
      </c>
    </row>
    <row r="196" spans="1:15" x14ac:dyDescent="0.4">
      <c r="A196">
        <v>6.4666666666666668</v>
      </c>
      <c r="B196">
        <f t="shared" si="15"/>
        <v>41.817777777777778</v>
      </c>
      <c r="C196">
        <v>-13.597512492162531</v>
      </c>
      <c r="D196">
        <v>1.9938290570744317</v>
      </c>
      <c r="E196" cm="1">
        <f t="array" ref="E196">INDEX(LINEST(C167:C225,$A167:$B225),1)*2</f>
        <v>2.4322348983219229E-2</v>
      </c>
      <c r="F196" cm="1">
        <f t="array" ref="F196">INDEX(LINEST(D167:D225,$A167:$B225),1)*2</f>
        <v>-8.6375368058920644E-3</v>
      </c>
      <c r="G196">
        <f t="shared" si="11"/>
        <v>1.4284515557844653</v>
      </c>
      <c r="H196">
        <f t="shared" si="12"/>
        <v>-0.50728253661004097</v>
      </c>
      <c r="J196">
        <v>14.046106355431657</v>
      </c>
      <c r="K196">
        <v>2.2022099691778472</v>
      </c>
      <c r="L196" cm="1">
        <f t="array" ref="L196">INDEX(LINEST(J167:J225,$A167:$B225),1)*2</f>
        <v>-4.2434017566747785E-2</v>
      </c>
      <c r="M196" cm="1">
        <f t="array" ref="M196">INDEX(LINEST(K167:K225,$A167:$B225),1)*2</f>
        <v>-3.3149828863934211E-3</v>
      </c>
      <c r="N196">
        <f t="shared" si="13"/>
        <v>3.336162461097711</v>
      </c>
      <c r="O196">
        <f t="shared" si="14"/>
        <v>0.26062395452825077</v>
      </c>
    </row>
    <row r="197" spans="1:15" x14ac:dyDescent="0.4">
      <c r="A197">
        <v>6.5</v>
      </c>
      <c r="B197">
        <f t="shared" si="15"/>
        <v>42.25</v>
      </c>
      <c r="C197">
        <v>-13.58596735312852</v>
      </c>
      <c r="D197">
        <v>1.9947836702713786</v>
      </c>
      <c r="E197" cm="1">
        <f t="array" ref="E197">INDEX(LINEST(C168:C226,$A168:$B226),1)*2</f>
        <v>2.4614429930224033E-2</v>
      </c>
      <c r="F197" cm="1">
        <f t="array" ref="F197">INDEX(LINEST(D168:D226,$A168:$B226),1)*2</f>
        <v>-8.3848514463522872E-3</v>
      </c>
      <c r="G197">
        <f t="shared" si="11"/>
        <v>1.4456054698020575</v>
      </c>
      <c r="H197">
        <f t="shared" si="12"/>
        <v>-0.4924423254442698</v>
      </c>
      <c r="J197">
        <v>14.030689312883403</v>
      </c>
      <c r="K197">
        <v>2.2012126742491791</v>
      </c>
      <c r="L197" cm="1">
        <f t="array" ref="L197">INDEX(LINEST(J168:J226,$A168:$B226),1)*2</f>
        <v>-4.2344355643955563E-2</v>
      </c>
      <c r="M197" cm="1">
        <f t="array" ref="M197">INDEX(LINEST(K168:K226,$A168:$B226),1)*2</f>
        <v>-1.8416778919087377E-3</v>
      </c>
      <c r="N197">
        <f t="shared" si="13"/>
        <v>3.3291132407277866</v>
      </c>
      <c r="O197">
        <f t="shared" si="14"/>
        <v>0.14479271586186496</v>
      </c>
    </row>
    <row r="198" spans="1:15" x14ac:dyDescent="0.4">
      <c r="A198">
        <v>6.5333333333333332</v>
      </c>
      <c r="B198">
        <f t="shared" si="15"/>
        <v>42.684444444444445</v>
      </c>
      <c r="C198">
        <v>-13.576661483684179</v>
      </c>
      <c r="D198">
        <v>1.9953898080149803</v>
      </c>
      <c r="E198" cm="1">
        <f t="array" ref="E198">INDEX(LINEST(C169:C227,$A169:$B227),1)*2</f>
        <v>2.5209872334931199E-2</v>
      </c>
      <c r="F198" cm="1">
        <f t="array" ref="F198">INDEX(LINEST(D169:D227,$A169:$B227),1)*2</f>
        <v>-8.3118920185089908E-3</v>
      </c>
      <c r="G198">
        <f t="shared" si="11"/>
        <v>1.4805758022305091</v>
      </c>
      <c r="H198">
        <f t="shared" si="12"/>
        <v>-0.48815741824703301</v>
      </c>
      <c r="J198">
        <v>14.024413821329704</v>
      </c>
      <c r="K198">
        <v>2.2028864538198896</v>
      </c>
      <c r="L198" cm="1">
        <f t="array" ref="L198">INDEX(LINEST(J169:J227,$A169:$B227),1)*2</f>
        <v>-4.2603037374812164E-2</v>
      </c>
      <c r="M198" cm="1">
        <f t="array" ref="M198">INDEX(LINEST(K169:K227,$A169:$B227),1)*2</f>
        <v>2.5551746851641899E-4</v>
      </c>
      <c r="N198">
        <f t="shared" si="13"/>
        <v>3.3494507984077324</v>
      </c>
      <c r="O198">
        <f t="shared" si="14"/>
        <v>-2.0088783374760864E-2</v>
      </c>
    </row>
    <row r="199" spans="1:15" x14ac:dyDescent="0.4">
      <c r="A199">
        <v>6.5666666666666664</v>
      </c>
      <c r="B199">
        <f t="shared" si="15"/>
        <v>43.121111111111105</v>
      </c>
      <c r="C199">
        <v>-13.569202916397478</v>
      </c>
      <c r="D199">
        <v>1.9976594626074371</v>
      </c>
      <c r="E199" cm="1">
        <f t="array" ref="E199">INDEX(LINEST(C170:C228,$A170:$B228),1)*2</f>
        <v>2.4835794151588882E-2</v>
      </c>
      <c r="F199" cm="1">
        <f t="array" ref="F199">INDEX(LINEST(D170:D228,$A170:$B228),1)*2</f>
        <v>-8.054038098662392E-3</v>
      </c>
      <c r="G199">
        <f t="shared" si="11"/>
        <v>1.4586061905228149</v>
      </c>
      <c r="H199">
        <f t="shared" si="12"/>
        <v>-0.47301365753444224</v>
      </c>
      <c r="J199">
        <v>14.017261330133611</v>
      </c>
      <c r="K199">
        <v>2.2024837058084406</v>
      </c>
      <c r="L199" cm="1">
        <f t="array" ref="L199">INDEX(LINEST(J170:J228,$A170:$B228),1)*2</f>
        <v>-4.1920445851136606E-2</v>
      </c>
      <c r="M199" cm="1">
        <f t="array" ref="M199">INDEX(LINEST(K170:K228,$A170:$B228),1)*2</f>
        <v>2.4168948832265971E-3</v>
      </c>
      <c r="N199">
        <f t="shared" si="13"/>
        <v>3.2957854528163604</v>
      </c>
      <c r="O199">
        <f t="shared" si="14"/>
        <v>-0.19001627571927507</v>
      </c>
    </row>
    <row r="200" spans="1:15" x14ac:dyDescent="0.4">
      <c r="A200">
        <v>6.6</v>
      </c>
      <c r="B200">
        <f t="shared" si="15"/>
        <v>43.559999999999995</v>
      </c>
      <c r="C200">
        <v>-13.56312158406117</v>
      </c>
      <c r="D200">
        <v>2.0014587838922253</v>
      </c>
      <c r="E200" cm="1">
        <f t="array" ref="E200">INDEX(LINEST(C171:C229,$A171:$B229),1)*2</f>
        <v>2.3933608222352982E-2</v>
      </c>
      <c r="F200" cm="1">
        <f t="array" ref="F200">INDEX(LINEST(D171:D229,$A171:$B229),1)*2</f>
        <v>-8.2532254524971035E-3</v>
      </c>
      <c r="G200">
        <f t="shared" si="11"/>
        <v>1.4056208108987907</v>
      </c>
      <c r="H200">
        <f t="shared" si="12"/>
        <v>-0.48471193082515485</v>
      </c>
      <c r="J200">
        <v>14.012143447299639</v>
      </c>
      <c r="K200">
        <v>2.203534706257158</v>
      </c>
      <c r="L200" cm="1">
        <f t="array" ref="L200">INDEX(LINEST(J171:J229,$A171:$B229),1)*2</f>
        <v>-4.1596569418374418E-2</v>
      </c>
      <c r="M200" cm="1">
        <f t="array" ref="M200">INDEX(LINEST(K171:K229,$A171:$B229),1)*2</f>
        <v>5.4637836846595719E-3</v>
      </c>
      <c r="N200">
        <f t="shared" si="13"/>
        <v>3.270322287672597</v>
      </c>
      <c r="O200">
        <f t="shared" si="14"/>
        <v>-0.42956267328793557</v>
      </c>
    </row>
    <row r="201" spans="1:15" x14ac:dyDescent="0.4">
      <c r="A201">
        <v>6.6333333333333337</v>
      </c>
      <c r="B201">
        <f t="shared" si="15"/>
        <v>44.001111111111115</v>
      </c>
      <c r="C201">
        <v>-13.55787857290915</v>
      </c>
      <c r="D201">
        <v>2.0015597137997645</v>
      </c>
      <c r="E201" cm="1">
        <f t="array" ref="E201">INDEX(LINEST(C172:C230,$A172:$B230),1)*2</f>
        <v>2.4282786612351361E-2</v>
      </c>
      <c r="F201" cm="1">
        <f t="array" ref="F201">INDEX(LINEST(D172:D230,$A172:$B230),1)*2</f>
        <v>-6.7651640781721898E-3</v>
      </c>
      <c r="G201">
        <f t="shared" si="11"/>
        <v>1.4261280577433955</v>
      </c>
      <c r="H201">
        <f t="shared" si="12"/>
        <v>-0.3973180863110527</v>
      </c>
      <c r="J201">
        <v>14.002885151616058</v>
      </c>
      <c r="K201">
        <v>2.2018589897332008</v>
      </c>
      <c r="L201" cm="1">
        <f t="array" ref="L201">INDEX(LINEST(J172:J230,$A172:$B230),1)*2</f>
        <v>-3.9953596554724767E-2</v>
      </c>
      <c r="M201" cm="1">
        <f t="array" ref="M201">INDEX(LINEST(K172:K230,$A172:$B230),1)*2</f>
        <v>8.3615172910855538E-3</v>
      </c>
      <c r="N201">
        <f t="shared" si="13"/>
        <v>3.1411517611324613</v>
      </c>
      <c r="O201">
        <f t="shared" si="14"/>
        <v>-0.65738248942514632</v>
      </c>
    </row>
    <row r="202" spans="1:15" x14ac:dyDescent="0.4">
      <c r="A202">
        <v>6.666666666666667</v>
      </c>
      <c r="B202">
        <f t="shared" si="15"/>
        <v>44.44444444444445</v>
      </c>
      <c r="C202">
        <v>-13.550988557141972</v>
      </c>
      <c r="D202">
        <v>2.0025087158926644</v>
      </c>
      <c r="E202" cm="1">
        <f t="array" ref="E202">INDEX(LINEST(C173:C231,$A173:$B231),1)*2</f>
        <v>2.467887519023226E-2</v>
      </c>
      <c r="F202" cm="1">
        <f t="array" ref="F202">INDEX(LINEST(D173:D231,$A173:$B231),1)*2</f>
        <v>-5.3684901675813647E-3</v>
      </c>
      <c r="G202">
        <f t="shared" si="11"/>
        <v>1.4493903399223405</v>
      </c>
      <c r="H202">
        <f t="shared" si="12"/>
        <v>-0.31529142754205353</v>
      </c>
      <c r="J202">
        <v>13.993639266223825</v>
      </c>
      <c r="K202">
        <v>2.2050251772916392</v>
      </c>
      <c r="L202" cm="1">
        <f t="array" ref="L202">INDEX(LINEST(J173:J231,$A173:$B231),1)*2</f>
        <v>-3.8599835653509329E-2</v>
      </c>
      <c r="M202" cm="1">
        <f t="array" ref="M202">INDEX(LINEST(K173:K231,$A173:$B231),1)*2</f>
        <v>1.1489068275467468E-2</v>
      </c>
      <c r="N202">
        <f t="shared" si="13"/>
        <v>3.0347190790789038</v>
      </c>
      <c r="O202">
        <f t="shared" si="14"/>
        <v>-0.90327054781725236</v>
      </c>
    </row>
    <row r="203" spans="1:15" x14ac:dyDescent="0.4">
      <c r="A203">
        <v>6.7</v>
      </c>
      <c r="B203">
        <f t="shared" si="15"/>
        <v>44.89</v>
      </c>
      <c r="C203">
        <v>-13.54188495897248</v>
      </c>
      <c r="D203">
        <v>2.0042238166241013</v>
      </c>
      <c r="E203" cm="1">
        <f t="array" ref="E203">INDEX(LINEST(C174:C232,$A174:$B232),1)*2</f>
        <v>2.5200805128942797E-2</v>
      </c>
      <c r="F203" cm="1">
        <f t="array" ref="F203">INDEX(LINEST(D174:D232,$A174:$B232),1)*2</f>
        <v>-1.9809787014880595E-3</v>
      </c>
      <c r="G203">
        <f t="shared" si="11"/>
        <v>1.4800432852228105</v>
      </c>
      <c r="H203">
        <f t="shared" si="12"/>
        <v>-0.11634287913839372</v>
      </c>
      <c r="J203">
        <v>13.987669011069439</v>
      </c>
      <c r="K203">
        <v>2.2096872086321215</v>
      </c>
      <c r="L203" cm="1">
        <f t="array" ref="L203">INDEX(LINEST(J174:J232,$A174:$B232),1)*2</f>
        <v>-3.7560163477111948E-2</v>
      </c>
      <c r="M203" cm="1">
        <f t="array" ref="M203">INDEX(LINEST(K174:K232,$A174:$B232),1)*2</f>
        <v>1.4816211017231492E-2</v>
      </c>
      <c r="N203">
        <f t="shared" si="13"/>
        <v>2.9529800525705414</v>
      </c>
      <c r="O203">
        <f t="shared" si="14"/>
        <v>-1.16485051017474</v>
      </c>
    </row>
    <row r="204" spans="1:15" x14ac:dyDescent="0.4">
      <c r="A204">
        <v>6.7333333333333334</v>
      </c>
      <c r="B204">
        <f t="shared" si="15"/>
        <v>45.337777777777781</v>
      </c>
      <c r="C204">
        <v>-13.532662200066977</v>
      </c>
      <c r="D204">
        <v>2.0073720074065888</v>
      </c>
      <c r="E204" cm="1">
        <f t="array" ref="E204">INDEX(LINEST(C175:C233,$A175:$B233),1)*2</f>
        <v>2.5114255129759757E-2</v>
      </c>
      <c r="F204" cm="1">
        <f t="array" ref="F204">INDEX(LINEST(D175:D233,$A175:$B233),1)*2</f>
        <v>1.5164701147512246E-3</v>
      </c>
      <c r="G204">
        <f t="shared" si="11"/>
        <v>1.4749602037707905</v>
      </c>
      <c r="H204">
        <f t="shared" si="12"/>
        <v>8.906228983933942E-2</v>
      </c>
      <c r="J204">
        <v>13.979711849470947</v>
      </c>
      <c r="K204">
        <v>2.2118023291808142</v>
      </c>
      <c r="L204" cm="1">
        <f t="array" ref="L204">INDEX(LINEST(J175:J233,$A175:$B233),1)*2</f>
        <v>-3.4948903293530335E-2</v>
      </c>
      <c r="M204" cm="1">
        <f t="array" ref="M204">INDEX(LINEST(K175:K233,$A175:$B233),1)*2</f>
        <v>1.7138427746676857E-2</v>
      </c>
      <c r="N204">
        <f t="shared" si="13"/>
        <v>2.7476827769373551</v>
      </c>
      <c r="O204">
        <f t="shared" si="14"/>
        <v>-1.3474231894437345</v>
      </c>
    </row>
    <row r="205" spans="1:15" x14ac:dyDescent="0.4">
      <c r="A205">
        <v>6.7666666666666666</v>
      </c>
      <c r="B205">
        <f t="shared" si="15"/>
        <v>45.787777777777777</v>
      </c>
      <c r="C205">
        <v>-13.525903741683065</v>
      </c>
      <c r="D205">
        <v>2.0108313426983853</v>
      </c>
      <c r="E205" cm="1">
        <f t="array" ref="E205">INDEX(LINEST(C176:C234,$A176:$B234),1)*2</f>
        <v>2.5266423964063686E-2</v>
      </c>
      <c r="F205" cm="1">
        <f t="array" ref="F205">INDEX(LINEST(D176:D234,$A176:$B234),1)*2</f>
        <v>5.2518484098080511E-3</v>
      </c>
      <c r="G205">
        <f t="shared" si="11"/>
        <v>1.4838970794094601</v>
      </c>
      <c r="H205">
        <f t="shared" si="12"/>
        <v>0.30844105710802683</v>
      </c>
      <c r="J205">
        <v>13.969872570493484</v>
      </c>
      <c r="K205">
        <v>2.211773139194646</v>
      </c>
      <c r="L205" cm="1">
        <f t="array" ref="L205">INDEX(LINEST(J176:J234,$A176:$B234),1)*2</f>
        <v>-3.1101293045647564E-2</v>
      </c>
      <c r="M205" cm="1">
        <f t="array" ref="M205">INDEX(LINEST(K176:K234,$A176:$B234),1)*2</f>
        <v>1.991205376508446E-2</v>
      </c>
      <c r="N205">
        <f t="shared" si="13"/>
        <v>2.4451836592488116</v>
      </c>
      <c r="O205">
        <f t="shared" si="14"/>
        <v>-1.5654856670109403</v>
      </c>
    </row>
    <row r="206" spans="1:15" x14ac:dyDescent="0.4">
      <c r="A206">
        <v>6.8</v>
      </c>
      <c r="B206">
        <f t="shared" si="15"/>
        <v>46.239999999999995</v>
      </c>
      <c r="C206">
        <v>-13.517397475062811</v>
      </c>
      <c r="D206">
        <v>2.0104732684065199</v>
      </c>
      <c r="E206" cm="1">
        <f t="array" ref="E206">INDEX(LINEST(C177:C235,$A177:$B235),1)*2</f>
        <v>2.5684013628510232E-2</v>
      </c>
      <c r="F206" cm="1">
        <f t="array" ref="F206">INDEX(LINEST(D177:D235,$A177:$B235),1)*2</f>
        <v>7.4955303492450645E-3</v>
      </c>
      <c r="G206">
        <f t="shared" si="11"/>
        <v>1.5084221204024058</v>
      </c>
      <c r="H206">
        <f t="shared" si="12"/>
        <v>0.44021249741116264</v>
      </c>
      <c r="J206">
        <v>13.960643325727158</v>
      </c>
      <c r="K206">
        <v>2.2128579088805589</v>
      </c>
      <c r="L206" cm="1">
        <f t="array" ref="L206">INDEX(LINEST(J177:J235,$A177:$B235),1)*2</f>
        <v>-2.6776021134071779E-2</v>
      </c>
      <c r="M206" cm="1">
        <f t="array" ref="M206">INDEX(LINEST(K177:K235,$A177:$B235),1)*2</f>
        <v>2.1588010148442225E-2</v>
      </c>
      <c r="N206">
        <f t="shared" si="13"/>
        <v>2.1051307815607232</v>
      </c>
      <c r="O206">
        <f t="shared" si="14"/>
        <v>-1.6972493578705279</v>
      </c>
    </row>
    <row r="207" spans="1:15" x14ac:dyDescent="0.4">
      <c r="A207">
        <v>6.833333333333333</v>
      </c>
      <c r="B207">
        <f t="shared" si="15"/>
        <v>46.694444444444443</v>
      </c>
      <c r="C207">
        <v>-13.508662126012338</v>
      </c>
      <c r="D207">
        <v>2.0131985264033898</v>
      </c>
      <c r="E207" cm="1">
        <f t="array" ref="E207">INDEX(LINEST(C178:C236,$A178:$B236),1)*2</f>
        <v>2.5402970817713189E-2</v>
      </c>
      <c r="F207" cm="1">
        <f t="array" ref="F207">INDEX(LINEST(D178:D236,$A178:$B236),1)*2</f>
        <v>8.9584890672160192E-3</v>
      </c>
      <c r="G207">
        <f t="shared" si="11"/>
        <v>1.4919164761242956</v>
      </c>
      <c r="H207">
        <f t="shared" si="12"/>
        <v>0.52613206291759673</v>
      </c>
      <c r="J207">
        <v>13.951839354946163</v>
      </c>
      <c r="K207">
        <v>2.2142585820596872</v>
      </c>
      <c r="L207" cm="1">
        <f t="array" ref="L207">INDEX(LINEST(J178:J236,$A178:$B236),1)*2</f>
        <v>-2.2577809542646505E-2</v>
      </c>
      <c r="M207" cm="1">
        <f t="array" ref="M207">INDEX(LINEST(K178:K236,$A178:$B236),1)*2</f>
        <v>2.2506697775261372E-2</v>
      </c>
      <c r="N207">
        <f t="shared" si="13"/>
        <v>1.7750673862428683</v>
      </c>
      <c r="O207">
        <f t="shared" si="14"/>
        <v>-1.7694765790910492</v>
      </c>
    </row>
    <row r="208" spans="1:15" x14ac:dyDescent="0.4">
      <c r="A208">
        <v>6.8666666666666663</v>
      </c>
      <c r="B208">
        <f t="shared" si="15"/>
        <v>47.151111111111106</v>
      </c>
      <c r="C208">
        <v>-13.498182067932333</v>
      </c>
      <c r="D208">
        <v>2.0179363198936553</v>
      </c>
      <c r="E208" cm="1">
        <f t="array" ref="E208">INDEX(LINEST(C179:C237,$A179:$B237),1)*2</f>
        <v>2.5212453449733711E-2</v>
      </c>
      <c r="F208" cm="1">
        <f t="array" ref="F208">INDEX(LINEST(D179:D237,$A179:$B237),1)*2</f>
        <v>9.0165549365912763E-3</v>
      </c>
      <c r="G208">
        <f t="shared" si="11"/>
        <v>1.4807273911028609</v>
      </c>
      <c r="H208">
        <f t="shared" si="12"/>
        <v>0.52954227142600563</v>
      </c>
      <c r="J208">
        <v>13.940388228371361</v>
      </c>
      <c r="K208">
        <v>2.2155076006573169</v>
      </c>
      <c r="L208" cm="1">
        <f t="array" ref="L208">INDEX(LINEST(J179:J237,$A179:$B237),1)*2</f>
        <v>-1.8005064352118204E-2</v>
      </c>
      <c r="M208" cm="1">
        <f t="array" ref="M208">INDEX(LINEST(K179:K237,$A179:$B237),1)*2</f>
        <v>2.2433423537145013E-2</v>
      </c>
      <c r="N208">
        <f t="shared" si="13"/>
        <v>1.4155581593635334</v>
      </c>
      <c r="O208">
        <f t="shared" si="14"/>
        <v>-1.7637157584903411</v>
      </c>
    </row>
    <row r="209" spans="1:15" x14ac:dyDescent="0.4">
      <c r="A209">
        <v>6.9</v>
      </c>
      <c r="B209">
        <f t="shared" si="15"/>
        <v>47.610000000000007</v>
      </c>
      <c r="C209">
        <v>-13.489235118973625</v>
      </c>
      <c r="D209">
        <v>2.0171527072557711</v>
      </c>
      <c r="E209" cm="1">
        <f t="array" ref="E209">INDEX(LINEST(C180:C238,$A180:$B238),1)*2</f>
        <v>2.5071906362583597E-2</v>
      </c>
      <c r="F209" cm="1">
        <f t="array" ref="F209">INDEX(LINEST(D180:D238,$A180:$B238),1)*2</f>
        <v>9.9361837555780302E-3</v>
      </c>
      <c r="G209">
        <f t="shared" si="11"/>
        <v>1.4724730606745347</v>
      </c>
      <c r="H209">
        <f t="shared" si="12"/>
        <v>0.58355207196509773</v>
      </c>
      <c r="J209">
        <v>13.932190645531589</v>
      </c>
      <c r="K209">
        <v>2.2158276398401422</v>
      </c>
      <c r="L209" cm="1">
        <f t="array" ref="L209">INDEX(LINEST(J180:J238,$A180:$B238),1)*2</f>
        <v>-1.3879789424901263E-2</v>
      </c>
      <c r="M209" cm="1">
        <f t="array" ref="M209">INDEX(LINEST(K180:K238,$A180:$B238),1)*2</f>
        <v>2.2031771119997615E-2</v>
      </c>
      <c r="N209">
        <f t="shared" si="13"/>
        <v>1.0912290445857373</v>
      </c>
      <c r="O209">
        <f t="shared" si="14"/>
        <v>-1.7321378454542125</v>
      </c>
    </row>
    <row r="210" spans="1:15" x14ac:dyDescent="0.4">
      <c r="A210">
        <v>6.9333333333333336</v>
      </c>
      <c r="B210">
        <f t="shared" si="15"/>
        <v>48.071111111111115</v>
      </c>
      <c r="C210">
        <v>-13.482629304856411</v>
      </c>
      <c r="D210">
        <v>2.0177878855239251</v>
      </c>
      <c r="E210" cm="1">
        <f t="array" ref="E210">INDEX(LINEST(C181:C239,$A181:$B239),1)*2</f>
        <v>2.2990486931849029E-2</v>
      </c>
      <c r="F210" cm="1">
        <f t="array" ref="F210">INDEX(LINEST(D181:D239,$A181:$B239),1)*2</f>
        <v>1.0144029043035298E-2</v>
      </c>
      <c r="G210">
        <f t="shared" si="11"/>
        <v>1.3502312975074935</v>
      </c>
      <c r="H210">
        <f t="shared" si="12"/>
        <v>0.59575882569746308</v>
      </c>
      <c r="J210">
        <v>13.928489516459859</v>
      </c>
      <c r="K210">
        <v>2.217759145835664</v>
      </c>
      <c r="L210" cm="1">
        <f t="array" ref="L210">INDEX(LINEST(J181:J239,$A181:$B239),1)*2</f>
        <v>-1.1327151008845199E-2</v>
      </c>
      <c r="M210" cm="1">
        <f t="array" ref="M210">INDEX(LINEST(K181:K239,$A181:$B239),1)*2</f>
        <v>2.1457477380631352E-2</v>
      </c>
      <c r="N210">
        <f t="shared" si="13"/>
        <v>0.8905406123154096</v>
      </c>
      <c r="O210">
        <f t="shared" si="14"/>
        <v>-1.686986871665237</v>
      </c>
    </row>
    <row r="211" spans="1:15" x14ac:dyDescent="0.4">
      <c r="A211">
        <v>6.9666666666666668</v>
      </c>
      <c r="B211">
        <f t="shared" si="15"/>
        <v>48.534444444444446</v>
      </c>
      <c r="C211">
        <v>-13.474769575666594</v>
      </c>
      <c r="D211">
        <v>2.0174868530358743</v>
      </c>
      <c r="E211" cm="1">
        <f t="array" ref="E211">INDEX(LINEST(C182:C240,$A182:$B240),1)*2</f>
        <v>2.2103467892195288E-2</v>
      </c>
      <c r="F211" cm="1">
        <f t="array" ref="F211">INDEX(LINEST(D182:D240,$A182:$B240),1)*2</f>
        <v>9.9270273728243527E-3</v>
      </c>
      <c r="G211">
        <f t="shared" si="11"/>
        <v>1.2981366693086291</v>
      </c>
      <c r="H211">
        <f t="shared" si="12"/>
        <v>0.58301431760597422</v>
      </c>
      <c r="J211">
        <v>13.921723593687682</v>
      </c>
      <c r="K211">
        <v>2.2189673266782521</v>
      </c>
      <c r="L211" cm="1">
        <f t="array" ref="L211">INDEX(LINEST(J182:J240,$A182:$B240),1)*2</f>
        <v>-9.5614550898019592E-3</v>
      </c>
      <c r="M211" cm="1">
        <f t="array" ref="M211">INDEX(LINEST(K182:K240,$A182:$B240),1)*2</f>
        <v>2.0493924585729441E-2</v>
      </c>
      <c r="N211">
        <f t="shared" si="13"/>
        <v>0.75172159916023007</v>
      </c>
      <c r="O211">
        <f t="shared" si="14"/>
        <v>-1.6112323509300488</v>
      </c>
    </row>
    <row r="212" spans="1:15" x14ac:dyDescent="0.4">
      <c r="A212">
        <v>7</v>
      </c>
      <c r="B212">
        <f t="shared" si="15"/>
        <v>49</v>
      </c>
      <c r="C212">
        <v>-13.465503095050019</v>
      </c>
      <c r="D212">
        <v>2.0161319856852051</v>
      </c>
      <c r="E212" cm="1">
        <f t="array" ref="E212">INDEX(LINEST(C183:C241,$A183:$B241),1)*2</f>
        <v>2.2176298334782758E-2</v>
      </c>
      <c r="F212" cm="1">
        <f t="array" ref="F212">INDEX(LINEST(D183:D241,$A183:$B241),1)*2</f>
        <v>9.7210612047585136E-3</v>
      </c>
      <c r="G212">
        <f t="shared" si="11"/>
        <v>1.3024140012017913</v>
      </c>
      <c r="H212">
        <f t="shared" si="12"/>
        <v>0.57091792455546742</v>
      </c>
      <c r="J212">
        <v>13.914454001226009</v>
      </c>
      <c r="K212">
        <v>2.2205166009463579</v>
      </c>
      <c r="L212" cm="1">
        <f t="array" ref="L212">INDEX(LINEST(J183:J241,$A183:$B241),1)*2</f>
        <v>-8.3980907242451053E-3</v>
      </c>
      <c r="M212" cm="1">
        <f t="array" ref="M212">INDEX(LINEST(K183:K241,$A183:$B241),1)*2</f>
        <v>1.8939038550591297E-2</v>
      </c>
      <c r="N212">
        <f t="shared" si="13"/>
        <v>0.66025789274015023</v>
      </c>
      <c r="O212">
        <f t="shared" si="14"/>
        <v>-1.4889872108474878</v>
      </c>
    </row>
    <row r="213" spans="1:15" x14ac:dyDescent="0.4">
      <c r="A213">
        <v>7.0333333333333332</v>
      </c>
      <c r="B213">
        <f t="shared" si="15"/>
        <v>49.467777777777776</v>
      </c>
      <c r="C213">
        <v>-13.457758966799551</v>
      </c>
      <c r="D213">
        <v>2.0148102127081593</v>
      </c>
      <c r="E213" cm="1">
        <f t="array" ref="E213">INDEX(LINEST(C184:C242,$A184:$B242),1)*2</f>
        <v>2.3284838242139807E-2</v>
      </c>
      <c r="F213" cm="1">
        <f t="array" ref="F213">INDEX(LINEST(D184:D242,$A184:$B242),1)*2</f>
        <v>9.4409185490617088E-3</v>
      </c>
      <c r="G213">
        <f t="shared" si="11"/>
        <v>1.3675185499608709</v>
      </c>
      <c r="H213">
        <f t="shared" si="12"/>
        <v>0.5544651463863941</v>
      </c>
      <c r="J213">
        <v>13.90578078391415</v>
      </c>
      <c r="K213">
        <v>2.2188153541289375</v>
      </c>
      <c r="L213" cm="1">
        <f t="array" ref="L213">INDEX(LINEST(J184:J242,$A184:$B242),1)*2</f>
        <v>-7.4837729414322998E-3</v>
      </c>
      <c r="M213" cm="1">
        <f t="array" ref="M213">INDEX(LINEST(K184:K242,$A184:$B242),1)*2</f>
        <v>1.7257832197543968E-2</v>
      </c>
      <c r="N213">
        <f t="shared" si="13"/>
        <v>0.58837422865540745</v>
      </c>
      <c r="O213">
        <f t="shared" si="14"/>
        <v>-1.3568107673709069</v>
      </c>
    </row>
    <row r="214" spans="1:15" x14ac:dyDescent="0.4">
      <c r="A214">
        <v>7.0666666666666664</v>
      </c>
      <c r="B214">
        <f t="shared" si="15"/>
        <v>49.937777777777775</v>
      </c>
      <c r="C214">
        <v>-13.447543111539382</v>
      </c>
      <c r="D214">
        <v>2.0146766257264472</v>
      </c>
      <c r="E214" cm="1">
        <f t="array" ref="E214">INDEX(LINEST(C185:C243,$A185:$B243),1)*2</f>
        <v>2.477505597832665E-2</v>
      </c>
      <c r="F214" cm="1">
        <f t="array" ref="F214">INDEX(LINEST(D185:D243,$A185:$B243),1)*2</f>
        <v>8.4830842095323725E-3</v>
      </c>
      <c r="G214">
        <f t="shared" si="11"/>
        <v>1.4550390376071241</v>
      </c>
      <c r="H214">
        <f t="shared" si="12"/>
        <v>0.4982115356258362</v>
      </c>
      <c r="J214">
        <v>13.899324315750608</v>
      </c>
      <c r="K214">
        <v>2.2176733202409067</v>
      </c>
      <c r="L214" cm="1">
        <f t="array" ref="L214">INDEX(LINEST(J185:J243,$A185:$B243),1)*2</f>
        <v>-6.3105888911378959E-3</v>
      </c>
      <c r="M214" cm="1">
        <f t="array" ref="M214">INDEX(LINEST(K185:K243,$A185:$B243),1)*2</f>
        <v>1.4975891953332668E-2</v>
      </c>
      <c r="N214">
        <f t="shared" si="13"/>
        <v>0.49613849862126141</v>
      </c>
      <c r="O214">
        <f t="shared" si="14"/>
        <v>-1.1774046253710144</v>
      </c>
    </row>
    <row r="215" spans="1:15" x14ac:dyDescent="0.4">
      <c r="A215">
        <v>7.1</v>
      </c>
      <c r="B215">
        <f t="shared" si="15"/>
        <v>50.41</v>
      </c>
      <c r="C215">
        <v>-13.438919107944363</v>
      </c>
      <c r="D215">
        <v>2.0117321096455094</v>
      </c>
      <c r="E215" cm="1">
        <f t="array" ref="E215">INDEX(LINEST(C186:C244,$A186:$B244),1)*2</f>
        <v>2.6445176855824089E-2</v>
      </c>
      <c r="F215" cm="1">
        <f t="array" ref="F215">INDEX(LINEST(D186:D244,$A186:$B244),1)*2</f>
        <v>7.474301288385536E-3</v>
      </c>
      <c r="G215">
        <f t="shared" si="11"/>
        <v>1.5531252367425488</v>
      </c>
      <c r="H215">
        <f t="shared" si="12"/>
        <v>0.4389657146668825</v>
      </c>
      <c r="J215">
        <v>13.891644993868896</v>
      </c>
      <c r="K215">
        <v>2.2139237149207043</v>
      </c>
      <c r="L215" cm="1">
        <f t="array" ref="L215">INDEX(LINEST(J186:J244,$A186:$B244),1)*2</f>
        <v>-5.1502452562623259E-3</v>
      </c>
      <c r="M215" cm="1">
        <f t="array" ref="M215">INDEX(LINEST(K186:K244,$A186:$B244),1)*2</f>
        <v>1.2477841521187335E-2</v>
      </c>
      <c r="N215">
        <f t="shared" si="13"/>
        <v>0.40491228204734409</v>
      </c>
      <c r="O215">
        <f t="shared" si="14"/>
        <v>-0.98100790039574826</v>
      </c>
    </row>
    <row r="216" spans="1:15" x14ac:dyDescent="0.4">
      <c r="A216">
        <v>7.1333333333333337</v>
      </c>
      <c r="B216">
        <f t="shared" si="15"/>
        <v>50.884444444444448</v>
      </c>
      <c r="C216">
        <v>-13.426721665415151</v>
      </c>
      <c r="D216">
        <v>2.0107204142622837</v>
      </c>
      <c r="E216" cm="1">
        <f t="array" ref="E216">INDEX(LINEST(C187:C245,$A187:$B245),1)*2</f>
        <v>2.7983787340640866E-2</v>
      </c>
      <c r="F216" cm="1">
        <f t="array" ref="F216">INDEX(LINEST(D187:D245,$A187:$B245),1)*2</f>
        <v>5.7364420662506322E-3</v>
      </c>
      <c r="G216">
        <f t="shared" si="11"/>
        <v>1.643487830515838</v>
      </c>
      <c r="H216">
        <f t="shared" si="12"/>
        <v>0.33690124255089959</v>
      </c>
      <c r="J216">
        <v>13.883688973233754</v>
      </c>
      <c r="K216">
        <v>2.2149027893084825</v>
      </c>
      <c r="L216" cm="1">
        <f t="array" ref="L216">INDEX(LINEST(J187:J245,$A187:$B245),1)*2</f>
        <v>-3.0016286196198369E-3</v>
      </c>
      <c r="M216" cm="1">
        <f t="array" ref="M216">INDEX(LINEST(K187:K245,$A187:$B245),1)*2</f>
        <v>1.0189517822744991E-2</v>
      </c>
      <c r="N216">
        <f t="shared" si="13"/>
        <v>0.2359880420745116</v>
      </c>
      <c r="O216">
        <f t="shared" si="14"/>
        <v>-0.80109989122421121</v>
      </c>
    </row>
    <row r="217" spans="1:15" x14ac:dyDescent="0.4">
      <c r="A217">
        <v>7.166666666666667</v>
      </c>
      <c r="B217">
        <f t="shared" si="15"/>
        <v>51.361111111111114</v>
      </c>
      <c r="C217">
        <v>-13.411148518791265</v>
      </c>
      <c r="D217">
        <v>2.0135473247303168</v>
      </c>
      <c r="E217" cm="1">
        <f t="array" ref="E217">INDEX(LINEST(C188:C246,$A188:$B246),1)*2</f>
        <v>2.969562407293801E-2</v>
      </c>
      <c r="F217" cm="1">
        <f t="array" ref="F217">INDEX(LINEST(D188:D246,$A188:$B246),1)*2</f>
        <v>4.8504184889552925E-3</v>
      </c>
      <c r="G217">
        <f t="shared" si="11"/>
        <v>1.7440240018036492</v>
      </c>
      <c r="H217">
        <f t="shared" si="12"/>
        <v>0.2848650778563443</v>
      </c>
      <c r="J217">
        <v>13.877632280236224</v>
      </c>
      <c r="K217">
        <v>2.21328228129541</v>
      </c>
      <c r="L217" cm="1">
        <f t="array" ref="L217">INDEX(LINEST(J188:J246,$A188:$B246),1)*2</f>
        <v>-1.5012676003677914E-3</v>
      </c>
      <c r="M217" cm="1">
        <f t="array" ref="M217">INDEX(LINEST(K188:K246,$A188:$B246),1)*2</f>
        <v>8.3797043662099842E-3</v>
      </c>
      <c r="N217">
        <f t="shared" si="13"/>
        <v>0.11802965874091577</v>
      </c>
      <c r="O217">
        <f t="shared" si="14"/>
        <v>-0.65881235727142895</v>
      </c>
    </row>
    <row r="218" spans="1:15" x14ac:dyDescent="0.4">
      <c r="A218">
        <v>7.2</v>
      </c>
      <c r="B218">
        <f t="shared" si="15"/>
        <v>51.84</v>
      </c>
      <c r="C218">
        <v>-13.398419888376859</v>
      </c>
      <c r="D218">
        <v>2.0127551310397607</v>
      </c>
      <c r="E218" cm="1">
        <f t="array" ref="E218">INDEX(LINEST(C189:C247,$A189:$B247),1)*2</f>
        <v>3.0745832416481746E-2</v>
      </c>
      <c r="F218" cm="1">
        <f t="array" ref="F218">INDEX(LINEST(D189:D247,$A189:$B247),1)*2</f>
        <v>2.3109761549141364E-3</v>
      </c>
      <c r="G218">
        <f t="shared" si="11"/>
        <v>1.8057027378199728</v>
      </c>
      <c r="H218">
        <f t="shared" si="12"/>
        <v>0.13572362957810721</v>
      </c>
      <c r="J218">
        <v>13.867364101409589</v>
      </c>
      <c r="K218">
        <v>2.2172201723457818</v>
      </c>
      <c r="L218" cm="1">
        <f t="array" ref="L218">INDEX(LINEST(J189:J247,$A189:$B247),1)*2</f>
        <v>-2.9612138474459289E-4</v>
      </c>
      <c r="M218" cm="1">
        <f t="array" ref="M218">INDEX(LINEST(K189:K247,$A189:$B247),1)*2</f>
        <v>5.9923156545579484E-3</v>
      </c>
      <c r="N218">
        <f t="shared" si="13"/>
        <v>2.3281063268619895E-2</v>
      </c>
      <c r="O218">
        <f t="shared" si="14"/>
        <v>-0.47111585676134593</v>
      </c>
    </row>
    <row r="219" spans="1:15" x14ac:dyDescent="0.4">
      <c r="A219">
        <v>7.2333333333333334</v>
      </c>
      <c r="B219">
        <f t="shared" si="15"/>
        <v>52.321111111111115</v>
      </c>
      <c r="C219">
        <v>-13.393173108512373</v>
      </c>
      <c r="D219">
        <v>2.0166776671663849</v>
      </c>
      <c r="E219" cm="1">
        <f t="array" ref="E219">INDEX(LINEST(C190:C248,$A190:$B248),1)*2</f>
        <v>3.2139920099304463E-2</v>
      </c>
      <c r="F219" cm="1">
        <f t="array" ref="F219">INDEX(LINEST(D190:D248,$A190:$B248),1)*2</f>
        <v>1.1829999323182221E-4</v>
      </c>
      <c r="G219">
        <f t="shared" si="11"/>
        <v>1.887577507432151</v>
      </c>
      <c r="H219">
        <f t="shared" si="12"/>
        <v>6.9477586025049184E-3</v>
      </c>
      <c r="J219">
        <v>13.862799437331688</v>
      </c>
      <c r="K219">
        <v>2.2177040192004767</v>
      </c>
      <c r="L219" cm="1">
        <f t="array" ref="L219">INDEX(LINEST(J190:J248,$A190:$B248),1)*2</f>
        <v>4.6975123763113663E-4</v>
      </c>
      <c r="M219" cm="1">
        <f t="array" ref="M219">INDEX(LINEST(K190:K248,$A190:$B248),1)*2</f>
        <v>3.5527315106499719E-3</v>
      </c>
      <c r="N219">
        <f t="shared" si="13"/>
        <v>-3.6931842302559963E-2</v>
      </c>
      <c r="O219">
        <f t="shared" si="14"/>
        <v>-0.2793157513673008</v>
      </c>
    </row>
    <row r="220" spans="1:15" x14ac:dyDescent="0.4">
      <c r="A220">
        <v>7.2666666666666666</v>
      </c>
      <c r="B220">
        <f t="shared" si="15"/>
        <v>52.804444444444442</v>
      </c>
      <c r="C220">
        <v>-13.378485469625634</v>
      </c>
      <c r="D220">
        <v>2.0179331239797365</v>
      </c>
      <c r="E220" cm="1">
        <f t="array" ref="E220">INDEX(LINEST(C191:C249,$A191:$B249),1)*2</f>
        <v>3.4620289455327802E-2</v>
      </c>
      <c r="F220" cm="1">
        <f t="array" ref="F220">INDEX(LINEST(D191:D249,$A191:$B249),1)*2</f>
        <v>-2.5549111104572241E-3</v>
      </c>
      <c r="G220">
        <f t="shared" si="11"/>
        <v>2.0332495997114015</v>
      </c>
      <c r="H220">
        <f t="shared" si="12"/>
        <v>-0.15004992951715276</v>
      </c>
      <c r="J220">
        <v>13.854753599227712</v>
      </c>
      <c r="K220">
        <v>2.2184116877049513</v>
      </c>
      <c r="L220" cm="1">
        <f t="array" ref="L220">INDEX(LINEST(J191:J249,$A191:$B249),1)*2</f>
        <v>1.2274167555662301E-3</v>
      </c>
      <c r="M220" cm="1">
        <f t="array" ref="M220">INDEX(LINEST(K191:K249,$A191:$B249),1)*2</f>
        <v>1.5460147744702896E-3</v>
      </c>
      <c r="N220">
        <f t="shared" si="13"/>
        <v>-9.6499505322617016E-2</v>
      </c>
      <c r="O220">
        <f t="shared" si="14"/>
        <v>-0.12154768156885418</v>
      </c>
    </row>
    <row r="221" spans="1:15" x14ac:dyDescent="0.4">
      <c r="A221">
        <v>7.3</v>
      </c>
      <c r="B221">
        <f t="shared" si="15"/>
        <v>53.29</v>
      </c>
      <c r="C221">
        <v>-13.368759968568488</v>
      </c>
      <c r="D221">
        <v>2.0198581109983111</v>
      </c>
      <c r="E221" cm="1">
        <f t="array" ref="E221">INDEX(LINEST(C192:C250,$A192:$B250),1)*2</f>
        <v>3.7283202935445313E-2</v>
      </c>
      <c r="F221" cm="1">
        <f t="array" ref="F221">INDEX(LINEST(D192:D250,$A192:$B250),1)*2</f>
        <v>-5.4067224865825643E-3</v>
      </c>
      <c r="G221">
        <f t="shared" si="11"/>
        <v>2.1896425083987032</v>
      </c>
      <c r="H221">
        <f t="shared" si="12"/>
        <v>-0.31753681163699399</v>
      </c>
      <c r="J221">
        <v>13.845226463491914</v>
      </c>
      <c r="K221">
        <v>2.2225001684867149</v>
      </c>
      <c r="L221" cm="1">
        <f t="array" ref="L221">INDEX(LINEST(J192:J250,$A192:$B250),1)*2</f>
        <v>1.4901969444799372E-3</v>
      </c>
      <c r="M221" cm="1">
        <f t="array" ref="M221">INDEX(LINEST(K192:K250,$A192:$B250),1)*2</f>
        <v>-3.3986115808564126E-4</v>
      </c>
      <c r="N221">
        <f t="shared" si="13"/>
        <v>-0.11715928377501267</v>
      </c>
      <c r="O221">
        <f t="shared" si="14"/>
        <v>2.6719884248693117E-2</v>
      </c>
    </row>
    <row r="222" spans="1:15" x14ac:dyDescent="0.4">
      <c r="A222">
        <v>7.333333333333333</v>
      </c>
      <c r="B222">
        <f t="shared" si="15"/>
        <v>53.777777777777771</v>
      </c>
      <c r="C222">
        <v>-13.362502381465537</v>
      </c>
      <c r="D222">
        <v>2.0235976936121447</v>
      </c>
      <c r="E222" cm="1">
        <f t="array" ref="E222">INDEX(LINEST(C193:C251,$A193:$B251),1)*2</f>
        <v>4.1130591927548817E-2</v>
      </c>
      <c r="F222" cm="1">
        <f t="array" ref="F222">INDEX(LINEST(D193:D251,$A193:$B251),1)*2</f>
        <v>-7.7748263658604377E-3</v>
      </c>
      <c r="G222">
        <f t="shared" si="11"/>
        <v>2.415599663904942</v>
      </c>
      <c r="H222">
        <f t="shared" si="12"/>
        <v>-0.45661555246698349</v>
      </c>
      <c r="J222">
        <v>13.835208092244063</v>
      </c>
      <c r="K222">
        <v>2.2231284129247064</v>
      </c>
      <c r="L222" cm="1">
        <f t="array" ref="L222">INDEX(LINEST(J193:J251,$A193:$B251),1)*2</f>
        <v>3.0495555177999559E-3</v>
      </c>
      <c r="M222" cm="1">
        <f t="array" ref="M222">INDEX(LINEST(K193:K251,$A193:$B251),1)*2</f>
        <v>-2.0727500756673187E-3</v>
      </c>
      <c r="N222">
        <f t="shared" si="13"/>
        <v>-0.23975605480943254</v>
      </c>
      <c r="O222">
        <f t="shared" si="14"/>
        <v>0.16295961094896461</v>
      </c>
    </row>
    <row r="223" spans="1:15" x14ac:dyDescent="0.4">
      <c r="A223">
        <v>7.3666666666666663</v>
      </c>
      <c r="B223">
        <f t="shared" si="15"/>
        <v>54.267777777777773</v>
      </c>
      <c r="C223">
        <v>-13.354257593417293</v>
      </c>
      <c r="D223">
        <v>2.0240120769425451</v>
      </c>
      <c r="E223" cm="1">
        <f t="array" ref="E223">INDEX(LINEST(C194:C252,$A194:$B252),1)*2</f>
        <v>4.3405602437577871E-2</v>
      </c>
      <c r="F223" cm="1">
        <f t="array" ref="F223">INDEX(LINEST(D194:D252,$A194:$B252),1)*2</f>
        <v>-8.9986275780045213E-3</v>
      </c>
      <c r="G223">
        <f t="shared" si="11"/>
        <v>2.5492110311589484</v>
      </c>
      <c r="H223">
        <f t="shared" si="12"/>
        <v>-0.52848939765620551</v>
      </c>
      <c r="J223">
        <v>13.8252638042757</v>
      </c>
      <c r="K223">
        <v>2.2235720408869399</v>
      </c>
      <c r="L223" cm="1">
        <f t="array" ref="L223">INDEX(LINEST(J194:J252,$A194:$B252),1)*2</f>
        <v>3.734611028524488E-3</v>
      </c>
      <c r="M223" cm="1">
        <f t="array" ref="M223">INDEX(LINEST(K194:K252,$A194:$B252),1)*2</f>
        <v>-3.8674826064684083E-3</v>
      </c>
      <c r="N223">
        <f t="shared" si="13"/>
        <v>-0.29361511906259524</v>
      </c>
      <c r="O223">
        <f t="shared" si="14"/>
        <v>0.30406148252054627</v>
      </c>
    </row>
    <row r="224" spans="1:15" x14ac:dyDescent="0.4">
      <c r="A224">
        <v>7.4</v>
      </c>
      <c r="B224">
        <f t="shared" si="15"/>
        <v>54.760000000000005</v>
      </c>
      <c r="C224">
        <v>-13.345552776931724</v>
      </c>
      <c r="D224">
        <v>2.0275370014193035</v>
      </c>
      <c r="E224" cm="1">
        <f t="array" ref="E224">INDEX(LINEST(C195:C253,$A195:$B253),1)*2</f>
        <v>4.497837726762479E-2</v>
      </c>
      <c r="F224" cm="1">
        <f t="array" ref="F224">INDEX(LINEST(D195:D253,$A195:$B253),1)*2</f>
        <v>-9.3384354586079823E-3</v>
      </c>
      <c r="G224">
        <f t="shared" ref="G224:G287" si="16">E224*58.73</f>
        <v>2.641580096927604</v>
      </c>
      <c r="H224">
        <f t="shared" ref="H224:H287" si="17">F224*58.73</f>
        <v>-0.54844631448404679</v>
      </c>
      <c r="J224">
        <v>13.816449211455398</v>
      </c>
      <c r="K224">
        <v>2.2247365488215762</v>
      </c>
      <c r="L224" cm="1">
        <f t="array" ref="L224">INDEX(LINEST(J195:J253,$A195:$B253),1)*2</f>
        <v>4.0119417622103918E-3</v>
      </c>
      <c r="M224" cm="1">
        <f t="array" ref="M224">INDEX(LINEST(K195:K253,$A195:$B253),1)*2</f>
        <v>-4.9663247178723426E-3</v>
      </c>
      <c r="N224">
        <f t="shared" ref="N224:N287" si="18">-L224*78.62</f>
        <v>-0.31541886134498104</v>
      </c>
      <c r="O224">
        <f t="shared" ref="O224:O287" si="19">-M224*78.62</f>
        <v>0.3904524493191236</v>
      </c>
    </row>
    <row r="225" spans="1:15" x14ac:dyDescent="0.4">
      <c r="A225">
        <v>7.4333333333333336</v>
      </c>
      <c r="B225">
        <f t="shared" si="15"/>
        <v>55.254444444444445</v>
      </c>
      <c r="C225">
        <v>-13.335246852707543</v>
      </c>
      <c r="D225">
        <v>2.0264220738880123</v>
      </c>
      <c r="E225" cm="1">
        <f t="array" ref="E225">INDEX(LINEST(C196:C254,$A196:$B254),1)*2</f>
        <v>4.4952488174617229E-2</v>
      </c>
      <c r="F225" cm="1">
        <f t="array" ref="F225">INDEX(LINEST(D196:D254,$A196:$B254),1)*2</f>
        <v>-8.8716435715815844E-3</v>
      </c>
      <c r="G225">
        <f t="shared" si="16"/>
        <v>2.6400596304952697</v>
      </c>
      <c r="H225">
        <f t="shared" si="17"/>
        <v>-0.52103162695898642</v>
      </c>
      <c r="J225">
        <v>13.807341095790267</v>
      </c>
      <c r="K225">
        <v>2.2271225890106816</v>
      </c>
      <c r="L225" cm="1">
        <f t="array" ref="L225">INDEX(LINEST(J196:J254,$A196:$B254),1)*2</f>
        <v>4.1321247074295403E-3</v>
      </c>
      <c r="M225" cm="1">
        <f t="array" ref="M225">INDEX(LINEST(K196:K254,$A196:$B254),1)*2</f>
        <v>-7.0480620017316182E-3</v>
      </c>
      <c r="N225">
        <f t="shared" si="18"/>
        <v>-0.32486764449811045</v>
      </c>
      <c r="O225">
        <f t="shared" si="19"/>
        <v>0.55411863457613986</v>
      </c>
    </row>
    <row r="226" spans="1:15" x14ac:dyDescent="0.4">
      <c r="A226">
        <v>7.4666666666666668</v>
      </c>
      <c r="B226">
        <f t="shared" si="15"/>
        <v>55.751111111111115</v>
      </c>
      <c r="C226">
        <v>-13.324426725814302</v>
      </c>
      <c r="D226">
        <v>2.0258289263233604</v>
      </c>
      <c r="E226" cm="1">
        <f t="array" ref="E226">INDEX(LINEST(C197:C255,$A197:$B255),1)*2</f>
        <v>4.3799201573098051E-2</v>
      </c>
      <c r="F226" cm="1">
        <f t="array" ref="F226">INDEX(LINEST(D197:D255,$A197:$B255),1)*2</f>
        <v>-7.7611493639819975E-3</v>
      </c>
      <c r="G226">
        <f t="shared" si="16"/>
        <v>2.5723271083880483</v>
      </c>
      <c r="H226">
        <f t="shared" si="17"/>
        <v>-0.45581230214666268</v>
      </c>
      <c r="J226">
        <v>13.795986551555908</v>
      </c>
      <c r="K226">
        <v>2.2258668319551682</v>
      </c>
      <c r="L226" cm="1">
        <f t="array" ref="L226">INDEX(LINEST(J197:J255,$A197:$B255),1)*2</f>
        <v>4.2111854894100638E-3</v>
      </c>
      <c r="M226" cm="1">
        <f t="array" ref="M226">INDEX(LINEST(K197:K255,$A197:$B255),1)*2</f>
        <v>-7.7890483369778569E-3</v>
      </c>
      <c r="N226">
        <f t="shared" si="18"/>
        <v>-0.33108340317741924</v>
      </c>
      <c r="O226">
        <f t="shared" si="19"/>
        <v>0.61237498025319914</v>
      </c>
    </row>
    <row r="227" spans="1:15" x14ac:dyDescent="0.4">
      <c r="A227">
        <v>7.5</v>
      </c>
      <c r="B227">
        <f t="shared" si="15"/>
        <v>56.25</v>
      </c>
      <c r="C227">
        <v>-13.314980714597711</v>
      </c>
      <c r="D227">
        <v>2.0265746037534957</v>
      </c>
      <c r="E227" cm="1">
        <f t="array" ref="E227">INDEX(LINEST(C198:C256,$A198:$B256),1)*2</f>
        <v>4.1239076631871867E-2</v>
      </c>
      <c r="F227" cm="1">
        <f t="array" ref="F227">INDEX(LINEST(D198:D256,$A198:$B256),1)*2</f>
        <v>-6.352972922899062E-3</v>
      </c>
      <c r="G227">
        <f t="shared" si="16"/>
        <v>2.4219709705898347</v>
      </c>
      <c r="H227">
        <f t="shared" si="17"/>
        <v>-0.37311009976186188</v>
      </c>
      <c r="J227">
        <v>13.787088016123125</v>
      </c>
      <c r="K227">
        <v>2.2274970481615624</v>
      </c>
      <c r="L227" cm="1">
        <f t="array" ref="L227">INDEX(LINEST(J198:J256,$A198:$B256),1)*2</f>
        <v>5.7012103493934135E-3</v>
      </c>
      <c r="M227" cm="1">
        <f t="array" ref="M227">INDEX(LINEST(K198:K256,$A198:$B256),1)*2</f>
        <v>-6.786640209351694E-3</v>
      </c>
      <c r="N227">
        <f t="shared" si="18"/>
        <v>-0.44822915766931021</v>
      </c>
      <c r="O227">
        <f t="shared" si="19"/>
        <v>0.53356565325923022</v>
      </c>
    </row>
    <row r="228" spans="1:15" x14ac:dyDescent="0.4">
      <c r="A228">
        <v>7.5333333333333332</v>
      </c>
      <c r="B228">
        <f t="shared" si="15"/>
        <v>56.751111111111108</v>
      </c>
      <c r="C228">
        <v>-13.308873663796112</v>
      </c>
      <c r="D228">
        <v>2.0300788784026338</v>
      </c>
      <c r="E228" cm="1">
        <f t="array" ref="E228">INDEX(LINEST(C199:C257,$A199:$B257),1)*2</f>
        <v>3.8630541087593763E-2</v>
      </c>
      <c r="F228" cm="1">
        <f t="array" ref="F228">INDEX(LINEST(D199:D257,$A199:$B257),1)*2</f>
        <v>-3.0645578707242031E-3</v>
      </c>
      <c r="G228">
        <f t="shared" si="16"/>
        <v>2.2687716780743816</v>
      </c>
      <c r="H228">
        <f t="shared" si="17"/>
        <v>-0.17998148374763243</v>
      </c>
      <c r="J228">
        <v>13.779626056767281</v>
      </c>
      <c r="K228">
        <v>2.2285799568020646</v>
      </c>
      <c r="L228" cm="1">
        <f t="array" ref="L228">INDEX(LINEST(J199:J257,$A199:$B257),1)*2</f>
        <v>5.8124773825497696E-3</v>
      </c>
      <c r="M228" cm="1">
        <f t="array" ref="M228">INDEX(LINEST(K199:K257,$A199:$B257),1)*2</f>
        <v>-4.8426262616205976E-3</v>
      </c>
      <c r="N228">
        <f t="shared" si="18"/>
        <v>-0.45697697181606289</v>
      </c>
      <c r="O228">
        <f t="shared" si="19"/>
        <v>0.38072727668861139</v>
      </c>
    </row>
    <row r="229" spans="1:15" x14ac:dyDescent="0.4">
      <c r="A229">
        <v>7.5666666666666664</v>
      </c>
      <c r="B229">
        <f t="shared" si="15"/>
        <v>57.254444444444438</v>
      </c>
      <c r="C229">
        <v>-13.299531492759852</v>
      </c>
      <c r="D229">
        <v>2.033612557881364</v>
      </c>
      <c r="E229" cm="1">
        <f t="array" ref="E229">INDEX(LINEST(C200:C258,$A200:$B258),1)*2</f>
        <v>3.593423945312222E-2</v>
      </c>
      <c r="F229" cm="1">
        <f t="array" ref="F229">INDEX(LINEST(D200:D258,$A200:$B258),1)*2</f>
        <v>-5.0563651031776565E-4</v>
      </c>
      <c r="G229">
        <f t="shared" si="16"/>
        <v>2.1104178830818681</v>
      </c>
      <c r="H229">
        <f t="shared" si="17"/>
        <v>-2.9696032250962377E-2</v>
      </c>
      <c r="J229">
        <v>13.770451004982174</v>
      </c>
      <c r="K229">
        <v>2.2306279861800675</v>
      </c>
      <c r="L229" cm="1">
        <f t="array" ref="L229">INDEX(LINEST(J200:J258,$A200:$B258),1)*2</f>
        <v>6.4794206614978075E-3</v>
      </c>
      <c r="M229" cm="1">
        <f t="array" ref="M229">INDEX(LINEST(K200:K258,$A200:$B258),1)*2</f>
        <v>-2.5078846157086704E-3</v>
      </c>
      <c r="N229">
        <f t="shared" si="18"/>
        <v>-0.50941205240695764</v>
      </c>
      <c r="O229">
        <f t="shared" si="19"/>
        <v>0.19716988848701567</v>
      </c>
    </row>
    <row r="230" spans="1:15" x14ac:dyDescent="0.4">
      <c r="A230">
        <v>7.6</v>
      </c>
      <c r="B230">
        <f t="shared" si="15"/>
        <v>57.76</v>
      </c>
      <c r="C230">
        <v>-13.288478566956403</v>
      </c>
      <c r="D230">
        <v>2.0381834875526499</v>
      </c>
      <c r="E230" cm="1">
        <f t="array" ref="E230">INDEX(LINEST(C201:C259,$A201:$B259),1)*2</f>
        <v>3.3917846615346949E-2</v>
      </c>
      <c r="F230" cm="1">
        <f t="array" ref="F230">INDEX(LINEST(D201:D259,$A201:$B259),1)*2</f>
        <v>1.5824817388094986E-3</v>
      </c>
      <c r="G230">
        <f t="shared" si="16"/>
        <v>1.9919951317193261</v>
      </c>
      <c r="H230">
        <f t="shared" si="17"/>
        <v>9.2939152520281842E-2</v>
      </c>
      <c r="J230">
        <v>13.761275254695281</v>
      </c>
      <c r="K230">
        <v>2.2306784539374185</v>
      </c>
      <c r="L230" cm="1">
        <f t="array" ref="L230">INDEX(LINEST(J201:J259,$A201:$B259),1)*2</f>
        <v>6.0737448176233907E-3</v>
      </c>
      <c r="M230" cm="1">
        <f t="array" ref="M230">INDEX(LINEST(K201:K259,$A201:$B259),1)*2</f>
        <v>3.0486950000520026E-4</v>
      </c>
      <c r="N230">
        <f t="shared" si="18"/>
        <v>-0.47751781756155098</v>
      </c>
      <c r="O230">
        <f t="shared" si="19"/>
        <v>-2.3968840090408845E-2</v>
      </c>
    </row>
    <row r="231" spans="1:15" x14ac:dyDescent="0.4">
      <c r="A231">
        <v>7.6333333333333337</v>
      </c>
      <c r="B231">
        <f t="shared" si="15"/>
        <v>58.267777777777781</v>
      </c>
      <c r="C231">
        <v>-13.280982601477785</v>
      </c>
      <c r="D231">
        <v>2.037790170633381</v>
      </c>
      <c r="E231" cm="1">
        <f t="array" ref="E231">INDEX(LINEST(C202:C260,$A202:$B260),1)*2</f>
        <v>3.3287795006556167E-2</v>
      </c>
      <c r="F231" cm="1">
        <f t="array" ref="F231">INDEX(LINEST(D202:D260,$A202:$B260),1)*2</f>
        <v>4.1149477131202442E-3</v>
      </c>
      <c r="G231">
        <f t="shared" si="16"/>
        <v>1.9549922007350435</v>
      </c>
      <c r="H231">
        <f t="shared" si="17"/>
        <v>0.24167087919155192</v>
      </c>
      <c r="J231">
        <v>13.751077892145183</v>
      </c>
      <c r="K231">
        <v>2.2325377244846116</v>
      </c>
      <c r="L231" cm="1">
        <f t="array" ref="L231">INDEX(LINEST(J202:J260,$A202:$B260),1)*2</f>
        <v>5.181112398739085E-3</v>
      </c>
      <c r="M231" cm="1">
        <f t="array" ref="M231">INDEX(LINEST(K202:K260,$A202:$B260),1)*2</f>
        <v>3.4081760394241521E-3</v>
      </c>
      <c r="N231">
        <f t="shared" si="18"/>
        <v>-0.40733905678886689</v>
      </c>
      <c r="O231">
        <f t="shared" si="19"/>
        <v>-0.26795080021952683</v>
      </c>
    </row>
    <row r="232" spans="1:15" x14ac:dyDescent="0.4">
      <c r="A232">
        <v>7.666666666666667</v>
      </c>
      <c r="B232">
        <f t="shared" si="15"/>
        <v>58.777777777777786</v>
      </c>
      <c r="C232">
        <v>-13.272943302613143</v>
      </c>
      <c r="D232">
        <v>2.0419346328170964</v>
      </c>
      <c r="E232" cm="1">
        <f t="array" ref="E232">INDEX(LINEST(C203:C261,$A203:$B261),1)*2</f>
        <v>3.3141502870467812E-2</v>
      </c>
      <c r="F232" cm="1">
        <f t="array" ref="F232">INDEX(LINEST(D203:D261,$A203:$B261),1)*2</f>
        <v>6.1710638241685122E-3</v>
      </c>
      <c r="G232">
        <f t="shared" si="16"/>
        <v>1.9464004635825745</v>
      </c>
      <c r="H232">
        <f t="shared" si="17"/>
        <v>0.36242657839341669</v>
      </c>
      <c r="J232">
        <v>13.739169485593466</v>
      </c>
      <c r="K232">
        <v>2.2354380300866379</v>
      </c>
      <c r="L232" cm="1">
        <f t="array" ref="L232">INDEX(LINEST(J203:J261,$A203:$B261),1)*2</f>
        <v>4.1375701187713783E-3</v>
      </c>
      <c r="M232" cm="1">
        <f t="array" ref="M232">INDEX(LINEST(K203:K261,$A203:$B261),1)*2</f>
        <v>5.9817672093749373E-3</v>
      </c>
      <c r="N232">
        <f t="shared" si="18"/>
        <v>-0.3252957627378058</v>
      </c>
      <c r="O232">
        <f t="shared" si="19"/>
        <v>-0.47028653800105757</v>
      </c>
    </row>
    <row r="233" spans="1:15" x14ac:dyDescent="0.4">
      <c r="A233">
        <v>7.7</v>
      </c>
      <c r="B233">
        <f t="shared" si="15"/>
        <v>59.290000000000006</v>
      </c>
      <c r="C233">
        <v>-13.265665626433373</v>
      </c>
      <c r="D233">
        <v>2.0435396648096935</v>
      </c>
      <c r="E233" cm="1">
        <f t="array" ref="E233">INDEX(LINEST(C204:C262,$A204:$B262),1)*2</f>
        <v>3.2790075656522456E-2</v>
      </c>
      <c r="F233" cm="1">
        <f t="array" ref="F233">INDEX(LINEST(D204:D262,$A204:$B262),1)*2</f>
        <v>8.5089236508367437E-3</v>
      </c>
      <c r="G233">
        <f t="shared" si="16"/>
        <v>1.9257611433075636</v>
      </c>
      <c r="H233">
        <f t="shared" si="17"/>
        <v>0.49972908601364191</v>
      </c>
      <c r="J233">
        <v>13.736413532321169</v>
      </c>
      <c r="K233">
        <v>2.2376155434937743</v>
      </c>
      <c r="L233" cm="1">
        <f t="array" ref="L233">INDEX(LINEST(J204:J262,$A204:$B262),1)*2</f>
        <v>2.1485555836163617E-3</v>
      </c>
      <c r="M233" cm="1">
        <f t="array" ref="M233">INDEX(LINEST(K204:K262,$A204:$B262),1)*2</f>
        <v>6.6169116256693675E-3</v>
      </c>
      <c r="N233">
        <f t="shared" si="18"/>
        <v>-0.16891943998391837</v>
      </c>
      <c r="O233">
        <f t="shared" si="19"/>
        <v>-0.52022159201012574</v>
      </c>
    </row>
    <row r="234" spans="1:15" x14ac:dyDescent="0.4">
      <c r="A234">
        <v>7.7333333333333334</v>
      </c>
      <c r="B234">
        <f t="shared" si="15"/>
        <v>59.804444444444442</v>
      </c>
      <c r="C234">
        <v>-13.25652537607173</v>
      </c>
      <c r="D234">
        <v>2.0451364204552753</v>
      </c>
      <c r="E234" cm="1">
        <f t="array" ref="E234">INDEX(LINEST(C205:C263,$A205:$B263),1)*2</f>
        <v>3.2129401220671296E-2</v>
      </c>
      <c r="F234" cm="1">
        <f t="array" ref="F234">INDEX(LINEST(D205:D263,$A205:$B263),1)*2</f>
        <v>9.7210769682550026E-3</v>
      </c>
      <c r="G234">
        <f t="shared" si="16"/>
        <v>1.886959733690025</v>
      </c>
      <c r="H234">
        <f t="shared" si="17"/>
        <v>0.57091885034561629</v>
      </c>
      <c r="J234">
        <v>13.732038654611687</v>
      </c>
      <c r="K234">
        <v>2.2412103927400668</v>
      </c>
      <c r="L234" cm="1">
        <f t="array" ref="L234">INDEX(LINEST(J205:J263,$A205:$B263),1)*2</f>
        <v>-4.3888990381946218E-4</v>
      </c>
      <c r="M234" cm="1">
        <f t="array" ref="M234">INDEX(LINEST(K205:K263,$A205:$B263),1)*2</f>
        <v>6.9119871122702101E-3</v>
      </c>
      <c r="N234">
        <f t="shared" si="18"/>
        <v>3.4505524238286116E-2</v>
      </c>
      <c r="O234">
        <f t="shared" si="19"/>
        <v>-0.54342042676668401</v>
      </c>
    </row>
    <row r="235" spans="1:15" x14ac:dyDescent="0.4">
      <c r="A235">
        <v>7.7666666666666666</v>
      </c>
      <c r="B235">
        <f t="shared" si="15"/>
        <v>60.321111111111108</v>
      </c>
      <c r="C235">
        <v>-13.244535692653313</v>
      </c>
      <c r="D235">
        <v>2.043214433848231</v>
      </c>
      <c r="E235" cm="1">
        <f t="array" ref="E235">INDEX(LINEST(C206:C264,$A206:$B264),1)*2</f>
        <v>3.1698112615540223E-2</v>
      </c>
      <c r="F235" cm="1">
        <f t="array" ref="F235">INDEX(LINEST(D206:D264,$A206:$B264),1)*2</f>
        <v>9.8779684451558523E-3</v>
      </c>
      <c r="G235">
        <f t="shared" si="16"/>
        <v>1.8616301539106772</v>
      </c>
      <c r="H235">
        <f t="shared" si="17"/>
        <v>0.58013308678400322</v>
      </c>
      <c r="J235">
        <v>13.723952629539038</v>
      </c>
      <c r="K235">
        <v>2.2386609720665898</v>
      </c>
      <c r="L235" cm="1">
        <f t="array" ref="L235">INDEX(LINEST(J206:J264,$A206:$B264),1)*2</f>
        <v>-2.5067522898208367E-3</v>
      </c>
      <c r="M235" cm="1">
        <f t="array" ref="M235">INDEX(LINEST(K206:K264,$A206:$B264),1)*2</f>
        <v>7.4791049092082628E-3</v>
      </c>
      <c r="N235">
        <f t="shared" si="18"/>
        <v>0.1970808650257142</v>
      </c>
      <c r="O235">
        <f t="shared" si="19"/>
        <v>-0.5880072279619537</v>
      </c>
    </row>
    <row r="236" spans="1:15" x14ac:dyDescent="0.4">
      <c r="A236">
        <v>7.8</v>
      </c>
      <c r="B236">
        <f t="shared" si="15"/>
        <v>60.839999999999996</v>
      </c>
      <c r="C236">
        <v>-13.232134756277322</v>
      </c>
      <c r="D236">
        <v>2.0447380376562228</v>
      </c>
      <c r="E236" cm="1">
        <f t="array" ref="E236">INDEX(LINEST(C207:C265,$A207:$B265),1)*2</f>
        <v>3.1085798051690469E-2</v>
      </c>
      <c r="F236" cm="1">
        <f t="array" ref="F236">INDEX(LINEST(D207:D265,$A207:$B265),1)*2</f>
        <v>1.0143969297303547E-2</v>
      </c>
      <c r="G236">
        <f t="shared" si="16"/>
        <v>1.8256689195757811</v>
      </c>
      <c r="H236">
        <f t="shared" si="17"/>
        <v>0.59575531683063732</v>
      </c>
      <c r="J236">
        <v>13.713361778304233</v>
      </c>
      <c r="K236">
        <v>2.2396625872996081</v>
      </c>
      <c r="L236" cm="1">
        <f t="array" ref="L236">INDEX(LINEST(J207:J265,$A207:$B265),1)*2</f>
        <v>-3.9124818750395293E-3</v>
      </c>
      <c r="M236" cm="1">
        <f t="array" ref="M236">INDEX(LINEST(K207:K265,$A207:$B265),1)*2</f>
        <v>7.5011691981610945E-3</v>
      </c>
      <c r="N236">
        <f t="shared" si="18"/>
        <v>0.30759932501560783</v>
      </c>
      <c r="O236">
        <f t="shared" si="19"/>
        <v>-0.58974192235942524</v>
      </c>
    </row>
    <row r="237" spans="1:15" x14ac:dyDescent="0.4">
      <c r="A237">
        <v>7.833333333333333</v>
      </c>
      <c r="B237">
        <f t="shared" si="15"/>
        <v>61.361111111111107</v>
      </c>
      <c r="C237">
        <v>-13.221304172900288</v>
      </c>
      <c r="D237">
        <v>2.0429999430958188</v>
      </c>
      <c r="E237" cm="1">
        <f t="array" ref="E237">INDEX(LINEST(C208:C266,$A208:$B266),1)*2</f>
        <v>3.0952075209143379E-2</v>
      </c>
      <c r="F237" cm="1">
        <f t="array" ref="F237">INDEX(LINEST(D208:D266,$A208:$B266),1)*2</f>
        <v>9.7668475045966843E-3</v>
      </c>
      <c r="G237">
        <f t="shared" si="16"/>
        <v>1.8178153770329906</v>
      </c>
      <c r="H237">
        <f t="shared" si="17"/>
        <v>0.57360695394496319</v>
      </c>
      <c r="J237">
        <v>13.706375367005691</v>
      </c>
      <c r="K237">
        <v>2.2383726443183347</v>
      </c>
      <c r="L237" cm="1">
        <f t="array" ref="L237">INDEX(LINEST(J208:J266,$A208:$B266),1)*2</f>
        <v>-5.2890496128296625E-3</v>
      </c>
      <c r="M237" cm="1">
        <f t="array" ref="M237">INDEX(LINEST(K208:K266,$A208:$B266),1)*2</f>
        <v>6.9900236305724993E-3</v>
      </c>
      <c r="N237">
        <f t="shared" si="18"/>
        <v>0.41582508056066808</v>
      </c>
      <c r="O237">
        <f t="shared" si="19"/>
        <v>-0.54955565783560989</v>
      </c>
    </row>
    <row r="238" spans="1:15" x14ac:dyDescent="0.4">
      <c r="A238">
        <v>7.8666666666666663</v>
      </c>
      <c r="B238">
        <f t="shared" si="15"/>
        <v>61.884444444444441</v>
      </c>
      <c r="C238">
        <v>-13.211268876150807</v>
      </c>
      <c r="D238">
        <v>2.0471343379659817</v>
      </c>
      <c r="E238" cm="1">
        <f t="array" ref="E238">INDEX(LINEST(C209:C267,$A209:$B267),1)*2</f>
        <v>3.0361691455284442E-2</v>
      </c>
      <c r="F238" cm="1">
        <f t="array" ref="F238">INDEX(LINEST(D209:D267,$A209:$B267),1)*2</f>
        <v>7.2142460029513073E-3</v>
      </c>
      <c r="G238">
        <f t="shared" si="16"/>
        <v>1.7831421391688551</v>
      </c>
      <c r="H238">
        <f t="shared" si="17"/>
        <v>0.42369266775333025</v>
      </c>
      <c r="J238">
        <v>13.698018001496909</v>
      </c>
      <c r="K238">
        <v>2.2370587136185747</v>
      </c>
      <c r="L238" cm="1">
        <f t="array" ref="L238">INDEX(LINEST(J209:J267,$A209:$B267),1)*2</f>
        <v>-6.123379208652099E-3</v>
      </c>
      <c r="M238" cm="1">
        <f t="array" ref="M238">INDEX(LINEST(K209:K267,$A209:$B267),1)*2</f>
        <v>6.4089574053330708E-3</v>
      </c>
      <c r="N238">
        <f t="shared" si="18"/>
        <v>0.48142007338422804</v>
      </c>
      <c r="O238">
        <f t="shared" si="19"/>
        <v>-0.50387223120728608</v>
      </c>
    </row>
    <row r="239" spans="1:15" x14ac:dyDescent="0.4">
      <c r="A239">
        <v>7.9</v>
      </c>
      <c r="B239">
        <f t="shared" si="15"/>
        <v>62.410000000000004</v>
      </c>
      <c r="C239">
        <v>-13.205405799887787</v>
      </c>
      <c r="D239">
        <v>2.0469063604659214</v>
      </c>
      <c r="E239" cm="1">
        <f t="array" ref="E239">INDEX(LINEST(C210:C268,$A210:$B268),1)*2</f>
        <v>2.9866614407475834E-2</v>
      </c>
      <c r="F239" cm="1">
        <f t="array" ref="F239">INDEX(LINEST(D210:D268,$A210:$B268),1)*2</f>
        <v>5.07889732643822E-3</v>
      </c>
      <c r="G239">
        <f t="shared" si="16"/>
        <v>1.7540662641510556</v>
      </c>
      <c r="H239">
        <f t="shared" si="17"/>
        <v>0.29828363998171664</v>
      </c>
      <c r="J239">
        <v>13.685985279170326</v>
      </c>
      <c r="K239">
        <v>2.2375505824242219</v>
      </c>
      <c r="L239" cm="1">
        <f t="array" ref="L239">INDEX(LINEST(J210:J268,$A210:$B268),1)*2</f>
        <v>-6.9136638046677209E-3</v>
      </c>
      <c r="M239" cm="1">
        <f t="array" ref="M239">INDEX(LINEST(K210:K268,$A210:$B268),1)*2</f>
        <v>6.0626154081645824E-3</v>
      </c>
      <c r="N239">
        <f t="shared" si="18"/>
        <v>0.54355224832297622</v>
      </c>
      <c r="O239">
        <f t="shared" si="19"/>
        <v>-0.47664282338989949</v>
      </c>
    </row>
    <row r="240" spans="1:15" x14ac:dyDescent="0.4">
      <c r="A240">
        <v>7.9333333333333336</v>
      </c>
      <c r="B240">
        <f t="shared" si="15"/>
        <v>62.937777777777782</v>
      </c>
      <c r="C240">
        <v>-13.192951761872294</v>
      </c>
      <c r="D240">
        <v>2.0475814976166244</v>
      </c>
      <c r="E240" cm="1">
        <f t="array" ref="E240">INDEX(LINEST(C211:C269,$A211:$B269),1)*2</f>
        <v>2.9548606389402869E-2</v>
      </c>
      <c r="F240" cm="1">
        <f t="array" ref="F240">INDEX(LINEST(D211:D269,$A211:$B269),1)*2</f>
        <v>2.7442938592535113E-3</v>
      </c>
      <c r="G240">
        <f t="shared" si="16"/>
        <v>1.7353896532496305</v>
      </c>
      <c r="H240">
        <f t="shared" si="17"/>
        <v>0.1611723783539587</v>
      </c>
      <c r="J240">
        <v>13.676815204231097</v>
      </c>
      <c r="K240">
        <v>2.2382458919624524</v>
      </c>
      <c r="L240" cm="1">
        <f t="array" ref="L240">INDEX(LINEST(J211:J269,$A211:$B269),1)*2</f>
        <v>-8.5900171580482031E-3</v>
      </c>
      <c r="M240" cm="1">
        <f t="array" ref="M240">INDEX(LINEST(K211:K269,$A211:$B269),1)*2</f>
        <v>5.4304619984127571E-3</v>
      </c>
      <c r="N240">
        <f t="shared" si="18"/>
        <v>0.67534714896574977</v>
      </c>
      <c r="O240">
        <f t="shared" si="19"/>
        <v>-0.42694292231521097</v>
      </c>
    </row>
    <row r="241" spans="1:15" x14ac:dyDescent="0.4">
      <c r="A241">
        <v>7.9666666666666668</v>
      </c>
      <c r="B241">
        <f t="shared" si="15"/>
        <v>63.467777777777776</v>
      </c>
      <c r="C241">
        <v>-13.182332232247983</v>
      </c>
      <c r="D241">
        <v>2.0482859093992682</v>
      </c>
      <c r="E241" cm="1">
        <f t="array" ref="E241">INDEX(LINEST(C212:C270,$A212:$B270),1)*2</f>
        <v>2.9501282710602313E-2</v>
      </c>
      <c r="F241" cm="1">
        <f t="array" ref="F241">INDEX(LINEST(D212:D270,$A212:$B270),1)*2</f>
        <v>5.1517936656930935E-4</v>
      </c>
      <c r="G241">
        <f t="shared" si="16"/>
        <v>1.7326103335936738</v>
      </c>
      <c r="H241">
        <f t="shared" si="17"/>
        <v>3.0256484198615537E-2</v>
      </c>
      <c r="J241">
        <v>13.670226950099472</v>
      </c>
      <c r="K241">
        <v>2.2371354533139178</v>
      </c>
      <c r="L241" cm="1">
        <f t="array" ref="L241">INDEX(LINEST(J212:J270,$A212:$B270),1)*2</f>
        <v>-1.1294893857032237E-2</v>
      </c>
      <c r="M241" cm="1">
        <f t="array" ref="M241">INDEX(LINEST(K212:K270,$A212:$B270),1)*2</f>
        <v>3.8492483656820081E-3</v>
      </c>
      <c r="N241">
        <f t="shared" si="18"/>
        <v>0.88800455503987452</v>
      </c>
      <c r="O241">
        <f t="shared" si="19"/>
        <v>-0.3026279065099195</v>
      </c>
    </row>
    <row r="242" spans="1:15" x14ac:dyDescent="0.4">
      <c r="A242">
        <v>8</v>
      </c>
      <c r="B242">
        <f t="shared" si="15"/>
        <v>64</v>
      </c>
      <c r="C242">
        <v>-13.170229338013556</v>
      </c>
      <c r="D242">
        <v>2.049138686777535</v>
      </c>
      <c r="E242" cm="1">
        <f t="array" ref="E242">INDEX(LINEST(C213:C271,$A213:$B271),1)*2</f>
        <v>2.9467366431128683E-2</v>
      </c>
      <c r="F242" cm="1">
        <f t="array" ref="F242">INDEX(LINEST(D213:D271,$A213:$B271),1)*2</f>
        <v>-5.6853981353815E-4</v>
      </c>
      <c r="G242">
        <f t="shared" si="16"/>
        <v>1.7306184305001875</v>
      </c>
      <c r="H242">
        <f t="shared" si="17"/>
        <v>-3.3390343249095546E-2</v>
      </c>
      <c r="J242">
        <v>13.661918782867485</v>
      </c>
      <c r="K242">
        <v>2.2383624518200151</v>
      </c>
      <c r="L242" cm="1">
        <f t="array" ref="L242">INDEX(LINEST(J213:J271,$A213:$B271),1)*2</f>
        <v>-1.4517966877472052E-2</v>
      </c>
      <c r="M242" cm="1">
        <f t="array" ref="M242">INDEX(LINEST(K213:K271,$A213:$B271),1)*2</f>
        <v>1.6593275310750296E-3</v>
      </c>
      <c r="N242">
        <f t="shared" si="18"/>
        <v>1.1414025559068528</v>
      </c>
      <c r="O242">
        <f t="shared" si="19"/>
        <v>-0.13045633049311883</v>
      </c>
    </row>
    <row r="243" spans="1:15" x14ac:dyDescent="0.4">
      <c r="A243">
        <v>8.0333333333333332</v>
      </c>
      <c r="B243">
        <f t="shared" si="15"/>
        <v>64.534444444444446</v>
      </c>
      <c r="C243">
        <v>-13.159299661435842</v>
      </c>
      <c r="D243">
        <v>2.0486189301324416</v>
      </c>
      <c r="E243" cm="1">
        <f t="array" ref="E243">INDEX(LINEST(C214:C272,$A214:$B272),1)*2</f>
        <v>2.965725368286562E-2</v>
      </c>
      <c r="F243" cm="1">
        <f t="array" ref="F243">INDEX(LINEST(D214:D272,$A214:$B272),1)*2</f>
        <v>-1.0205939243305246E-3</v>
      </c>
      <c r="G243">
        <f t="shared" si="16"/>
        <v>1.7417705087946977</v>
      </c>
      <c r="H243">
        <f t="shared" si="17"/>
        <v>-5.9939481175931709E-2</v>
      </c>
      <c r="J243">
        <v>13.655095395920657</v>
      </c>
      <c r="K243">
        <v>2.237526043172581</v>
      </c>
      <c r="L243" cm="1">
        <f t="array" ref="L243">INDEX(LINEST(J214:J272,$A214:$B272),1)*2</f>
        <v>-1.8464714104680584E-2</v>
      </c>
      <c r="M243" cm="1">
        <f t="array" ref="M243">INDEX(LINEST(K214:K272,$A214:$B272),1)*2</f>
        <v>-4.4223732432782095E-4</v>
      </c>
      <c r="N243">
        <f t="shared" si="18"/>
        <v>1.4516958229099877</v>
      </c>
      <c r="O243">
        <f t="shared" si="19"/>
        <v>3.4768698438653288E-2</v>
      </c>
    </row>
    <row r="244" spans="1:15" x14ac:dyDescent="0.4">
      <c r="A244">
        <v>8.0666666666666664</v>
      </c>
      <c r="B244">
        <f t="shared" si="15"/>
        <v>65.071111111111108</v>
      </c>
      <c r="C244">
        <v>-13.147589481127161</v>
      </c>
      <c r="D244">
        <v>2.047699825196942</v>
      </c>
      <c r="E244" cm="1">
        <f t="array" ref="E244">INDEX(LINEST(C215:C273,$A215:$B273),1)*2</f>
        <v>2.9173057833389634E-2</v>
      </c>
      <c r="F244" cm="1">
        <f t="array" ref="F244">INDEX(LINEST(D215:D273,$A215:$B273),1)*2</f>
        <v>-1.4457007312329612E-3</v>
      </c>
      <c r="G244">
        <f t="shared" si="16"/>
        <v>1.7133336865549731</v>
      </c>
      <c r="H244">
        <f t="shared" si="17"/>
        <v>-8.4906003945311809E-2</v>
      </c>
      <c r="J244">
        <v>13.64623976444193</v>
      </c>
      <c r="K244">
        <v>2.2389159636409657</v>
      </c>
      <c r="L244" cm="1">
        <f t="array" ref="L244">INDEX(LINEST(J215:J273,$A215:$B273),1)*2</f>
        <v>-2.2171054403218045E-2</v>
      </c>
      <c r="M244" cm="1">
        <f t="array" ref="M244">INDEX(LINEST(K215:K273,$A215:$B273),1)*2</f>
        <v>-2.6212487894268256E-3</v>
      </c>
      <c r="N244">
        <f t="shared" si="18"/>
        <v>1.7430882971810029</v>
      </c>
      <c r="O244">
        <f t="shared" si="19"/>
        <v>0.20608257982473704</v>
      </c>
    </row>
    <row r="245" spans="1:15" x14ac:dyDescent="0.4">
      <c r="A245">
        <v>8.1</v>
      </c>
      <c r="B245">
        <f t="shared" si="15"/>
        <v>65.61</v>
      </c>
      <c r="C245">
        <v>-13.136611759944197</v>
      </c>
      <c r="D245">
        <v>2.0485158730432809</v>
      </c>
      <c r="E245" cm="1">
        <f t="array" ref="E245">INDEX(LINEST(C216:C274,$A216:$B274),1)*2</f>
        <v>2.9379332100801757E-2</v>
      </c>
      <c r="F245" cm="1">
        <f t="array" ref="F245">INDEX(LINEST(D216:D274,$A216:$B274),1)*2</f>
        <v>-1.0287602948450335E-3</v>
      </c>
      <c r="G245">
        <f t="shared" si="16"/>
        <v>1.7254481742800871</v>
      </c>
      <c r="H245">
        <f t="shared" si="17"/>
        <v>-6.041909211624881E-2</v>
      </c>
      <c r="J245">
        <v>13.639766792953401</v>
      </c>
      <c r="K245">
        <v>2.2409023355161293</v>
      </c>
      <c r="L245" cm="1">
        <f t="array" ref="L245">INDEX(LINEST(J216:J274,$A216:$B274),1)*2</f>
        <v>-2.6003552824257377E-2</v>
      </c>
      <c r="M245" cm="1">
        <f t="array" ref="M245">INDEX(LINEST(K216:K274,$A216:$B274),1)*2</f>
        <v>-4.1883955733279261E-3</v>
      </c>
      <c r="N245">
        <f t="shared" si="18"/>
        <v>2.0443993230431152</v>
      </c>
      <c r="O245">
        <f t="shared" si="19"/>
        <v>0.32929165997504156</v>
      </c>
    </row>
    <row r="246" spans="1:15" x14ac:dyDescent="0.4">
      <c r="A246">
        <v>8.1333333333333329</v>
      </c>
      <c r="B246">
        <f t="shared" si="15"/>
        <v>66.151111111111106</v>
      </c>
      <c r="C246">
        <v>-13.125571994773003</v>
      </c>
      <c r="D246">
        <v>2.0490174316277541</v>
      </c>
      <c r="E246" cm="1">
        <f t="array" ref="E246">INDEX(LINEST(C217:C275,$A217:$B275),1)*2</f>
        <v>2.8868744917060461E-2</v>
      </c>
      <c r="F246" cm="1">
        <f t="array" ref="F246">INDEX(LINEST(D217:D275,$A217:$B275),1)*2</f>
        <v>1.0487829686710115E-4</v>
      </c>
      <c r="G246">
        <f t="shared" si="16"/>
        <v>1.6954613889789607</v>
      </c>
      <c r="H246">
        <f t="shared" si="17"/>
        <v>6.1595023750048508E-3</v>
      </c>
      <c r="J246">
        <v>13.632533857420198</v>
      </c>
      <c r="K246">
        <v>2.2422163914859401</v>
      </c>
      <c r="L246" cm="1">
        <f t="array" ref="L246">INDEX(LINEST(J217:J275,$A217:$B275),1)*2</f>
        <v>-2.9281540991220573E-2</v>
      </c>
      <c r="M246" cm="1">
        <f t="array" ref="M246">INDEX(LINEST(K217:K275,$A217:$B275),1)*2</f>
        <v>-5.4572210015766572E-3</v>
      </c>
      <c r="N246">
        <f t="shared" si="18"/>
        <v>2.3021147527297616</v>
      </c>
      <c r="O246">
        <f t="shared" si="19"/>
        <v>0.42904671514395681</v>
      </c>
    </row>
    <row r="247" spans="1:15" x14ac:dyDescent="0.4">
      <c r="A247">
        <v>8.1666666666666661</v>
      </c>
      <c r="B247">
        <f t="shared" si="15"/>
        <v>66.694444444444429</v>
      </c>
      <c r="C247">
        <v>-13.116640523879477</v>
      </c>
      <c r="D247">
        <v>2.0464253216297439</v>
      </c>
      <c r="E247" cm="1">
        <f t="array" ref="E247">INDEX(LINEST(C218:C276,$A218:$B276),1)*2</f>
        <v>2.7341294725387457E-2</v>
      </c>
      <c r="F247" cm="1">
        <f t="array" ref="F247">INDEX(LINEST(D218:D276,$A218:$B276),1)*2</f>
        <v>3.1512127597894051E-4</v>
      </c>
      <c r="G247">
        <f t="shared" si="16"/>
        <v>1.6057542392220052</v>
      </c>
      <c r="H247">
        <f t="shared" si="17"/>
        <v>1.8507072538243175E-2</v>
      </c>
      <c r="J247">
        <v>13.623849904917472</v>
      </c>
      <c r="K247">
        <v>2.2432634157223181</v>
      </c>
      <c r="L247" cm="1">
        <f t="array" ref="L247">INDEX(LINEST(J218:J276,$A218:$B276),1)*2</f>
        <v>-3.2634920031191332E-2</v>
      </c>
      <c r="M247" cm="1">
        <f t="array" ref="M247">INDEX(LINEST(K218:K276,$A218:$B276),1)*2</f>
        <v>-5.1525861261217439E-3</v>
      </c>
      <c r="N247">
        <f t="shared" si="18"/>
        <v>2.5657574128522627</v>
      </c>
      <c r="O247">
        <f t="shared" si="19"/>
        <v>0.4050963212356915</v>
      </c>
    </row>
    <row r="248" spans="1:15" x14ac:dyDescent="0.4">
      <c r="A248">
        <v>8.1999999999999993</v>
      </c>
      <c r="B248">
        <f t="shared" si="15"/>
        <v>67.239999999999995</v>
      </c>
      <c r="C248">
        <v>-13.104654013825581</v>
      </c>
      <c r="D248">
        <v>2.0480346628365704</v>
      </c>
      <c r="E248" cm="1">
        <f t="array" ref="E248">INDEX(LINEST(C219:C277,$A219:$B277),1)*2</f>
        <v>2.642807500028423E-2</v>
      </c>
      <c r="F248" cm="1">
        <f t="array" ref="F248">INDEX(LINEST(D219:D277,$A219:$B277),1)*2</f>
        <v>4.8180440226064847E-4</v>
      </c>
      <c r="G248">
        <f t="shared" si="16"/>
        <v>1.5521208447666928</v>
      </c>
      <c r="H248">
        <f t="shared" si="17"/>
        <v>2.8296372544767884E-2</v>
      </c>
      <c r="J248">
        <v>13.617690858952473</v>
      </c>
      <c r="K248">
        <v>2.2450280195194088</v>
      </c>
      <c r="L248" cm="1">
        <f t="array" ref="L248">INDEX(LINEST(J219:J277,$A219:$B277),1)*2</f>
        <v>-3.5324060649191281E-2</v>
      </c>
      <c r="M248" cm="1">
        <f t="array" ref="M248">INDEX(LINEST(K219:K277,$A219:$B277),1)*2</f>
        <v>-5.1254776947512711E-3</v>
      </c>
      <c r="N248">
        <f t="shared" si="18"/>
        <v>2.7771776482394186</v>
      </c>
      <c r="O248">
        <f t="shared" si="19"/>
        <v>0.40296505636134494</v>
      </c>
    </row>
    <row r="249" spans="1:15" x14ac:dyDescent="0.4">
      <c r="A249">
        <v>8.2333333333333325</v>
      </c>
      <c r="B249">
        <f t="shared" si="15"/>
        <v>67.787777777777762</v>
      </c>
      <c r="C249">
        <v>-13.090471272201635</v>
      </c>
      <c r="D249">
        <v>2.0465232862648151</v>
      </c>
      <c r="E249" cm="1">
        <f t="array" ref="E249">INDEX(LINEST(C220:C278,$A220:$B278),1)*2</f>
        <v>2.7456495269706241E-2</v>
      </c>
      <c r="F249" cm="1">
        <f t="array" ref="F249">INDEX(LINEST(D220:D278,$A220:$B278),1)*2</f>
        <v>3.9387818831791862E-4</v>
      </c>
      <c r="G249">
        <f t="shared" si="16"/>
        <v>1.6125199671898474</v>
      </c>
      <c r="H249">
        <f t="shared" si="17"/>
        <v>2.313246599991136E-2</v>
      </c>
      <c r="J249">
        <v>13.613461970228727</v>
      </c>
      <c r="K249">
        <v>2.2439768387923564</v>
      </c>
      <c r="L249" cm="1">
        <f t="array" ref="L249">INDEX(LINEST(J220:J278,$A220:$B278),1)*2</f>
        <v>-3.8989149369497017E-2</v>
      </c>
      <c r="M249" cm="1">
        <f t="array" ref="M249">INDEX(LINEST(K220:K278,$A220:$B278),1)*2</f>
        <v>-3.7429594474026103E-3</v>
      </c>
      <c r="N249">
        <f t="shared" si="18"/>
        <v>3.0653269234298555</v>
      </c>
      <c r="O249">
        <f t="shared" si="19"/>
        <v>0.29427147175479323</v>
      </c>
    </row>
    <row r="250" spans="1:15" x14ac:dyDescent="0.4">
      <c r="A250">
        <v>8.2666666666666675</v>
      </c>
      <c r="B250">
        <f t="shared" si="15"/>
        <v>68.337777777777788</v>
      </c>
      <c r="C250">
        <v>-13.079214964650312</v>
      </c>
      <c r="D250">
        <v>2.0465080624127365</v>
      </c>
      <c r="E250" cm="1">
        <f t="array" ref="E250">INDEX(LINEST(C221:C279,$A221:$B279),1)*2</f>
        <v>2.7515092608054188E-2</v>
      </c>
      <c r="F250" cm="1">
        <f t="array" ref="F250">INDEX(LINEST(D221:D279,$A221:$B279),1)*2</f>
        <v>4.7303568686676221E-4</v>
      </c>
      <c r="G250">
        <f t="shared" si="16"/>
        <v>1.6159613888710225</v>
      </c>
      <c r="H250">
        <f t="shared" si="17"/>
        <v>2.7781385889684942E-2</v>
      </c>
      <c r="J250">
        <v>13.606628548945435</v>
      </c>
      <c r="K250">
        <v>2.2456494726724578</v>
      </c>
      <c r="L250" cm="1">
        <f t="array" ref="L250">INDEX(LINEST(J221:J279,$A221:$B279),1)*2</f>
        <v>-4.3702368791852977E-2</v>
      </c>
      <c r="M250" cm="1">
        <f t="array" ref="M250">INDEX(LINEST(K221:K279,$A221:$B279),1)*2</f>
        <v>-1.7831628883111816E-3</v>
      </c>
      <c r="N250">
        <f t="shared" si="18"/>
        <v>3.4358802344154813</v>
      </c>
      <c r="O250">
        <f t="shared" si="19"/>
        <v>0.14019226627902509</v>
      </c>
    </row>
    <row r="251" spans="1:15" x14ac:dyDescent="0.4">
      <c r="A251">
        <v>8.3000000000000007</v>
      </c>
      <c r="B251">
        <f t="shared" si="15"/>
        <v>68.890000000000015</v>
      </c>
      <c r="C251">
        <v>-13.066342341495798</v>
      </c>
      <c r="D251">
        <v>2.0479678717577579</v>
      </c>
      <c r="E251" cm="1">
        <f t="array" ref="E251">INDEX(LINEST(C222:C280,$A222:$B280),1)*2</f>
        <v>2.7725586036777324E-2</v>
      </c>
      <c r="F251" cm="1">
        <f t="array" ref="F251">INDEX(LINEST(D222:D280,$A222:$B280),1)*2</f>
        <v>1.9105672618535863E-3</v>
      </c>
      <c r="G251">
        <f t="shared" si="16"/>
        <v>1.6283236679399322</v>
      </c>
      <c r="H251">
        <f t="shared" si="17"/>
        <v>0.11220761528866112</v>
      </c>
      <c r="J251">
        <v>13.600212949113192</v>
      </c>
      <c r="K251">
        <v>2.245332966509566</v>
      </c>
      <c r="L251" cm="1">
        <f t="array" ref="L251">INDEX(LINEST(J222:J280,$A222:$B280),1)*2</f>
        <v>-4.7718228325165979E-2</v>
      </c>
      <c r="M251" cm="1">
        <f t="array" ref="M251">INDEX(LINEST(K222:K280,$A222:$B280),1)*2</f>
        <v>-9.0554362436179293E-4</v>
      </c>
      <c r="N251">
        <f t="shared" si="18"/>
        <v>3.7516071109245495</v>
      </c>
      <c r="O251">
        <f t="shared" si="19"/>
        <v>7.119383974732417E-2</v>
      </c>
    </row>
    <row r="252" spans="1:15" x14ac:dyDescent="0.4">
      <c r="A252">
        <v>8.3333333333333339</v>
      </c>
      <c r="B252">
        <f t="shared" si="15"/>
        <v>69.444444444444457</v>
      </c>
      <c r="C252">
        <v>-13.057705248206352</v>
      </c>
      <c r="D252">
        <v>2.0520492614339854</v>
      </c>
      <c r="E252" cm="1">
        <f t="array" ref="E252">INDEX(LINEST(C223:C281,$A223:$B281),1)*2</f>
        <v>2.8074630208660366E-2</v>
      </c>
      <c r="F252" cm="1">
        <f t="array" ref="F252">INDEX(LINEST(D223:D281,$A223:$B281),1)*2</f>
        <v>2.9762915497937906E-3</v>
      </c>
      <c r="G252">
        <f t="shared" si="16"/>
        <v>1.6488230321546233</v>
      </c>
      <c r="H252">
        <f t="shared" si="17"/>
        <v>0.17479760271938932</v>
      </c>
      <c r="J252">
        <v>13.592121390113308</v>
      </c>
      <c r="K252">
        <v>2.2442373579417891</v>
      </c>
      <c r="L252" cm="1">
        <f t="array" ref="L252">INDEX(LINEST(J223:J281,$A223:$B281),1)*2</f>
        <v>-5.0620688562142205E-2</v>
      </c>
      <c r="M252" cm="1">
        <f t="array" ref="M252">INDEX(LINEST(K223:K281,$A223:$B281),1)*2</f>
        <v>-3.9460667532716147E-4</v>
      </c>
      <c r="N252">
        <f t="shared" si="18"/>
        <v>3.9797985347556204</v>
      </c>
      <c r="O252">
        <f t="shared" si="19"/>
        <v>3.1023976814221435E-2</v>
      </c>
    </row>
    <row r="253" spans="1:15" x14ac:dyDescent="0.4">
      <c r="A253">
        <v>8.3666666666666671</v>
      </c>
      <c r="B253">
        <f t="shared" si="15"/>
        <v>70.001111111111115</v>
      </c>
      <c r="C253">
        <v>-13.050155383633799</v>
      </c>
      <c r="D253">
        <v>2.0542010437914038</v>
      </c>
      <c r="E253" cm="1">
        <f t="array" ref="E253">INDEX(LINEST(C224:C282,$A224:$B282),1)*2</f>
        <v>2.9086063343798697E-2</v>
      </c>
      <c r="F253" cm="1">
        <f t="array" ref="F253">INDEX(LINEST(D224:D282,$A224:$B282),1)*2</f>
        <v>4.5414417548595284E-3</v>
      </c>
      <c r="G253">
        <f t="shared" si="16"/>
        <v>1.7082245001812975</v>
      </c>
      <c r="H253">
        <f t="shared" si="17"/>
        <v>0.26671887426290009</v>
      </c>
      <c r="J253">
        <v>13.583615408398478</v>
      </c>
      <c r="K253">
        <v>2.2457211867053295</v>
      </c>
      <c r="L253" cm="1">
        <f t="array" ref="L253">INDEX(LINEST(J224:J282,$A224:$B282),1)*2</f>
        <v>-5.211146403441546E-2</v>
      </c>
      <c r="M253" cm="1">
        <f t="array" ref="M253">INDEX(LINEST(K224:K282,$A224:$B282),1)*2</f>
        <v>8.9507199199286242E-4</v>
      </c>
      <c r="N253">
        <f t="shared" si="18"/>
        <v>4.097003302385744</v>
      </c>
      <c r="O253">
        <f t="shared" si="19"/>
        <v>-7.0370560010478853E-2</v>
      </c>
    </row>
    <row r="254" spans="1:15" x14ac:dyDescent="0.4">
      <c r="A254">
        <v>8.4</v>
      </c>
      <c r="B254">
        <f t="shared" si="15"/>
        <v>70.56</v>
      </c>
      <c r="C254">
        <v>-13.041874187092169</v>
      </c>
      <c r="D254">
        <v>2.0565041228285597</v>
      </c>
      <c r="E254" cm="1">
        <f t="array" ref="E254">INDEX(LINEST(C225:C283,$A225:$B283),1)*2</f>
        <v>3.0072999196083031E-2</v>
      </c>
      <c r="F254" cm="1">
        <f t="array" ref="F254">INDEX(LINEST(D225:D283,$A225:$B283),1)*2</f>
        <v>6.1380165861607732E-3</v>
      </c>
      <c r="G254">
        <f t="shared" si="16"/>
        <v>1.7661872427859564</v>
      </c>
      <c r="H254">
        <f t="shared" si="17"/>
        <v>0.36048571410522218</v>
      </c>
      <c r="J254">
        <v>13.574886556752787</v>
      </c>
      <c r="K254">
        <v>2.2424555788543294</v>
      </c>
      <c r="L254" cm="1">
        <f t="array" ref="L254">INDEX(LINEST(J225:J283,$A225:$B283),1)*2</f>
        <v>-5.2746430562577239E-2</v>
      </c>
      <c r="M254" cm="1">
        <f t="array" ref="M254">INDEX(LINEST(K225:K283,$A225:$B283),1)*2</f>
        <v>2.9604388192038915E-3</v>
      </c>
      <c r="N254">
        <f t="shared" si="18"/>
        <v>4.1469243708298231</v>
      </c>
      <c r="O254">
        <f t="shared" si="19"/>
        <v>-0.23274969996580996</v>
      </c>
    </row>
    <row r="255" spans="1:15" x14ac:dyDescent="0.4">
      <c r="A255">
        <v>8.4333333333333336</v>
      </c>
      <c r="B255">
        <f t="shared" si="15"/>
        <v>71.121111111111119</v>
      </c>
      <c r="C255">
        <v>-13.031318655413216</v>
      </c>
      <c r="D255">
        <v>2.0592699591466253</v>
      </c>
      <c r="E255" cm="1">
        <f t="array" ref="E255">INDEX(LINEST(C226:C284,$A226:$B284),1)*2</f>
        <v>3.030474394227908E-2</v>
      </c>
      <c r="F255" cm="1">
        <f t="array" ref="F255">INDEX(LINEST(D226:D284,$A226:$B284),1)*2</f>
        <v>9.0010727522354343E-3</v>
      </c>
      <c r="G255">
        <f t="shared" si="16"/>
        <v>1.7797976117300502</v>
      </c>
      <c r="H255">
        <f t="shared" si="17"/>
        <v>0.52863300273878699</v>
      </c>
      <c r="J255">
        <v>13.563719356675735</v>
      </c>
      <c r="K255">
        <v>2.2457225542804622</v>
      </c>
      <c r="L255" cm="1">
        <f t="array" ref="L255">INDEX(LINEST(J226:J284,$A226:$B284),1)*2</f>
        <v>-5.2714107476283301E-2</v>
      </c>
      <c r="M255" cm="1">
        <f t="array" ref="M255">INDEX(LINEST(K226:K284,$A226:$B284),1)*2</f>
        <v>4.8201230503380167E-3</v>
      </c>
      <c r="N255">
        <f t="shared" si="18"/>
        <v>4.1443831297853935</v>
      </c>
      <c r="O255">
        <f t="shared" si="19"/>
        <v>-0.37895807421757488</v>
      </c>
    </row>
    <row r="256" spans="1:15" x14ac:dyDescent="0.4">
      <c r="A256">
        <v>8.4666666666666668</v>
      </c>
      <c r="B256">
        <f t="shared" si="15"/>
        <v>71.684444444444452</v>
      </c>
      <c r="C256">
        <v>-13.022389424631816</v>
      </c>
      <c r="D256">
        <v>2.0610169067544706</v>
      </c>
      <c r="E256" cm="1">
        <f t="array" ref="E256">INDEX(LINEST(C227:C285,$A227:$B285),1)*2</f>
        <v>2.9150653761338328E-2</v>
      </c>
      <c r="F256" cm="1">
        <f t="array" ref="F256">INDEX(LINEST(D227:D285,$A227:$B285),1)*2</f>
        <v>1.1953452536580159E-2</v>
      </c>
      <c r="G256">
        <f t="shared" si="16"/>
        <v>1.7120178954034</v>
      </c>
      <c r="H256">
        <f t="shared" si="17"/>
        <v>0.70202626747335273</v>
      </c>
      <c r="J256">
        <v>13.553781121674229</v>
      </c>
      <c r="K256">
        <v>2.2510057478798289</v>
      </c>
      <c r="L256" cm="1">
        <f t="array" ref="L256">INDEX(LINEST(J227:J285,$A227:$B285),1)*2</f>
        <v>-5.2051284299856719E-2</v>
      </c>
      <c r="M256" cm="1">
        <f t="array" ref="M256">INDEX(LINEST(K227:K285,$A227:$B285),1)*2</f>
        <v>6.6846178831725762E-3</v>
      </c>
      <c r="N256">
        <f t="shared" si="18"/>
        <v>4.0922719716547356</v>
      </c>
      <c r="O256">
        <f t="shared" si="19"/>
        <v>-0.52554465797502792</v>
      </c>
    </row>
    <row r="257" spans="1:15" x14ac:dyDescent="0.4">
      <c r="A257">
        <v>8.5</v>
      </c>
      <c r="B257">
        <f t="shared" si="15"/>
        <v>72.25</v>
      </c>
      <c r="C257">
        <v>-13.010360337980439</v>
      </c>
      <c r="D257">
        <v>2.068755398768928</v>
      </c>
      <c r="E257" cm="1">
        <f t="array" ref="E257">INDEX(LINEST(C228:C286,$A228:$B286),1)*2</f>
        <v>2.8281262832856743E-2</v>
      </c>
      <c r="F257" cm="1">
        <f t="array" ref="F257">INDEX(LINEST(D228:D286,$A228:$B286),1)*2</f>
        <v>1.4550647776279221E-2</v>
      </c>
      <c r="G257">
        <f t="shared" si="16"/>
        <v>1.6609585661736765</v>
      </c>
      <c r="H257">
        <f t="shared" si="17"/>
        <v>0.85455954390087863</v>
      </c>
      <c r="J257">
        <v>13.541823579894427</v>
      </c>
      <c r="K257">
        <v>2.2563179542252865</v>
      </c>
      <c r="L257" cm="1">
        <f t="array" ref="L257">INDEX(LINEST(J228:J286,$A228:$B286),1)*2</f>
        <v>-5.2949652791443945E-2</v>
      </c>
      <c r="M257" cm="1">
        <f t="array" ref="M257">INDEX(LINEST(K228:K286,$A228:$B286),1)*2</f>
        <v>8.4116331054799182E-3</v>
      </c>
      <c r="N257">
        <f t="shared" si="18"/>
        <v>4.1629017024633228</v>
      </c>
      <c r="O257">
        <f t="shared" si="19"/>
        <v>-0.66132259475283117</v>
      </c>
    </row>
    <row r="258" spans="1:15" x14ac:dyDescent="0.4">
      <c r="A258">
        <v>8.5333333333333332</v>
      </c>
      <c r="B258">
        <f t="shared" si="15"/>
        <v>72.817777777777778</v>
      </c>
      <c r="C258">
        <v>-13.00030477146931</v>
      </c>
      <c r="D258">
        <v>2.068526731060381</v>
      </c>
      <c r="E258" cm="1">
        <f t="array" ref="E258">INDEX(LINEST(C229:C287,$A229:$B287),1)*2</f>
        <v>2.8328287997957211E-2</v>
      </c>
      <c r="F258" cm="1">
        <f t="array" ref="F258">INDEX(LINEST(D229:D287,$A229:$B287),1)*2</f>
        <v>1.6573891331901826E-2</v>
      </c>
      <c r="G258">
        <f t="shared" si="16"/>
        <v>1.6637203541200269</v>
      </c>
      <c r="H258">
        <f t="shared" si="17"/>
        <v>0.97338463792259422</v>
      </c>
      <c r="J258">
        <v>13.53643004923415</v>
      </c>
      <c r="K258">
        <v>2.2576824840230727</v>
      </c>
      <c r="L258" cm="1">
        <f t="array" ref="L258">INDEX(LINEST(J229:J287,$A229:$B287),1)*2</f>
        <v>-5.3336833832491541E-2</v>
      </c>
      <c r="M258" cm="1">
        <f t="array" ref="M258">INDEX(LINEST(K229:K287,$A229:$B287),1)*2</f>
        <v>1.0164614616335521E-2</v>
      </c>
      <c r="N258">
        <f t="shared" si="18"/>
        <v>4.1933418759104848</v>
      </c>
      <c r="O258">
        <f t="shared" si="19"/>
        <v>-0.79914200113629874</v>
      </c>
    </row>
    <row r="259" spans="1:15" x14ac:dyDescent="0.4">
      <c r="A259">
        <v>8.5666666666666664</v>
      </c>
      <c r="B259">
        <f t="shared" ref="B259:B322" si="20">A259^2</f>
        <v>73.387777777777771</v>
      </c>
      <c r="C259">
        <v>-12.988893651877319</v>
      </c>
      <c r="D259">
        <v>2.0709873120539091</v>
      </c>
      <c r="E259" cm="1">
        <f t="array" ref="E259">INDEX(LINEST(C230:C288,$A230:$B288),1)*2</f>
        <v>2.7606449289578637E-2</v>
      </c>
      <c r="F259" cm="1">
        <f t="array" ref="F259">INDEX(LINEST(D230:D288,$A230:$B288),1)*2</f>
        <v>1.7170309947289755E-2</v>
      </c>
      <c r="G259">
        <f t="shared" si="16"/>
        <v>1.6213267667769533</v>
      </c>
      <c r="H259">
        <f t="shared" si="17"/>
        <v>1.0084123032043273</v>
      </c>
      <c r="J259">
        <v>13.527179517229685</v>
      </c>
      <c r="K259">
        <v>2.2609080960869972</v>
      </c>
      <c r="L259" cm="1">
        <f t="array" ref="L259">INDEX(LINEST(J230:J288,$A230:$B288),1)*2</f>
        <v>-5.2547508554798249E-2</v>
      </c>
      <c r="M259" cm="1">
        <f t="array" ref="M259">INDEX(LINEST(K230:K288,$A230:$B288),1)*2</f>
        <v>1.0463547327556012E-2</v>
      </c>
      <c r="N259">
        <f t="shared" si="18"/>
        <v>4.1312851225782383</v>
      </c>
      <c r="O259">
        <f t="shared" si="19"/>
        <v>-0.82264409089245372</v>
      </c>
    </row>
    <row r="260" spans="1:15" x14ac:dyDescent="0.4">
      <c r="A260">
        <v>8.6</v>
      </c>
      <c r="B260">
        <f t="shared" si="20"/>
        <v>73.959999999999994</v>
      </c>
      <c r="C260">
        <v>-12.975796928902176</v>
      </c>
      <c r="D260">
        <v>2.073430997595278</v>
      </c>
      <c r="E260" cm="1">
        <f t="array" ref="E260">INDEX(LINEST(C231:C289,$A231:$B289),1)*2</f>
        <v>2.7365044391766236E-2</v>
      </c>
      <c r="F260" cm="1">
        <f t="array" ref="F260">INDEX(LINEST(D231:D289,$A231:$B289),1)*2</f>
        <v>1.6235382481553713E-2</v>
      </c>
      <c r="G260">
        <f t="shared" si="16"/>
        <v>1.607149057128431</v>
      </c>
      <c r="H260">
        <f t="shared" si="17"/>
        <v>0.95350401314164956</v>
      </c>
      <c r="J260">
        <v>13.515908987486856</v>
      </c>
      <c r="K260">
        <v>2.2606150671906007</v>
      </c>
      <c r="L260" cm="1">
        <f t="array" ref="L260">INDEX(LINEST(J231:J289,$A231:$B289),1)*2</f>
        <v>-5.1437290307460852E-2</v>
      </c>
      <c r="M260" cm="1">
        <f t="array" ref="M260">INDEX(LINEST(K231:K289,$A231:$B289),1)*2</f>
        <v>1.0272942532220188E-2</v>
      </c>
      <c r="N260">
        <f t="shared" si="18"/>
        <v>4.0439997639725727</v>
      </c>
      <c r="O260">
        <f t="shared" si="19"/>
        <v>-0.80765874188315123</v>
      </c>
    </row>
    <row r="261" spans="1:15" x14ac:dyDescent="0.4">
      <c r="A261">
        <v>8.6333333333333329</v>
      </c>
      <c r="B261">
        <f t="shared" si="20"/>
        <v>74.534444444444432</v>
      </c>
      <c r="C261">
        <v>-12.964635203693826</v>
      </c>
      <c r="D261">
        <v>2.0731433945042568</v>
      </c>
      <c r="E261" cm="1">
        <f t="array" ref="E261">INDEX(LINEST(C232:C290,$A232:$B290),1)*2</f>
        <v>2.6904968626184737E-2</v>
      </c>
      <c r="F261" cm="1">
        <f t="array" ref="F261">INDEX(LINEST(D232:D290,$A232:$B290),1)*2</f>
        <v>1.5877455648835991E-2</v>
      </c>
      <c r="G261">
        <f t="shared" si="16"/>
        <v>1.5801288074158295</v>
      </c>
      <c r="H261">
        <f t="shared" si="17"/>
        <v>0.93248297025613769</v>
      </c>
      <c r="J261">
        <v>13.505565432568076</v>
      </c>
      <c r="K261">
        <v>2.2619781641119228</v>
      </c>
      <c r="L261" cm="1">
        <f t="array" ref="L261">INDEX(LINEST(J232:J290,$A232:$B290),1)*2</f>
        <v>-5.0057985314927937E-2</v>
      </c>
      <c r="M261" cm="1">
        <f t="array" ref="M261">INDEX(LINEST(K232:K290,$A232:$B290),1)*2</f>
        <v>9.7603875419474632E-3</v>
      </c>
      <c r="N261">
        <f t="shared" si="18"/>
        <v>3.9355588054596344</v>
      </c>
      <c r="O261">
        <f t="shared" si="19"/>
        <v>-0.76736166854790955</v>
      </c>
    </row>
    <row r="262" spans="1:15" x14ac:dyDescent="0.4">
      <c r="A262">
        <v>8.6666666666666661</v>
      </c>
      <c r="B262">
        <f t="shared" si="20"/>
        <v>75.1111111111111</v>
      </c>
      <c r="C262">
        <v>-12.953973062073148</v>
      </c>
      <c r="D262">
        <v>2.0765498884722504</v>
      </c>
      <c r="E262" cm="1">
        <f t="array" ref="E262">INDEX(LINEST(C233:C291,$A233:$B291),1)*2</f>
        <v>2.6675292739740869E-2</v>
      </c>
      <c r="F262" cm="1">
        <f t="array" ref="F262">INDEX(LINEST(D233:D291,$A233:$B291),1)*2</f>
        <v>1.4559628421122709E-2</v>
      </c>
      <c r="G262">
        <f t="shared" si="16"/>
        <v>1.5666399426049811</v>
      </c>
      <c r="H262">
        <f t="shared" si="17"/>
        <v>0.85508697717253668</v>
      </c>
      <c r="J262">
        <v>13.495344883214084</v>
      </c>
      <c r="K262">
        <v>2.2596421775552415</v>
      </c>
      <c r="L262" cm="1">
        <f t="array" ref="L262">INDEX(LINEST(J233:J291,$A233:$B291),1)*2</f>
        <v>-4.7504801213259E-2</v>
      </c>
      <c r="M262" cm="1">
        <f t="array" ref="M262">INDEX(LINEST(K233:K291,$A233:$B291),1)*2</f>
        <v>8.0719093954410848E-3</v>
      </c>
      <c r="N262">
        <f t="shared" si="18"/>
        <v>3.7348274713864229</v>
      </c>
      <c r="O262">
        <f t="shared" si="19"/>
        <v>-0.6346135166695781</v>
      </c>
    </row>
    <row r="263" spans="1:15" x14ac:dyDescent="0.4">
      <c r="A263">
        <v>8.6999999999999993</v>
      </c>
      <c r="B263">
        <f t="shared" si="20"/>
        <v>75.689999999999984</v>
      </c>
      <c r="C263">
        <v>-12.943612837916952</v>
      </c>
      <c r="D263">
        <v>2.0762005716442391</v>
      </c>
      <c r="E263" cm="1">
        <f t="array" ref="E263">INDEX(LINEST(C234:C292,$A234:$B292),1)*2</f>
        <v>2.8974521265303123E-2</v>
      </c>
      <c r="F263" cm="1">
        <f t="array" ref="F263">INDEX(LINEST(D234:D292,$A234:$B292),1)*2</f>
        <v>1.2616337654173467E-2</v>
      </c>
      <c r="G263">
        <f t="shared" si="16"/>
        <v>1.7016736339112524</v>
      </c>
      <c r="H263">
        <f t="shared" si="17"/>
        <v>0.74095751042960767</v>
      </c>
      <c r="J263">
        <v>13.484365793794792</v>
      </c>
      <c r="K263">
        <v>2.2609460408769571</v>
      </c>
      <c r="L263" cm="1">
        <f t="array" ref="L263">INDEX(LINEST(J234:J292,$A234:$B292),1)*2</f>
        <v>-4.5964303038049222E-2</v>
      </c>
      <c r="M263" cm="1">
        <f t="array" ref="M263">INDEX(LINEST(K234:K292,$A234:$B292),1)*2</f>
        <v>6.1172074799483809E-3</v>
      </c>
      <c r="N263">
        <f t="shared" si="18"/>
        <v>3.6137135048514302</v>
      </c>
      <c r="O263">
        <f t="shared" si="19"/>
        <v>-0.48093485207354175</v>
      </c>
    </row>
    <row r="264" spans="1:15" x14ac:dyDescent="0.4">
      <c r="A264">
        <v>8.7333333333333325</v>
      </c>
      <c r="B264">
        <f t="shared" si="20"/>
        <v>76.271111111111097</v>
      </c>
      <c r="C264">
        <v>-12.933868055787917</v>
      </c>
      <c r="D264">
        <v>2.0765272829607153</v>
      </c>
      <c r="E264" cm="1">
        <f t="array" ref="E264">INDEX(LINEST(C235:C293,$A235:$B293),1)*2</f>
        <v>3.1155592160423136E-2</v>
      </c>
      <c r="F264" cm="1">
        <f t="array" ref="F264">INDEX(LINEST(D235:D293,$A235:$B293),1)*2</f>
        <v>1.0872319921831001E-2</v>
      </c>
      <c r="G264">
        <f t="shared" si="16"/>
        <v>1.8297679275816507</v>
      </c>
      <c r="H264">
        <f t="shared" si="17"/>
        <v>0.63853134900913466</v>
      </c>
      <c r="J264">
        <v>13.475544200203942</v>
      </c>
      <c r="K264">
        <v>2.2625114679439013</v>
      </c>
      <c r="L264" cm="1">
        <f t="array" ref="L264">INDEX(LINEST(J235:J293,$A235:$B293),1)*2</f>
        <v>-4.4202275776487297E-2</v>
      </c>
      <c r="M264" cm="1">
        <f t="array" ref="M264">INDEX(LINEST(K235:K293,$A235:$B293),1)*2</f>
        <v>4.3823523593501676E-3</v>
      </c>
      <c r="N264">
        <f t="shared" si="18"/>
        <v>3.4751829215474315</v>
      </c>
      <c r="O264">
        <f t="shared" si="19"/>
        <v>-0.34454054249211019</v>
      </c>
    </row>
    <row r="265" spans="1:15" x14ac:dyDescent="0.4">
      <c r="A265">
        <v>8.7666666666666675</v>
      </c>
      <c r="B265">
        <f t="shared" si="20"/>
        <v>76.854444444444454</v>
      </c>
      <c r="C265">
        <v>-12.924211319898561</v>
      </c>
      <c r="D265">
        <v>2.0774509567616577</v>
      </c>
      <c r="E265" cm="1">
        <f t="array" ref="E265">INDEX(LINEST(C236:C294,$A236:$B294),1)*2</f>
        <v>3.2426202405382777E-2</v>
      </c>
      <c r="F265" cm="1">
        <f t="array" ref="F265">INDEX(LINEST(D236:D294,$A236:$B294),1)*2</f>
        <v>1.0200097981962079E-2</v>
      </c>
      <c r="G265">
        <f t="shared" si="16"/>
        <v>1.9043908672681304</v>
      </c>
      <c r="H265">
        <f t="shared" si="17"/>
        <v>0.59905175448063286</v>
      </c>
      <c r="J265">
        <v>13.467764128197684</v>
      </c>
      <c r="K265">
        <v>2.2620229890051684</v>
      </c>
      <c r="L265" cm="1">
        <f t="array" ref="L265">INDEX(LINEST(J236:J294,$A236:$B294),1)*2</f>
        <v>-4.3726710867835791E-2</v>
      </c>
      <c r="M265" cm="1">
        <f t="array" ref="M265">INDEX(LINEST(K236:K294,$A236:$B294),1)*2</f>
        <v>3.056553034795447E-3</v>
      </c>
      <c r="N265">
        <f t="shared" si="18"/>
        <v>3.43779400842925</v>
      </c>
      <c r="O265">
        <f t="shared" si="19"/>
        <v>-0.24030619959561805</v>
      </c>
    </row>
    <row r="266" spans="1:15" x14ac:dyDescent="0.4">
      <c r="A266">
        <v>8.8000000000000007</v>
      </c>
      <c r="B266">
        <f t="shared" si="20"/>
        <v>77.440000000000012</v>
      </c>
      <c r="C266">
        <v>-12.911871501151969</v>
      </c>
      <c r="D266">
        <v>2.0785974778426528</v>
      </c>
      <c r="E266" cm="1">
        <f t="array" ref="E266">INDEX(LINEST(C237:C295,$A237:$B295),1)*2</f>
        <v>3.3215405816945265E-2</v>
      </c>
      <c r="F266" cm="1">
        <f t="array" ref="F266">INDEX(LINEST(D237:D295,$A237:$B295),1)*2</f>
        <v>9.2300002429201947E-3</v>
      </c>
      <c r="G266">
        <f t="shared" si="16"/>
        <v>1.9507407836291952</v>
      </c>
      <c r="H266">
        <f t="shared" si="17"/>
        <v>0.54207791426670304</v>
      </c>
      <c r="J266">
        <v>13.457891398068416</v>
      </c>
      <c r="K266">
        <v>2.2618169933360019</v>
      </c>
      <c r="L266" cm="1">
        <f t="array" ref="L266">INDEX(LINEST(J237:J295,$A237:$B295),1)*2</f>
        <v>-4.2836953926116847E-2</v>
      </c>
      <c r="M266" cm="1">
        <f t="array" ref="M266">INDEX(LINEST(K237:K295,$A237:$B295),1)*2</f>
        <v>1.5839892729514365E-3</v>
      </c>
      <c r="N266">
        <f t="shared" si="18"/>
        <v>3.3678413176713069</v>
      </c>
      <c r="O266">
        <f t="shared" si="19"/>
        <v>-0.12453323663944194</v>
      </c>
    </row>
    <row r="267" spans="1:15" x14ac:dyDescent="0.4">
      <c r="A267">
        <v>8.8333333333333339</v>
      </c>
      <c r="B267">
        <f t="shared" si="20"/>
        <v>78.027777777777786</v>
      </c>
      <c r="C267">
        <v>-12.901249646219384</v>
      </c>
      <c r="D267">
        <v>2.0760215068864309</v>
      </c>
      <c r="E267" cm="1">
        <f t="array" ref="E267">INDEX(LINEST(C238:C296,$A238:$B296),1)*2</f>
        <v>3.3684934359424663E-2</v>
      </c>
      <c r="F267" cm="1">
        <f t="array" ref="F267">INDEX(LINEST(D238:D296,$A238:$B296),1)*2</f>
        <v>8.5008601966521866E-3</v>
      </c>
      <c r="G267">
        <f t="shared" si="16"/>
        <v>1.9783161949290105</v>
      </c>
      <c r="H267">
        <f t="shared" si="17"/>
        <v>0.49925551934938289</v>
      </c>
      <c r="J267">
        <v>13.446932845003179</v>
      </c>
      <c r="K267">
        <v>2.2632510441536469</v>
      </c>
      <c r="L267" cm="1">
        <f t="array" ref="L267">INDEX(LINEST(J238:J296,$A238:$B296),1)*2</f>
        <v>-4.2184538497543965E-2</v>
      </c>
      <c r="M267" cm="1">
        <f t="array" ref="M267">INDEX(LINEST(K238:K296,$A238:$B296),1)*2</f>
        <v>8.8564006446750635E-4</v>
      </c>
      <c r="N267">
        <f t="shared" si="18"/>
        <v>3.3165484166769068</v>
      </c>
      <c r="O267">
        <f t="shared" si="19"/>
        <v>-6.9629021868435351E-2</v>
      </c>
    </row>
    <row r="268" spans="1:15" x14ac:dyDescent="0.4">
      <c r="A268">
        <v>8.8666666666666671</v>
      </c>
      <c r="B268">
        <f t="shared" si="20"/>
        <v>78.617777777777789</v>
      </c>
      <c r="C268">
        <v>-12.890024977925361</v>
      </c>
      <c r="D268">
        <v>2.0777216059737103</v>
      </c>
      <c r="E268" cm="1">
        <f t="array" ref="E268">INDEX(LINEST(C239:C297,$A239:$B297),1)*2</f>
        <v>3.4364607608749764E-2</v>
      </c>
      <c r="F268" cm="1">
        <f t="array" ref="F268">INDEX(LINEST(D239:D297,$A239:$B297),1)*2</f>
        <v>5.5489490202363613E-3</v>
      </c>
      <c r="G268">
        <f t="shared" si="16"/>
        <v>2.0182334048618737</v>
      </c>
      <c r="H268">
        <f t="shared" si="17"/>
        <v>0.32588977595848145</v>
      </c>
      <c r="J268">
        <v>13.436975541785372</v>
      </c>
      <c r="K268">
        <v>2.2649888836886052</v>
      </c>
      <c r="L268" cm="1">
        <f t="array" ref="L268">INDEX(LINEST(J239:J297,$A239:$B297),1)*2</f>
        <v>-4.1780924104805377E-2</v>
      </c>
      <c r="M268" cm="1">
        <f t="array" ref="M268">INDEX(LINEST(K239:K297,$A239:$B297),1)*2</f>
        <v>-9.8234254553766651E-5</v>
      </c>
      <c r="N268">
        <f t="shared" si="18"/>
        <v>3.2848162531197991</v>
      </c>
      <c r="O268">
        <f t="shared" si="19"/>
        <v>7.7231770930171343E-3</v>
      </c>
    </row>
    <row r="269" spans="1:15" x14ac:dyDescent="0.4">
      <c r="A269">
        <v>8.9</v>
      </c>
      <c r="B269">
        <f t="shared" si="20"/>
        <v>79.210000000000008</v>
      </c>
      <c r="C269">
        <v>-12.881080224355125</v>
      </c>
      <c r="D269">
        <v>2.078405356622139</v>
      </c>
      <c r="E269" cm="1">
        <f t="array" ref="E269">INDEX(LINEST(C240:C298,$A240:$B298),1)*2</f>
        <v>3.6705195569142139E-2</v>
      </c>
      <c r="F269" cm="1">
        <f t="array" ref="F269">INDEX(LINEST(D240:D298,$A240:$B298),1)*2</f>
        <v>2.2886140600411114E-3</v>
      </c>
      <c r="G269">
        <f t="shared" si="16"/>
        <v>2.1556961357757176</v>
      </c>
      <c r="H269">
        <f t="shared" si="17"/>
        <v>0.13441030374621446</v>
      </c>
      <c r="J269">
        <v>13.428130266596794</v>
      </c>
      <c r="K269">
        <v>2.266471088457469</v>
      </c>
      <c r="L269" cm="1">
        <f t="array" ref="L269">INDEX(LINEST(J240:J298,$A240:$B298),1)*2</f>
        <v>-3.9981455299509472E-2</v>
      </c>
      <c r="M269" cm="1">
        <f t="array" ref="M269">INDEX(LINEST(K240:K298,$A240:$B298),1)*2</f>
        <v>-1.3930623153037573E-3</v>
      </c>
      <c r="N269">
        <f t="shared" si="18"/>
        <v>3.143342015647435</v>
      </c>
      <c r="O269">
        <f t="shared" si="19"/>
        <v>0.1095225592291814</v>
      </c>
    </row>
    <row r="270" spans="1:15" x14ac:dyDescent="0.4">
      <c r="A270">
        <v>8.9333333333333336</v>
      </c>
      <c r="B270">
        <f t="shared" si="20"/>
        <v>79.804444444444442</v>
      </c>
      <c r="C270">
        <v>-12.870891288651148</v>
      </c>
      <c r="D270">
        <v>2.0791924865630009</v>
      </c>
      <c r="E270" cm="1">
        <f t="array" ref="E270">INDEX(LINEST(C241:C299,$A241:$B299),1)*2</f>
        <v>3.8339205036090146E-2</v>
      </c>
      <c r="F270" cm="1">
        <f t="array" ref="F270">INDEX(LINEST(D241:D299,$A241:$B299),1)*2</f>
        <v>-9.9398789962248523E-4</v>
      </c>
      <c r="G270">
        <f t="shared" si="16"/>
        <v>2.2516615117695742</v>
      </c>
      <c r="H270">
        <f t="shared" si="17"/>
        <v>-5.8376909344828552E-2</v>
      </c>
      <c r="J270">
        <v>13.415795107184044</v>
      </c>
      <c r="K270">
        <v>2.264688978133981</v>
      </c>
      <c r="L270" cm="1">
        <f t="array" ref="L270">INDEX(LINEST(J241:J299,$A241:$B299),1)*2</f>
        <v>-3.7393787414175754E-2</v>
      </c>
      <c r="M270" cm="1">
        <f t="array" ref="M270">INDEX(LINEST(K241:K299,$A241:$B299),1)*2</f>
        <v>-2.7685978335380587E-3</v>
      </c>
      <c r="N270">
        <f t="shared" si="18"/>
        <v>2.9398995665024978</v>
      </c>
      <c r="O270">
        <f t="shared" si="19"/>
        <v>0.21766716167276218</v>
      </c>
    </row>
    <row r="271" spans="1:15" x14ac:dyDescent="0.4">
      <c r="A271">
        <v>8.9666666666666668</v>
      </c>
      <c r="B271">
        <f t="shared" si="20"/>
        <v>80.401111111111106</v>
      </c>
      <c r="C271">
        <v>-12.860433111277398</v>
      </c>
      <c r="D271">
        <v>2.0827994824418226</v>
      </c>
      <c r="E271" cm="1">
        <f t="array" ref="E271">INDEX(LINEST(C242:C300,$A242:$B300),1)*2</f>
        <v>3.9493356422875707E-2</v>
      </c>
      <c r="F271" cm="1">
        <f t="array" ref="F271">INDEX(LINEST(D242:D300,$A242:$B300),1)*2</f>
        <v>-3.9650440369427267E-3</v>
      </c>
      <c r="G271">
        <f t="shared" si="16"/>
        <v>2.3194448227154902</v>
      </c>
      <c r="H271">
        <f t="shared" si="17"/>
        <v>-0.23286703628964633</v>
      </c>
      <c r="J271">
        <v>13.404734181784328</v>
      </c>
      <c r="K271">
        <v>2.264418104714502</v>
      </c>
      <c r="L271" cm="1">
        <f t="array" ref="L271">INDEX(LINEST(J242:J300,$A242:$B300),1)*2</f>
        <v>-3.4435542826759459E-2</v>
      </c>
      <c r="M271" cm="1">
        <f t="array" ref="M271">INDEX(LINEST(K242:K300,$A242:$B300),1)*2</f>
        <v>-2.6339663408929646E-3</v>
      </c>
      <c r="N271">
        <f t="shared" si="18"/>
        <v>2.7073223770398287</v>
      </c>
      <c r="O271">
        <f t="shared" si="19"/>
        <v>0.2070824337210049</v>
      </c>
    </row>
    <row r="272" spans="1:15" x14ac:dyDescent="0.4">
      <c r="A272">
        <v>9</v>
      </c>
      <c r="B272">
        <f t="shared" si="20"/>
        <v>81</v>
      </c>
      <c r="C272">
        <v>-12.850903129591408</v>
      </c>
      <c r="D272">
        <v>2.0843879324376671</v>
      </c>
      <c r="E272" cm="1">
        <f t="array" ref="E272">INDEX(LINEST(C243:C301,$A243:$B301),1)*2</f>
        <v>3.970210347293595E-2</v>
      </c>
      <c r="F272" cm="1">
        <f t="array" ref="F272">INDEX(LINEST(D243:D301,$A243:$B301),1)*2</f>
        <v>-6.6032956130877736E-3</v>
      </c>
      <c r="G272">
        <f t="shared" si="16"/>
        <v>2.3317045369655283</v>
      </c>
      <c r="H272">
        <f t="shared" si="17"/>
        <v>-0.38781155135664491</v>
      </c>
      <c r="J272">
        <v>13.39118501766473</v>
      </c>
      <c r="K272">
        <v>2.2633136655489112</v>
      </c>
      <c r="L272" cm="1">
        <f t="array" ref="L272">INDEX(LINEST(J243:J301,$A243:$B301),1)*2</f>
        <v>-3.1191719793662479E-2</v>
      </c>
      <c r="M272" cm="1">
        <f t="array" ref="M272">INDEX(LINEST(K243:K301,$A243:$B301),1)*2</f>
        <v>-2.2612001053705626E-3</v>
      </c>
      <c r="N272">
        <f t="shared" si="18"/>
        <v>2.452293010177744</v>
      </c>
      <c r="O272">
        <f t="shared" si="19"/>
        <v>0.17777555228423364</v>
      </c>
    </row>
    <row r="273" spans="1:15" x14ac:dyDescent="0.4">
      <c r="A273">
        <v>9.0333333333333332</v>
      </c>
      <c r="B273">
        <f t="shared" si="20"/>
        <v>81.601111111111109</v>
      </c>
      <c r="C273">
        <v>-12.842580367767418</v>
      </c>
      <c r="D273">
        <v>2.0846496024488688</v>
      </c>
      <c r="E273" cm="1">
        <f t="array" ref="E273">INDEX(LINEST(C244:C302,$A244:$B302),1)*2</f>
        <v>3.9861610266906364E-2</v>
      </c>
      <c r="F273" cm="1">
        <f t="array" ref="F273">INDEX(LINEST(D244:D302,$A244:$B302),1)*2</f>
        <v>-8.6870738238482102E-3</v>
      </c>
      <c r="G273">
        <f t="shared" si="16"/>
        <v>2.3410723709754104</v>
      </c>
      <c r="H273">
        <f t="shared" si="17"/>
        <v>-0.5101918456746054</v>
      </c>
      <c r="J273">
        <v>13.383433553362067</v>
      </c>
      <c r="K273">
        <v>2.2617033468791172</v>
      </c>
      <c r="L273" cm="1">
        <f t="array" ref="L273">INDEX(LINEST(J244:J302,$A244:$B302),1)*2</f>
        <v>-2.8452086843423135E-2</v>
      </c>
      <c r="M273" cm="1">
        <f t="array" ref="M273">INDEX(LINEST(K244:K302,$A244:$B302),1)*2</f>
        <v>-9.4831367539108887E-4</v>
      </c>
      <c r="N273">
        <f t="shared" si="18"/>
        <v>2.2369030676299269</v>
      </c>
      <c r="O273">
        <f t="shared" si="19"/>
        <v>7.4556421159247405E-2</v>
      </c>
    </row>
    <row r="274" spans="1:15" x14ac:dyDescent="0.4">
      <c r="A274">
        <v>9.0666666666666664</v>
      </c>
      <c r="B274">
        <f t="shared" si="20"/>
        <v>82.204444444444434</v>
      </c>
      <c r="C274">
        <v>-12.830774006510447</v>
      </c>
      <c r="D274">
        <v>2.08481857815682</v>
      </c>
      <c r="E274" cm="1">
        <f t="array" ref="E274">INDEX(LINEST(C245:C303,$A245:$B303),1)*2</f>
        <v>3.8863741651514336E-2</v>
      </c>
      <c r="F274" cm="1">
        <f t="array" ref="F274">INDEX(LINEST(D245:D303,$A245:$B303),1)*2</f>
        <v>-8.9582803239996438E-3</v>
      </c>
      <c r="G274">
        <f t="shared" si="16"/>
        <v>2.2824675471934368</v>
      </c>
      <c r="H274">
        <f t="shared" si="17"/>
        <v>-0.52611980342849907</v>
      </c>
      <c r="J274">
        <v>13.373213645842839</v>
      </c>
      <c r="K274">
        <v>2.2595081872757969</v>
      </c>
      <c r="L274" cm="1">
        <f t="array" ref="L274">INDEX(LINEST(J245:J303,$A245:$B303),1)*2</f>
        <v>-2.6036450215295586E-2</v>
      </c>
      <c r="M274" cm="1">
        <f t="array" ref="M274">INDEX(LINEST(K245:K303,$A245:$B303),1)*2</f>
        <v>-3.2701586310695478E-4</v>
      </c>
      <c r="N274">
        <f t="shared" si="18"/>
        <v>2.0469857159265392</v>
      </c>
      <c r="O274">
        <f t="shared" si="19"/>
        <v>2.5709987157468785E-2</v>
      </c>
    </row>
    <row r="275" spans="1:15" x14ac:dyDescent="0.4">
      <c r="A275">
        <v>9.1</v>
      </c>
      <c r="B275">
        <f t="shared" si="20"/>
        <v>82.809999999999988</v>
      </c>
      <c r="C275">
        <v>-12.820659111865176</v>
      </c>
      <c r="D275">
        <v>2.086063594079282</v>
      </c>
      <c r="E275" cm="1">
        <f t="array" ref="E275">INDEX(LINEST(C246:C304,$A246:$B304),1)*2</f>
        <v>3.6975119088791975E-2</v>
      </c>
      <c r="F275" cm="1">
        <f t="array" ref="F275">INDEX(LINEST(D246:D304,$A246:$B304),1)*2</f>
        <v>-8.2723230193938371E-3</v>
      </c>
      <c r="G275">
        <f t="shared" si="16"/>
        <v>2.1715487440847525</v>
      </c>
      <c r="H275">
        <f t="shared" si="17"/>
        <v>-0.485833530929</v>
      </c>
      <c r="J275">
        <v>13.365374497495072</v>
      </c>
      <c r="K275">
        <v>2.2604922055587915</v>
      </c>
      <c r="L275" cm="1">
        <f t="array" ref="L275">INDEX(LINEST(J246:J304,$A246:$B304),1)*2</f>
        <v>-2.4328931105308791E-2</v>
      </c>
      <c r="M275" cm="1">
        <f t="array" ref="M275">INDEX(LINEST(K246:K304,$A246:$B304),1)*2</f>
        <v>6.1252136551658329E-5</v>
      </c>
      <c r="N275">
        <f t="shared" si="18"/>
        <v>1.9127405634993773</v>
      </c>
      <c r="O275">
        <f t="shared" si="19"/>
        <v>-4.8156429756913786E-3</v>
      </c>
    </row>
    <row r="276" spans="1:15" x14ac:dyDescent="0.4">
      <c r="A276">
        <v>9.1333333333333329</v>
      </c>
      <c r="B276">
        <f t="shared" si="20"/>
        <v>83.417777777777772</v>
      </c>
      <c r="C276">
        <v>-12.807817424986826</v>
      </c>
      <c r="D276">
        <v>2.0847511990376688</v>
      </c>
      <c r="E276" cm="1">
        <f t="array" ref="E276">INDEX(LINEST(C247:C305,$A247:$B305),1)*2</f>
        <v>3.445640444704702E-2</v>
      </c>
      <c r="F276" cm="1">
        <f t="array" ref="F276">INDEX(LINEST(D247:D305,$A247:$B305),1)*2</f>
        <v>-7.1257520906035732E-3</v>
      </c>
      <c r="G276">
        <f t="shared" si="16"/>
        <v>2.0236246331750714</v>
      </c>
      <c r="H276">
        <f t="shared" si="17"/>
        <v>-0.41849542028114783</v>
      </c>
      <c r="J276">
        <v>13.357309191970907</v>
      </c>
      <c r="K276">
        <v>2.2637421475144905</v>
      </c>
      <c r="L276" cm="1">
        <f t="array" ref="L276">INDEX(LINEST(J247:J305,$A247:$B305),1)*2</f>
        <v>-2.2768744634213311E-2</v>
      </c>
      <c r="M276" cm="1">
        <f t="array" ref="M276">INDEX(LINEST(K247:K305,$A247:$B305),1)*2</f>
        <v>-2.1379422039286339E-4</v>
      </c>
      <c r="N276">
        <f t="shared" si="18"/>
        <v>1.7900787031418506</v>
      </c>
      <c r="O276">
        <f t="shared" si="19"/>
        <v>1.6808501607286922E-2</v>
      </c>
    </row>
    <row r="277" spans="1:15" x14ac:dyDescent="0.4">
      <c r="A277">
        <v>9.1666666666666661</v>
      </c>
      <c r="B277">
        <f t="shared" si="20"/>
        <v>84.027777777777771</v>
      </c>
      <c r="C277">
        <v>-12.790749622813793</v>
      </c>
      <c r="D277">
        <v>2.0828542567806911</v>
      </c>
      <c r="E277" cm="1">
        <f t="array" ref="E277">INDEX(LINEST(C248:C306,$A248:$B306),1)*2</f>
        <v>3.3073881002586056E-2</v>
      </c>
      <c r="F277" cm="1">
        <f t="array" ref="F277">INDEX(LINEST(D248:D306,$A248:$B306),1)*2</f>
        <v>-5.2072279707537118E-3</v>
      </c>
      <c r="G277">
        <f t="shared" si="16"/>
        <v>1.942429031281879</v>
      </c>
      <c r="H277">
        <f t="shared" si="17"/>
        <v>-0.3058204987223655</v>
      </c>
      <c r="J277">
        <v>13.34791563246605</v>
      </c>
      <c r="K277">
        <v>2.2657350998548966</v>
      </c>
      <c r="L277" cm="1">
        <f t="array" ref="L277">INDEX(LINEST(J248:J306,$A248:$B306),1)*2</f>
        <v>-2.0921254289614818E-2</v>
      </c>
      <c r="M277" cm="1">
        <f t="array" ref="M277">INDEX(LINEST(K248:K306,$A248:$B306),1)*2</f>
        <v>-2.0851269406297848E-4</v>
      </c>
      <c r="N277">
        <f t="shared" si="18"/>
        <v>1.6448290122495171</v>
      </c>
      <c r="O277">
        <f t="shared" si="19"/>
        <v>1.6393268007231367E-2</v>
      </c>
    </row>
    <row r="278" spans="1:15" x14ac:dyDescent="0.4">
      <c r="A278">
        <v>9.1999999999999993</v>
      </c>
      <c r="B278">
        <f t="shared" si="20"/>
        <v>84.639999999999986</v>
      </c>
      <c r="C278">
        <v>-12.775671805965473</v>
      </c>
      <c r="D278">
        <v>2.0847905342243718</v>
      </c>
      <c r="E278" cm="1">
        <f t="array" ref="E278">INDEX(LINEST(C249:C307,$A249:$B307),1)*2</f>
        <v>3.2165626770430611E-2</v>
      </c>
      <c r="F278" cm="1">
        <f t="array" ref="F278">INDEX(LINEST(D249:D307,$A249:$B307),1)*2</f>
        <v>-3.1129284774121771E-3</v>
      </c>
      <c r="G278">
        <f t="shared" si="16"/>
        <v>1.8890872602273896</v>
      </c>
      <c r="H278">
        <f t="shared" si="17"/>
        <v>-0.18282228947841717</v>
      </c>
      <c r="J278">
        <v>13.338057520206545</v>
      </c>
      <c r="K278">
        <v>2.2708930517288537</v>
      </c>
      <c r="L278" cm="1">
        <f t="array" ref="L278">INDEX(LINEST(J249:J307,$A249:$B307),1)*2</f>
        <v>-1.9818212264038043E-2</v>
      </c>
      <c r="M278" cm="1">
        <f t="array" ref="M278">INDEX(LINEST(K249:K307,$A249:$B307),1)*2</f>
        <v>-4.4552386675073132E-4</v>
      </c>
      <c r="N278">
        <f t="shared" si="18"/>
        <v>1.558107848198671</v>
      </c>
      <c r="O278">
        <f t="shared" si="19"/>
        <v>3.5027086403942496E-2</v>
      </c>
    </row>
    <row r="279" spans="1:15" x14ac:dyDescent="0.4">
      <c r="A279">
        <v>9.2333333333333325</v>
      </c>
      <c r="B279">
        <f t="shared" si="20"/>
        <v>85.254444444444431</v>
      </c>
      <c r="C279">
        <v>-12.761849904219115</v>
      </c>
      <c r="D279">
        <v>2.085840567028785</v>
      </c>
      <c r="E279" cm="1">
        <f t="array" ref="E279">INDEX(LINEST(C250:C308,$A250:$B308),1)*2</f>
        <v>3.0245706559166703E-2</v>
      </c>
      <c r="F279" cm="1">
        <f t="array" ref="F279">INDEX(LINEST(D250:D308,$A250:$B308),1)*2</f>
        <v>7.4222282284225788E-5</v>
      </c>
      <c r="G279">
        <f t="shared" si="16"/>
        <v>1.7763303462198603</v>
      </c>
      <c r="H279">
        <f t="shared" si="17"/>
        <v>4.3590746385525807E-3</v>
      </c>
      <c r="J279">
        <v>13.324417153167357</v>
      </c>
      <c r="K279">
        <v>2.2735981793203481</v>
      </c>
      <c r="L279" cm="1">
        <f t="array" ref="L279">INDEX(LINEST(J250:J308,$A250:$B308),1)*2</f>
        <v>-1.990536050232615E-2</v>
      </c>
      <c r="M279" cm="1">
        <f t="array" ref="M279">INDEX(LINEST(K250:K308,$A250:$B308),1)*2</f>
        <v>-6.9122168559990638E-5</v>
      </c>
      <c r="N279">
        <f t="shared" si="18"/>
        <v>1.5649594426928819</v>
      </c>
      <c r="O279">
        <f t="shared" si="19"/>
        <v>5.434384892186464E-3</v>
      </c>
    </row>
    <row r="280" spans="1:15" x14ac:dyDescent="0.4">
      <c r="A280">
        <v>9.2666666666666675</v>
      </c>
      <c r="B280">
        <f t="shared" si="20"/>
        <v>85.871111111111119</v>
      </c>
      <c r="C280">
        <v>-12.748221342450163</v>
      </c>
      <c r="D280">
        <v>2.0923960391330896</v>
      </c>
      <c r="E280" cm="1">
        <f t="array" ref="E280">INDEX(LINEST(C251:C309,$A251:$B309),1)*2</f>
        <v>2.8639201539487198E-2</v>
      </c>
      <c r="F280" cm="1">
        <f t="array" ref="F280">INDEX(LINEST(D251:D309,$A251:$B309),1)*2</f>
        <v>2.933662566959688E-3</v>
      </c>
      <c r="G280">
        <f t="shared" si="16"/>
        <v>1.681980306414083</v>
      </c>
      <c r="H280">
        <f t="shared" si="17"/>
        <v>0.17229400255754246</v>
      </c>
      <c r="J280">
        <v>13.315719776814015</v>
      </c>
      <c r="K280">
        <v>2.2735752729256413</v>
      </c>
      <c r="L280" cm="1">
        <f t="array" ref="L280">INDEX(LINEST(J251:J309,$A251:$B309),1)*2</f>
        <v>-1.9788382330272483E-2</v>
      </c>
      <c r="M280" cm="1">
        <f t="array" ref="M280">INDEX(LINEST(K251:K309,$A251:$B309),1)*2</f>
        <v>3.4369578333833759E-4</v>
      </c>
      <c r="N280">
        <f t="shared" si="18"/>
        <v>1.5557626188060227</v>
      </c>
      <c r="O280">
        <f t="shared" si="19"/>
        <v>-2.7021362486060102E-2</v>
      </c>
    </row>
    <row r="281" spans="1:15" x14ac:dyDescent="0.4">
      <c r="A281">
        <v>9.3000000000000007</v>
      </c>
      <c r="B281">
        <f t="shared" si="20"/>
        <v>86.490000000000009</v>
      </c>
      <c r="C281">
        <v>-12.738237100159434</v>
      </c>
      <c r="D281">
        <v>2.0946863825176987</v>
      </c>
      <c r="E281" cm="1">
        <f t="array" ref="E281">INDEX(LINEST(C252:C310,$A252:$B310),1)*2</f>
        <v>2.6500448105477029E-2</v>
      </c>
      <c r="F281" cm="1">
        <f t="array" ref="F281">INDEX(LINEST(D252:D310,$A252:$B310),1)*2</f>
        <v>5.9525341093664627E-3</v>
      </c>
      <c r="G281">
        <f t="shared" si="16"/>
        <v>1.5563713172346658</v>
      </c>
      <c r="H281">
        <f t="shared" si="17"/>
        <v>0.34959232824309233</v>
      </c>
      <c r="J281">
        <v>13.308112799086537</v>
      </c>
      <c r="K281">
        <v>2.2728327429460915</v>
      </c>
      <c r="L281" cm="1">
        <f t="array" ref="L281">INDEX(LINEST(J252:J310,$A252:$B310),1)*2</f>
        <v>-2.058828946261149E-2</v>
      </c>
      <c r="M281" cm="1">
        <f t="array" ref="M281">INDEX(LINEST(K252:K310,$A252:$B310),1)*2</f>
        <v>1.5054138002171436E-3</v>
      </c>
      <c r="N281">
        <f t="shared" si="18"/>
        <v>1.6186513175505155</v>
      </c>
      <c r="O281">
        <f t="shared" si="19"/>
        <v>-0.11835563297307183</v>
      </c>
    </row>
    <row r="282" spans="1:15" x14ac:dyDescent="0.4">
      <c r="A282">
        <v>9.3333333333333339</v>
      </c>
      <c r="B282">
        <f t="shared" si="20"/>
        <v>87.111111111111128</v>
      </c>
      <c r="C282">
        <v>-12.724484892932342</v>
      </c>
      <c r="D282">
        <v>2.0971670730654104</v>
      </c>
      <c r="E282" cm="1">
        <f t="array" ref="E282">INDEX(LINEST(C253:C311,$A253:$B311),1)*2</f>
        <v>2.5002466993958607E-2</v>
      </c>
      <c r="F282" cm="1">
        <f t="array" ref="F282">INDEX(LINEST(D253:D311,$A253:$B311),1)*2</f>
        <v>8.3349242420974398E-3</v>
      </c>
      <c r="G282">
        <f t="shared" si="16"/>
        <v>1.468394886555189</v>
      </c>
      <c r="H282">
        <f t="shared" si="17"/>
        <v>0.48951010073838264</v>
      </c>
      <c r="J282">
        <v>13.301806591508864</v>
      </c>
      <c r="K282">
        <v>2.2762735990970664</v>
      </c>
      <c r="L282" cm="1">
        <f t="array" ref="L282">INDEX(LINEST(J253:J311,$A253:$B311),1)*2</f>
        <v>-2.1289829509143005E-2</v>
      </c>
      <c r="M282" cm="1">
        <f t="array" ref="M282">INDEX(LINEST(K253:K311,$A253:$B311),1)*2</f>
        <v>3.5604343106139277E-3</v>
      </c>
      <c r="N282">
        <f t="shared" si="18"/>
        <v>1.6738063960088232</v>
      </c>
      <c r="O282">
        <f t="shared" si="19"/>
        <v>-0.27992134550046699</v>
      </c>
    </row>
    <row r="283" spans="1:15" x14ac:dyDescent="0.4">
      <c r="A283">
        <v>9.3666666666666671</v>
      </c>
      <c r="B283">
        <f t="shared" si="20"/>
        <v>87.734444444444449</v>
      </c>
      <c r="C283">
        <v>-12.712900711281218</v>
      </c>
      <c r="D283">
        <v>2.1012643537066067</v>
      </c>
      <c r="E283" cm="1">
        <f t="array" ref="E283">INDEX(LINEST(C254:C312,$A254:$B312),1)*2</f>
        <v>2.4054116747850837E-2</v>
      </c>
      <c r="F283" cm="1">
        <f t="array" ref="F283">INDEX(LINEST(D254:D312,$A254:$B312),1)*2</f>
        <v>9.5873789216803767E-3</v>
      </c>
      <c r="G283">
        <f t="shared" si="16"/>
        <v>1.4126982766012797</v>
      </c>
      <c r="H283">
        <f t="shared" si="17"/>
        <v>0.56306676407028844</v>
      </c>
      <c r="J283">
        <v>13.294688113948585</v>
      </c>
      <c r="K283">
        <v>2.28072496351697</v>
      </c>
      <c r="L283" cm="1">
        <f t="array" ref="L283">INDEX(LINEST(J254:J312,$A254:$B312),1)*2</f>
        <v>-2.1563991300429554E-2</v>
      </c>
      <c r="M283" cm="1">
        <f t="array" ref="M283">INDEX(LINEST(K254:K312,$A254:$B312),1)*2</f>
        <v>5.2840924096282538E-3</v>
      </c>
      <c r="N283">
        <f t="shared" si="18"/>
        <v>1.6953609960397715</v>
      </c>
      <c r="O283">
        <f t="shared" si="19"/>
        <v>-0.41543534524497333</v>
      </c>
    </row>
    <row r="284" spans="1:15" x14ac:dyDescent="0.4">
      <c r="A284">
        <v>9.4</v>
      </c>
      <c r="B284">
        <f t="shared" si="20"/>
        <v>88.360000000000014</v>
      </c>
      <c r="C284">
        <v>-12.702589813405222</v>
      </c>
      <c r="D284">
        <v>2.1057123685200896</v>
      </c>
      <c r="E284" cm="1">
        <f t="array" ref="E284">INDEX(LINEST(C255:C313,$A255:$B313),1)*2</f>
        <v>2.4022518476746371E-2</v>
      </c>
      <c r="F284" cm="1">
        <f t="array" ref="F284">INDEX(LINEST(D255:D313,$A255:$B313),1)*2</f>
        <v>1.0572981895108401E-2</v>
      </c>
      <c r="G284">
        <f t="shared" si="16"/>
        <v>1.4108425101393143</v>
      </c>
      <c r="H284">
        <f t="shared" si="17"/>
        <v>0.62095122669971636</v>
      </c>
      <c r="J284">
        <v>13.286678603575917</v>
      </c>
      <c r="K284">
        <v>2.2830023787274096</v>
      </c>
      <c r="L284" cm="1">
        <f t="array" ref="L284">INDEX(LINEST(J255:J313,$A255:$B313),1)*2</f>
        <v>-2.1183907199243762E-2</v>
      </c>
      <c r="M284" cm="1">
        <f t="array" ref="M284">INDEX(LINEST(K255:K313,$A255:$B313),1)*2</f>
        <v>8.5553400507555055E-3</v>
      </c>
      <c r="N284">
        <f t="shared" si="18"/>
        <v>1.6654787840045446</v>
      </c>
      <c r="O284">
        <f t="shared" si="19"/>
        <v>-0.67262083479039791</v>
      </c>
    </row>
    <row r="285" spans="1:15" x14ac:dyDescent="0.4">
      <c r="A285">
        <v>9.4333333333333336</v>
      </c>
      <c r="B285">
        <f t="shared" si="20"/>
        <v>88.987777777777779</v>
      </c>
      <c r="C285">
        <v>-12.694320314501995</v>
      </c>
      <c r="D285">
        <v>2.1060998069542149</v>
      </c>
      <c r="E285" cm="1">
        <f t="array" ref="E285">INDEX(LINEST(C256:C314,$A256:$B314),1)*2</f>
        <v>2.3658089453503207E-2</v>
      </c>
      <c r="F285" cm="1">
        <f t="array" ref="F285">INDEX(LINEST(D256:D314,$A256:$B314),1)*2</f>
        <v>1.1141770520113378E-2</v>
      </c>
      <c r="G285">
        <f t="shared" si="16"/>
        <v>1.3894395936042434</v>
      </c>
      <c r="H285">
        <f t="shared" si="17"/>
        <v>0.65435618264625872</v>
      </c>
      <c r="J285">
        <v>13.276091964406019</v>
      </c>
      <c r="K285">
        <v>2.2823863023030211</v>
      </c>
      <c r="L285" cm="1">
        <f t="array" ref="L285">INDEX(LINEST(J256:J314,$A256:$B314),1)*2</f>
        <v>-2.0188097294109683E-2</v>
      </c>
      <c r="M285" cm="1">
        <f t="array" ref="M285">INDEX(LINEST(K256:K314,$A256:$B314),1)*2</f>
        <v>1.0801147664621629E-2</v>
      </c>
      <c r="N285">
        <f t="shared" si="18"/>
        <v>1.5871882092629033</v>
      </c>
      <c r="O285">
        <f t="shared" si="19"/>
        <v>-0.84918622939255251</v>
      </c>
    </row>
    <row r="286" spans="1:15" x14ac:dyDescent="0.4">
      <c r="A286">
        <v>9.4666666666666668</v>
      </c>
      <c r="B286">
        <f t="shared" si="20"/>
        <v>89.617777777777775</v>
      </c>
      <c r="C286">
        <v>-12.681134846215299</v>
      </c>
      <c r="D286">
        <v>2.1058784990971722</v>
      </c>
      <c r="E286" cm="1">
        <f t="array" ref="E286">INDEX(LINEST(C257:C315,$A257:$B315),1)*2</f>
        <v>2.422112113399702E-2</v>
      </c>
      <c r="F286" cm="1">
        <f t="array" ref="F286">INDEX(LINEST(D257:D315,$A257:$B315),1)*2</f>
        <v>1.1938633578376974E-2</v>
      </c>
      <c r="G286">
        <f t="shared" si="16"/>
        <v>1.4225064441996449</v>
      </c>
      <c r="H286">
        <f t="shared" si="17"/>
        <v>0.70115595005807962</v>
      </c>
      <c r="J286">
        <v>13.258997662604278</v>
      </c>
      <c r="K286">
        <v>2.2839906361494746</v>
      </c>
      <c r="L286" cm="1">
        <f t="array" ref="L286">INDEX(LINEST(J257:J315,$A257:$B315),1)*2</f>
        <v>-1.8898982590314799E-2</v>
      </c>
      <c r="M286" cm="1">
        <f t="array" ref="M286">INDEX(LINEST(K257:K315,$A257:$B315),1)*2</f>
        <v>1.1916178168921314E-2</v>
      </c>
      <c r="N286">
        <f t="shared" si="18"/>
        <v>1.4858380112505496</v>
      </c>
      <c r="O286">
        <f t="shared" si="19"/>
        <v>-0.93684992764059372</v>
      </c>
    </row>
    <row r="287" spans="1:15" x14ac:dyDescent="0.4">
      <c r="A287">
        <v>9.5</v>
      </c>
      <c r="B287">
        <f t="shared" si="20"/>
        <v>90.25</v>
      </c>
      <c r="C287">
        <v>-12.668997078713483</v>
      </c>
      <c r="D287">
        <v>2.1076046421956938</v>
      </c>
      <c r="E287" cm="1">
        <f t="array" ref="E287">INDEX(LINEST(C258:C316,$A258:$B316),1)*2</f>
        <v>2.4721711294860074E-2</v>
      </c>
      <c r="F287" cm="1">
        <f t="array" ref="F287">INDEX(LINEST(D258:D316,$A258:$B316),1)*2</f>
        <v>1.1680628822132033E-2</v>
      </c>
      <c r="G287">
        <f t="shared" si="16"/>
        <v>1.4519061043471322</v>
      </c>
      <c r="H287">
        <f t="shared" si="17"/>
        <v>0.68600333072381425</v>
      </c>
      <c r="J287">
        <v>13.250914557785977</v>
      </c>
      <c r="K287">
        <v>2.2857839506824962</v>
      </c>
      <c r="L287" cm="1">
        <f t="array" ref="L287">INDEX(LINEST(J258:J316,$A258:$B316),1)*2</f>
        <v>-1.6539736315279666E-2</v>
      </c>
      <c r="M287" cm="1">
        <f t="array" ref="M287">INDEX(LINEST(K258:K316,$A258:$B316),1)*2</f>
        <v>1.1625537869470274E-2</v>
      </c>
      <c r="N287">
        <f t="shared" si="18"/>
        <v>1.3003540691072875</v>
      </c>
      <c r="O287">
        <f t="shared" si="19"/>
        <v>-0.913999787297753</v>
      </c>
    </row>
    <row r="288" spans="1:15" x14ac:dyDescent="0.4">
      <c r="A288">
        <v>9.5333333333333332</v>
      </c>
      <c r="B288">
        <f t="shared" si="20"/>
        <v>90.884444444444441</v>
      </c>
      <c r="C288">
        <v>-12.66038600963032</v>
      </c>
      <c r="D288">
        <v>2.1062314559965105</v>
      </c>
      <c r="E288" cm="1">
        <f t="array" ref="E288">INDEX(LINEST(C259:C317,$A259:$B317),1)*2</f>
        <v>2.6005830049961903E-2</v>
      </c>
      <c r="F288" cm="1">
        <f t="array" ref="F288">INDEX(LINEST(D259:D317,$A259:$B317),1)*2</f>
        <v>1.2121511487471764E-2</v>
      </c>
      <c r="G288">
        <f t="shared" ref="G288:G351" si="21">E288*58.73</f>
        <v>1.5273223988342626</v>
      </c>
      <c r="H288">
        <f t="shared" ref="H288:H351" si="22">F288*58.73</f>
        <v>0.71189636965921665</v>
      </c>
      <c r="J288">
        <v>13.243850025186109</v>
      </c>
      <c r="K288">
        <v>2.2828276566367931</v>
      </c>
      <c r="L288" cm="1">
        <f t="array" ref="L288">INDEX(LINEST(J259:J317,$A259:$B317),1)*2</f>
        <v>-1.6421516768231469E-2</v>
      </c>
      <c r="M288" cm="1">
        <f t="array" ref="M288">INDEX(LINEST(K259:K317,$A259:$B317),1)*2</f>
        <v>1.1276281379826713E-2</v>
      </c>
      <c r="N288">
        <f t="shared" ref="N288:N351" si="23">-L288*78.62</f>
        <v>1.2910596483183581</v>
      </c>
      <c r="O288">
        <f t="shared" ref="O288:O351" si="24">-M288*78.62</f>
        <v>-0.88654124208197616</v>
      </c>
    </row>
    <row r="289" spans="1:15" x14ac:dyDescent="0.4">
      <c r="A289">
        <v>9.5666666666666664</v>
      </c>
      <c r="B289">
        <f t="shared" si="20"/>
        <v>91.521111111111111</v>
      </c>
      <c r="C289">
        <v>-12.645282748429906</v>
      </c>
      <c r="D289">
        <v>2.1055563701972679</v>
      </c>
      <c r="E289" cm="1">
        <f t="array" ref="E289">INDEX(LINEST(C260:C318,$A260:$B318),1)*2</f>
        <v>2.7425058990485141E-2</v>
      </c>
      <c r="F289" cm="1">
        <f t="array" ref="F289">INDEX(LINEST(D260:D318,$A260:$B318),1)*2</f>
        <v>1.1472952635207461E-2</v>
      </c>
      <c r="G289">
        <f t="shared" si="21"/>
        <v>1.6106737145111922</v>
      </c>
      <c r="H289">
        <f t="shared" si="22"/>
        <v>0.67380650826573418</v>
      </c>
      <c r="J289">
        <v>13.233535751023421</v>
      </c>
      <c r="K289">
        <v>2.2812301517921663</v>
      </c>
      <c r="L289" cm="1">
        <f t="array" ref="L289">INDEX(LINEST(J260:J318,$A260:$B318),1)*2</f>
        <v>-1.5496697717197732E-2</v>
      </c>
      <c r="M289" cm="1">
        <f t="array" ref="M289">INDEX(LINEST(K260:K318,$A260:$B318),1)*2</f>
        <v>8.9899847252237555E-3</v>
      </c>
      <c r="N289">
        <f t="shared" si="23"/>
        <v>1.2183503745260857</v>
      </c>
      <c r="O289">
        <f t="shared" si="24"/>
        <v>-0.70679259909709169</v>
      </c>
    </row>
    <row r="290" spans="1:15" x14ac:dyDescent="0.4">
      <c r="A290">
        <v>9.6</v>
      </c>
      <c r="B290">
        <f t="shared" si="20"/>
        <v>92.16</v>
      </c>
      <c r="C290">
        <v>-12.636446857657088</v>
      </c>
      <c r="D290">
        <v>2.1079891319192248</v>
      </c>
      <c r="E290" cm="1">
        <f t="array" ref="E290">INDEX(LINEST(C261:C319,$A261:$B319),1)*2</f>
        <v>2.9130886622940767E-2</v>
      </c>
      <c r="F290" cm="1">
        <f t="array" ref="F290">INDEX(LINEST(D261:D319,$A261:$B319),1)*2</f>
        <v>9.7070832680818814E-3</v>
      </c>
      <c r="G290">
        <f t="shared" si="21"/>
        <v>1.7108569713653112</v>
      </c>
      <c r="H290">
        <f t="shared" si="22"/>
        <v>0.57009700033444888</v>
      </c>
      <c r="J290">
        <v>13.221711921293586</v>
      </c>
      <c r="K290">
        <v>2.2819561513977704</v>
      </c>
      <c r="L290" cm="1">
        <f t="array" ref="L290">INDEX(LINEST(J261:J319,$A261:$B319),1)*2</f>
        <v>-1.5178201365602774E-2</v>
      </c>
      <c r="M290" cm="1">
        <f t="array" ref="M290">INDEX(LINEST(K261:K319,$A261:$B319),1)*2</f>
        <v>7.3704691673547977E-3</v>
      </c>
      <c r="N290">
        <f t="shared" si="23"/>
        <v>1.1933101913636901</v>
      </c>
      <c r="O290">
        <f t="shared" si="24"/>
        <v>-0.57946628593743421</v>
      </c>
    </row>
    <row r="291" spans="1:15" x14ac:dyDescent="0.4">
      <c r="A291">
        <v>9.6333333333333329</v>
      </c>
      <c r="B291">
        <f t="shared" si="20"/>
        <v>92.801111111111098</v>
      </c>
      <c r="C291">
        <v>-12.625804399930075</v>
      </c>
      <c r="D291">
        <v>2.1092632468768047</v>
      </c>
      <c r="E291" cm="1">
        <f t="array" ref="E291">INDEX(LINEST(C262:C320,$A262:$B320),1)*2</f>
        <v>3.1068765748341377E-2</v>
      </c>
      <c r="F291" cm="1">
        <f t="array" ref="F291">INDEX(LINEST(D262:D320,$A262:$B320),1)*2</f>
        <v>8.4168404714453325E-3</v>
      </c>
      <c r="G291">
        <f t="shared" si="21"/>
        <v>1.824668612400089</v>
      </c>
      <c r="H291">
        <f t="shared" si="22"/>
        <v>0.49432104088798434</v>
      </c>
      <c r="J291">
        <v>13.211175483927327</v>
      </c>
      <c r="K291">
        <v>2.2805171634955039</v>
      </c>
      <c r="L291" cm="1">
        <f t="array" ref="L291">INDEX(LINEST(J262:J320,$A262:$B320),1)*2</f>
        <v>-1.5155452995258922E-2</v>
      </c>
      <c r="M291" cm="1">
        <f t="array" ref="M291">INDEX(LINEST(K262:K320,$A262:$B320),1)*2</f>
        <v>4.9014264786623133E-3</v>
      </c>
      <c r="N291">
        <f t="shared" si="23"/>
        <v>1.1915217144872565</v>
      </c>
      <c r="O291">
        <f t="shared" si="24"/>
        <v>-0.38535014975243109</v>
      </c>
    </row>
    <row r="292" spans="1:15" x14ac:dyDescent="0.4">
      <c r="A292">
        <v>9.6666666666666661</v>
      </c>
      <c r="B292">
        <f t="shared" si="20"/>
        <v>93.444444444444429</v>
      </c>
      <c r="C292">
        <v>-12.607162209370651</v>
      </c>
      <c r="D292">
        <v>2.1093992138980031</v>
      </c>
      <c r="E292" cm="1">
        <f t="array" ref="E292">INDEX(LINEST(C263:C321,$A263:$B321),1)*2</f>
        <v>3.2274267148569701E-2</v>
      </c>
      <c r="F292" cm="1">
        <f t="array" ref="F292">INDEX(LINEST(D263:D321,$A263:$B321),1)*2</f>
        <v>6.462491541626013E-3</v>
      </c>
      <c r="G292">
        <f t="shared" si="21"/>
        <v>1.8954677096354984</v>
      </c>
      <c r="H292">
        <f t="shared" si="22"/>
        <v>0.37954212823969574</v>
      </c>
      <c r="J292">
        <v>13.201540839733251</v>
      </c>
      <c r="K292">
        <v>2.2819086234151942</v>
      </c>
      <c r="L292" cm="1">
        <f t="array" ref="L292">INDEX(LINEST(J263:J321,$A263:$B321),1)*2</f>
        <v>-1.476843204326307E-2</v>
      </c>
      <c r="M292" cm="1">
        <f t="array" ref="M292">INDEX(LINEST(K263:K321,$A263:$B321),1)*2</f>
        <v>3.5420562507555522E-3</v>
      </c>
      <c r="N292">
        <f t="shared" si="23"/>
        <v>1.1610941272413426</v>
      </c>
      <c r="O292">
        <f t="shared" si="24"/>
        <v>-0.27847646243440155</v>
      </c>
    </row>
    <row r="293" spans="1:15" x14ac:dyDescent="0.4">
      <c r="A293">
        <v>9.6999999999999993</v>
      </c>
      <c r="B293">
        <f t="shared" si="20"/>
        <v>94.089999999999989</v>
      </c>
      <c r="C293">
        <v>-12.596658074341029</v>
      </c>
      <c r="D293">
        <v>2.1127714164158431</v>
      </c>
      <c r="E293" cm="1">
        <f t="array" ref="E293">INDEX(LINEST(C264:C322,$A264:$B322),1)*2</f>
        <v>3.3034450370962185E-2</v>
      </c>
      <c r="F293" cm="1">
        <f t="array" ref="F293">INDEX(LINEST(D264:D322,$A264:$B322),1)*2</f>
        <v>4.5551843332868195E-3</v>
      </c>
      <c r="G293">
        <f t="shared" si="21"/>
        <v>1.9401132702866091</v>
      </c>
      <c r="H293">
        <f t="shared" si="22"/>
        <v>0.2675259758939349</v>
      </c>
      <c r="J293">
        <v>13.195664109336551</v>
      </c>
      <c r="K293">
        <v>2.287034312133283</v>
      </c>
      <c r="L293" cm="1">
        <f t="array" ref="L293">INDEX(LINEST(J264:J322,$A264:$B322),1)*2</f>
        <v>-1.3951315262364639E-2</v>
      </c>
      <c r="M293" cm="1">
        <f t="array" ref="M293">INDEX(LINEST(K264:K322,$A264:$B322),1)*2</f>
        <v>2.1305573875373728E-3</v>
      </c>
      <c r="N293">
        <f t="shared" si="23"/>
        <v>1.0968524059271081</v>
      </c>
      <c r="O293">
        <f t="shared" si="24"/>
        <v>-0.16750442180818825</v>
      </c>
    </row>
    <row r="294" spans="1:15" x14ac:dyDescent="0.4">
      <c r="A294">
        <v>9.7333333333333325</v>
      </c>
      <c r="B294">
        <f t="shared" si="20"/>
        <v>94.737777777777765</v>
      </c>
      <c r="C294">
        <v>-12.586459406626631</v>
      </c>
      <c r="D294">
        <v>2.1160237854420956</v>
      </c>
      <c r="E294" cm="1">
        <f t="array" ref="E294">INDEX(LINEST(C265:C323,$A265:$B323),1)*2</f>
        <v>3.4059776861066281E-2</v>
      </c>
      <c r="F294" cm="1">
        <f t="array" ref="F294">INDEX(LINEST(D265:D323,$A265:$B323),1)*2</f>
        <v>2.8036779925223469E-3</v>
      </c>
      <c r="G294">
        <f t="shared" si="21"/>
        <v>2.0003306950504225</v>
      </c>
      <c r="H294">
        <f t="shared" si="22"/>
        <v>0.16466000850083742</v>
      </c>
      <c r="J294">
        <v>13.180497749928037</v>
      </c>
      <c r="K294">
        <v>2.2868818884205733</v>
      </c>
      <c r="L294" cm="1">
        <f t="array" ref="L294">INDEX(LINEST(J265:J323,$A265:$B323),1)*2</f>
        <v>-1.4298370013156257E-2</v>
      </c>
      <c r="M294" cm="1">
        <f t="array" ref="M294">INDEX(LINEST(K265:K323,$A265:$B323),1)*2</f>
        <v>7.5385595462358688E-4</v>
      </c>
      <c r="N294">
        <f t="shared" si="23"/>
        <v>1.1241378504343449</v>
      </c>
      <c r="O294">
        <f t="shared" si="24"/>
        <v>-5.9268155152506406E-2</v>
      </c>
    </row>
    <row r="295" spans="1:15" x14ac:dyDescent="0.4">
      <c r="A295">
        <v>9.7666666666666675</v>
      </c>
      <c r="B295">
        <f t="shared" si="20"/>
        <v>95.387777777777799</v>
      </c>
      <c r="C295">
        <v>-12.574102487760202</v>
      </c>
      <c r="D295">
        <v>2.1174917014159238</v>
      </c>
      <c r="E295" cm="1">
        <f t="array" ref="E295">INDEX(LINEST(C266:C324,$A266:$B324),1)*2</f>
        <v>3.5148030279747396E-2</v>
      </c>
      <c r="F295" cm="1">
        <f t="array" ref="F295">INDEX(LINEST(D266:D324,$A266:$B324),1)*2</f>
        <v>8.716990711295676E-4</v>
      </c>
      <c r="G295">
        <f t="shared" si="21"/>
        <v>2.0642438183295644</v>
      </c>
      <c r="H295">
        <f t="shared" si="22"/>
        <v>5.1194886447439504E-2</v>
      </c>
      <c r="J295">
        <v>13.16884187364875</v>
      </c>
      <c r="K295">
        <v>2.2879737364732029</v>
      </c>
      <c r="L295" cm="1">
        <f t="array" ref="L295">INDEX(LINEST(J266:J324,$A266:$B324),1)*2</f>
        <v>-1.5933371795943917E-2</v>
      </c>
      <c r="M295" cm="1">
        <f t="array" ref="M295">INDEX(LINEST(K266:K324,$A266:$B324),1)*2</f>
        <v>3.140141037378538E-4</v>
      </c>
      <c r="N295">
        <f t="shared" si="23"/>
        <v>1.2526816905971108</v>
      </c>
      <c r="O295">
        <f t="shared" si="24"/>
        <v>-2.4687788835870066E-2</v>
      </c>
    </row>
    <row r="296" spans="1:15" x14ac:dyDescent="0.4">
      <c r="A296">
        <v>9.8000000000000007</v>
      </c>
      <c r="B296">
        <f t="shared" si="20"/>
        <v>96.04000000000002</v>
      </c>
      <c r="C296">
        <v>-12.56257480332871</v>
      </c>
      <c r="D296">
        <v>2.1175596454574461</v>
      </c>
      <c r="E296" cm="1">
        <f t="array" ref="E296">INDEX(LINEST(C267:C325,$A267:$B325),1)*2</f>
        <v>3.4653777685164575E-2</v>
      </c>
      <c r="F296" cm="1">
        <f t="array" ref="F296">INDEX(LINEST(D267:D325,$A267:$B325),1)*2</f>
        <v>-1.3818042015135146E-3</v>
      </c>
      <c r="G296">
        <f t="shared" si="21"/>
        <v>2.0352163634497153</v>
      </c>
      <c r="H296">
        <f t="shared" si="22"/>
        <v>-8.1153360754888701E-2</v>
      </c>
      <c r="J296">
        <v>13.158165326216219</v>
      </c>
      <c r="K296">
        <v>2.2902603492742446</v>
      </c>
      <c r="L296" cm="1">
        <f t="array" ref="L296">INDEX(LINEST(J267:J325,$A267:$B325),1)*2</f>
        <v>-1.7325413617099841E-2</v>
      </c>
      <c r="M296" cm="1">
        <f t="array" ref="M296">INDEX(LINEST(K267:K325,$A267:$B325),1)*2</f>
        <v>-9.7750587163820154E-4</v>
      </c>
      <c r="N296">
        <f t="shared" si="23"/>
        <v>1.3621240185763897</v>
      </c>
      <c r="O296">
        <f t="shared" si="24"/>
        <v>7.685151162819541E-2</v>
      </c>
    </row>
    <row r="297" spans="1:15" x14ac:dyDescent="0.4">
      <c r="A297">
        <v>9.8333333333333339</v>
      </c>
      <c r="B297">
        <f t="shared" si="20"/>
        <v>96.694444444444457</v>
      </c>
      <c r="C297">
        <v>-12.549805826344075</v>
      </c>
      <c r="D297">
        <v>2.113827245199738</v>
      </c>
      <c r="E297" cm="1">
        <f t="array" ref="E297">INDEX(LINEST(C268:C326,$A268:$B326),1)*2</f>
        <v>3.4143869167560882E-2</v>
      </c>
      <c r="F297" cm="1">
        <f t="array" ref="F297">INDEX(LINEST(D268:D326,$A268:$B326),1)*2</f>
        <v>-3.0439311362435474E-3</v>
      </c>
      <c r="G297">
        <f t="shared" si="21"/>
        <v>2.0052694362108503</v>
      </c>
      <c r="H297">
        <f t="shared" si="22"/>
        <v>-0.17877007563158354</v>
      </c>
      <c r="J297">
        <v>13.146023758231905</v>
      </c>
      <c r="K297">
        <v>2.2882010059557212</v>
      </c>
      <c r="L297" cm="1">
        <f t="array" ref="L297">INDEX(LINEST(J268:J326,$A268:$B326),1)*2</f>
        <v>-1.8540460193967875E-2</v>
      </c>
      <c r="M297" cm="1">
        <f t="array" ref="M297">INDEX(LINEST(K268:K326,$A268:$B326),1)*2</f>
        <v>-3.1777340048739521E-3</v>
      </c>
      <c r="N297">
        <f t="shared" si="23"/>
        <v>1.4576509804497544</v>
      </c>
      <c r="O297">
        <f t="shared" si="24"/>
        <v>0.24983344746319014</v>
      </c>
    </row>
    <row r="298" spans="1:15" x14ac:dyDescent="0.4">
      <c r="A298">
        <v>9.8666666666666671</v>
      </c>
      <c r="B298">
        <f t="shared" si="20"/>
        <v>97.351111111111123</v>
      </c>
      <c r="C298">
        <v>-12.535813472862841</v>
      </c>
      <c r="D298">
        <v>2.1127215858989099</v>
      </c>
      <c r="E298" cm="1">
        <f t="array" ref="E298">INDEX(LINEST(C269:C327,$A269:$B327),1)*2</f>
        <v>3.4058630309131359E-2</v>
      </c>
      <c r="F298" cm="1">
        <f t="array" ref="F298">INDEX(LINEST(D269:D327,$A269:$B327),1)*2</f>
        <v>-5.2393162362537335E-3</v>
      </c>
      <c r="G298">
        <f t="shared" si="21"/>
        <v>2.0002633580552844</v>
      </c>
      <c r="H298">
        <f t="shared" si="22"/>
        <v>-0.30770504255518177</v>
      </c>
      <c r="J298">
        <v>13.136198701073765</v>
      </c>
      <c r="K298">
        <v>2.2874922993184552</v>
      </c>
      <c r="L298" cm="1">
        <f t="array" ref="L298">INDEX(LINEST(J269:J327,$A269:$B327),1)*2</f>
        <v>-1.9708711921930737E-2</v>
      </c>
      <c r="M298" cm="1">
        <f t="array" ref="M298">INDEX(LINEST(K269:K327,$A269:$B327),1)*2</f>
        <v>-4.8621602652251907E-3</v>
      </c>
      <c r="N298">
        <f t="shared" si="23"/>
        <v>1.5494989313021945</v>
      </c>
      <c r="O298">
        <f t="shared" si="24"/>
        <v>0.38226304005200451</v>
      </c>
    </row>
    <row r="299" spans="1:15" x14ac:dyDescent="0.4">
      <c r="A299">
        <v>9.9</v>
      </c>
      <c r="B299">
        <f t="shared" si="20"/>
        <v>98.01</v>
      </c>
      <c r="C299">
        <v>-12.524296134301613</v>
      </c>
      <c r="D299">
        <v>2.1133783572258968</v>
      </c>
      <c r="E299" cm="1">
        <f t="array" ref="E299">INDEX(LINEST(C270:C328,$A270:$B328),1)*2</f>
        <v>3.4321275868438923E-2</v>
      </c>
      <c r="F299" cm="1">
        <f t="array" ref="F299">INDEX(LINEST(D270:D328,$A270:$B328),1)*2</f>
        <v>-6.7316213866971423E-3</v>
      </c>
      <c r="G299">
        <f t="shared" si="21"/>
        <v>2.0156885317534177</v>
      </c>
      <c r="H299">
        <f t="shared" si="22"/>
        <v>-0.39534812404072317</v>
      </c>
      <c r="J299">
        <v>13.126767979197123</v>
      </c>
      <c r="K299">
        <v>2.2877250515370964</v>
      </c>
      <c r="L299" cm="1">
        <f t="array" ref="L299">INDEX(LINEST(J270:J328,$A270:$B328),1)*2</f>
        <v>-2.1018499377191448E-2</v>
      </c>
      <c r="M299" cm="1">
        <f t="array" ref="M299">INDEX(LINEST(K270:K328,$A270:$B328),1)*2</f>
        <v>-7.0707900347402233E-3</v>
      </c>
      <c r="N299">
        <f t="shared" si="23"/>
        <v>1.6524744210347917</v>
      </c>
      <c r="O299">
        <f t="shared" si="24"/>
        <v>0.5559055125312764</v>
      </c>
    </row>
    <row r="300" spans="1:15" x14ac:dyDescent="0.4">
      <c r="A300">
        <v>9.9333333333333336</v>
      </c>
      <c r="B300">
        <f t="shared" si="20"/>
        <v>98.671111111111117</v>
      </c>
      <c r="C300">
        <v>-12.513763364103612</v>
      </c>
      <c r="D300">
        <v>2.1153062093116763</v>
      </c>
      <c r="E300" cm="1">
        <f t="array" ref="E300">INDEX(LINEST(C271:C329,$A271:$B329),1)*2</f>
        <v>3.4877744235761052E-2</v>
      </c>
      <c r="F300" cm="1">
        <f t="array" ref="F300">INDEX(LINEST(D271:D329,$A271:$B329),1)*2</f>
        <v>-8.2220635627412806E-3</v>
      </c>
      <c r="G300">
        <f t="shared" si="21"/>
        <v>2.0483699189662463</v>
      </c>
      <c r="H300">
        <f t="shared" si="22"/>
        <v>-0.48288179303979539</v>
      </c>
      <c r="J300">
        <v>13.118530313740182</v>
      </c>
      <c r="K300">
        <v>2.2922402071861376</v>
      </c>
      <c r="L300" cm="1">
        <f t="array" ref="L300">INDEX(LINEST(J271:J329,$A271:$B329),1)*2</f>
        <v>-2.1660221712032746E-2</v>
      </c>
      <c r="M300" cm="1">
        <f t="array" ref="M300">INDEX(LINEST(K271:K329,$A271:$B329),1)*2</f>
        <v>-8.7804735385681367E-3</v>
      </c>
      <c r="N300">
        <f t="shared" si="23"/>
        <v>1.7029266310000146</v>
      </c>
      <c r="O300">
        <f t="shared" si="24"/>
        <v>0.69032082960222696</v>
      </c>
    </row>
    <row r="301" spans="1:15" x14ac:dyDescent="0.4">
      <c r="A301">
        <v>9.9666666666666668</v>
      </c>
      <c r="B301">
        <f t="shared" si="20"/>
        <v>99.334444444444443</v>
      </c>
      <c r="C301">
        <v>-12.503611861721039</v>
      </c>
      <c r="D301">
        <v>2.1175219148040889</v>
      </c>
      <c r="E301" cm="1">
        <f t="array" ref="E301">INDEX(LINEST(C272:C330,$A272:$B330),1)*2</f>
        <v>3.6645051581864353E-2</v>
      </c>
      <c r="F301" cm="1">
        <f t="array" ref="F301">INDEX(LINEST(D272:D330,$A272:$B330),1)*2</f>
        <v>-9.59090514036306E-3</v>
      </c>
      <c r="G301">
        <f t="shared" si="21"/>
        <v>2.1521638794028934</v>
      </c>
      <c r="H301">
        <f t="shared" si="22"/>
        <v>-0.56327385889352244</v>
      </c>
      <c r="J301">
        <v>13.108463669892107</v>
      </c>
      <c r="K301">
        <v>2.2944209256434482</v>
      </c>
      <c r="L301" cm="1">
        <f t="array" ref="L301">INDEX(LINEST(J272:J330,$A272:$B330),1)*2</f>
        <v>-2.2534424527108764E-2</v>
      </c>
      <c r="M301" cm="1">
        <f t="array" ref="M301">INDEX(LINEST(K272:K330,$A272:$B330),1)*2</f>
        <v>-9.2609348975823246E-3</v>
      </c>
      <c r="N301">
        <f t="shared" si="23"/>
        <v>1.7716564563212911</v>
      </c>
      <c r="O301">
        <f t="shared" si="24"/>
        <v>0.72809470164792245</v>
      </c>
    </row>
    <row r="302" spans="1:15" x14ac:dyDescent="0.4">
      <c r="A302">
        <v>10</v>
      </c>
      <c r="B302">
        <f t="shared" si="20"/>
        <v>100</v>
      </c>
      <c r="C302">
        <v>-12.491212249248854</v>
      </c>
      <c r="D302">
        <v>2.1191848990859352</v>
      </c>
      <c r="E302" cm="1">
        <f t="array" ref="E302">INDEX(LINEST(C273:C331,$A273:$B331),1)*2</f>
        <v>3.9012463300344587E-2</v>
      </c>
      <c r="F302" cm="1">
        <f t="array" ref="F302">INDEX(LINEST(D273:D331,$A273:$B331),1)*2</f>
        <v>-1.102613097503617E-2</v>
      </c>
      <c r="G302">
        <f t="shared" si="21"/>
        <v>2.2912019696292374</v>
      </c>
      <c r="H302">
        <f t="shared" si="22"/>
        <v>-0.64756467216387426</v>
      </c>
      <c r="J302">
        <v>13.096923969824648</v>
      </c>
      <c r="K302">
        <v>2.2972858657953661</v>
      </c>
      <c r="L302" cm="1">
        <f t="array" ref="L302">INDEX(LINEST(J273:J331,$A273:$B331),1)*2</f>
        <v>-2.2560429635062485E-2</v>
      </c>
      <c r="M302" cm="1">
        <f t="array" ref="M302">INDEX(LINEST(K273:K331,$A273:$B331),1)*2</f>
        <v>-9.1830516992835003E-3</v>
      </c>
      <c r="N302">
        <f t="shared" si="23"/>
        <v>1.7737009779086126</v>
      </c>
      <c r="O302">
        <f t="shared" si="24"/>
        <v>0.72197152459766878</v>
      </c>
    </row>
    <row r="303" spans="1:15" x14ac:dyDescent="0.4">
      <c r="A303">
        <v>10.033333333333333</v>
      </c>
      <c r="B303">
        <f t="shared" si="20"/>
        <v>100.66777777777777</v>
      </c>
      <c r="C303">
        <v>-12.482306812724735</v>
      </c>
      <c r="D303">
        <v>2.1253030458952269</v>
      </c>
      <c r="E303" cm="1">
        <f t="array" ref="E303">INDEX(LINEST(C274:C332,$A274:$B332),1)*2</f>
        <v>4.2645748670297953E-2</v>
      </c>
      <c r="F303" cm="1">
        <f t="array" ref="F303">INDEX(LINEST(D274:D332,$A274:$B332),1)*2</f>
        <v>-1.1799480821912019E-2</v>
      </c>
      <c r="G303">
        <f t="shared" si="21"/>
        <v>2.5045848194065985</v>
      </c>
      <c r="H303">
        <f t="shared" si="22"/>
        <v>-0.69298350867089287</v>
      </c>
      <c r="J303">
        <v>13.083914738512087</v>
      </c>
      <c r="K303">
        <v>2.2960908009029635</v>
      </c>
      <c r="L303" cm="1">
        <f t="array" ref="L303">INDEX(LINEST(J274:J332,$A274:$B332),1)*2</f>
        <v>-2.3111627505007462E-2</v>
      </c>
      <c r="M303" cm="1">
        <f t="array" ref="M303">INDEX(LINEST(K274:K332,$A274:$B332),1)*2</f>
        <v>-8.1352995752199172E-3</v>
      </c>
      <c r="N303">
        <f t="shared" si="23"/>
        <v>1.8170361544436868</v>
      </c>
      <c r="O303">
        <f t="shared" si="24"/>
        <v>0.63959725260378997</v>
      </c>
    </row>
    <row r="304" spans="1:15" x14ac:dyDescent="0.4">
      <c r="A304">
        <v>10.066666666666666</v>
      </c>
      <c r="B304">
        <f t="shared" si="20"/>
        <v>101.33777777777777</v>
      </c>
      <c r="C304">
        <v>-12.473353415292491</v>
      </c>
      <c r="D304">
        <v>2.1301964829065345</v>
      </c>
      <c r="E304" cm="1">
        <f t="array" ref="E304">INDEX(LINEST(C275:C333,$A275:$B333),1)*2</f>
        <v>4.5712346134747207E-2</v>
      </c>
      <c r="F304" cm="1">
        <f t="array" ref="F304">INDEX(LINEST(D275:D333,$A275:$B333),1)*2</f>
        <v>-1.1946999221468361E-2</v>
      </c>
      <c r="G304">
        <f t="shared" si="21"/>
        <v>2.6846860884937032</v>
      </c>
      <c r="H304">
        <f t="shared" si="22"/>
        <v>-0.70164726427683677</v>
      </c>
      <c r="J304">
        <v>13.071707100289688</v>
      </c>
      <c r="K304">
        <v>2.2972031135587958</v>
      </c>
      <c r="L304" cm="1">
        <f t="array" ref="L304">INDEX(LINEST(J275:J333,$A275:$B333),1)*2</f>
        <v>-2.2694419452145856E-2</v>
      </c>
      <c r="M304" cm="1">
        <f t="array" ref="M304">INDEX(LINEST(K275:K333,$A275:$B333),1)*2</f>
        <v>-5.3673559490261431E-3</v>
      </c>
      <c r="N304">
        <f t="shared" si="23"/>
        <v>1.7842352573277074</v>
      </c>
      <c r="O304">
        <f t="shared" si="24"/>
        <v>0.42198152471243539</v>
      </c>
    </row>
    <row r="305" spans="1:15" x14ac:dyDescent="0.4">
      <c r="A305">
        <v>10.1</v>
      </c>
      <c r="B305">
        <f t="shared" si="20"/>
        <v>102.00999999999999</v>
      </c>
      <c r="C305">
        <v>-12.463562258665009</v>
      </c>
      <c r="D305">
        <v>2.1330709858674055</v>
      </c>
      <c r="E305" cm="1">
        <f t="array" ref="E305">INDEX(LINEST(C276:C334,$A276:$B334),1)*2</f>
        <v>4.8774537158707512E-2</v>
      </c>
      <c r="F305" cm="1">
        <f t="array" ref="F305">INDEX(LINEST(D276:D334,$A276:$B334),1)*2</f>
        <v>-1.102968555841833E-2</v>
      </c>
      <c r="G305">
        <f t="shared" si="21"/>
        <v>2.864528567330892</v>
      </c>
      <c r="H305">
        <f t="shared" si="22"/>
        <v>-0.64777343284590849</v>
      </c>
      <c r="J305">
        <v>13.060962278571886</v>
      </c>
      <c r="K305">
        <v>2.2959779024828881</v>
      </c>
      <c r="L305" cm="1">
        <f t="array" ref="L305">INDEX(LINEST(J276:J334,$A276:$B334),1)*2</f>
        <v>-2.3110799633559727E-2</v>
      </c>
      <c r="M305" cm="1">
        <f t="array" ref="M305">INDEX(LINEST(K276:K334,$A276:$B334),1)*2</f>
        <v>-1.5956439475603799E-3</v>
      </c>
      <c r="N305">
        <f t="shared" si="23"/>
        <v>1.8169710671904657</v>
      </c>
      <c r="O305">
        <f t="shared" si="24"/>
        <v>0.12544952715719707</v>
      </c>
    </row>
    <row r="306" spans="1:15" x14ac:dyDescent="0.4">
      <c r="A306">
        <v>10.133333333333333</v>
      </c>
      <c r="B306">
        <f t="shared" si="20"/>
        <v>102.68444444444444</v>
      </c>
      <c r="C306">
        <v>-12.449214382640729</v>
      </c>
      <c r="D306">
        <v>2.1338219760946502</v>
      </c>
      <c r="E306" cm="1">
        <f t="array" ref="E306">INDEX(LINEST(C277:C335,$A277:$B335),1)*2</f>
        <v>5.1282434541683075E-2</v>
      </c>
      <c r="F306" cm="1">
        <f t="array" ref="F306">INDEX(LINEST(D277:D335,$A277:$B335),1)*2</f>
        <v>-9.6193149077780839E-3</v>
      </c>
      <c r="G306">
        <f t="shared" si="21"/>
        <v>3.011817380633047</v>
      </c>
      <c r="H306">
        <f t="shared" si="22"/>
        <v>-0.56494236453380686</v>
      </c>
      <c r="J306">
        <v>13.050498777920625</v>
      </c>
      <c r="K306">
        <v>2.2980449586434473</v>
      </c>
      <c r="L306" cm="1">
        <f t="array" ref="L306">INDEX(LINEST(J277:J335,$A277:$B335),1)*2</f>
        <v>-2.378293429053762E-2</v>
      </c>
      <c r="M306" cm="1">
        <f t="array" ref="M306">INDEX(LINEST(K277:K335,$A277:$B335),1)*2</f>
        <v>2.2182633216845751E-3</v>
      </c>
      <c r="N306">
        <f t="shared" si="23"/>
        <v>1.8698142939220679</v>
      </c>
      <c r="O306">
        <f t="shared" si="24"/>
        <v>-0.17439986235084129</v>
      </c>
    </row>
    <row r="307" spans="1:15" x14ac:dyDescent="0.4">
      <c r="A307">
        <v>10.166666666666666</v>
      </c>
      <c r="B307">
        <f t="shared" si="20"/>
        <v>103.3611111111111</v>
      </c>
      <c r="C307">
        <v>-12.434061184906913</v>
      </c>
      <c r="D307">
        <v>2.1363258791039899</v>
      </c>
      <c r="E307" cm="1">
        <f t="array" ref="E307">INDEX(LINEST(C278:C336,$A278:$B336),1)*2</f>
        <v>5.1215452956113058E-2</v>
      </c>
      <c r="F307" cm="1">
        <f t="array" ref="F307">INDEX(LINEST(D278:D336,$A278:$B336),1)*2</f>
        <v>-8.1538258285072194E-3</v>
      </c>
      <c r="G307">
        <f t="shared" si="21"/>
        <v>3.0078835521125198</v>
      </c>
      <c r="H307">
        <f t="shared" si="22"/>
        <v>-0.47887419090822897</v>
      </c>
      <c r="J307">
        <v>13.038735541035637</v>
      </c>
      <c r="K307">
        <v>2.2989511352870822</v>
      </c>
      <c r="L307" cm="1">
        <f t="array" ref="L307">INDEX(LINEST(J278:J336,$A278:$B336),1)*2</f>
        <v>-2.5181003450018075E-2</v>
      </c>
      <c r="M307" cm="1">
        <f t="array" ref="M307">INDEX(LINEST(K278:K336,$A278:$B336),1)*2</f>
        <v>4.89162722931572E-3</v>
      </c>
      <c r="N307">
        <f t="shared" si="23"/>
        <v>1.9797304912404212</v>
      </c>
      <c r="O307">
        <f t="shared" si="24"/>
        <v>-0.38457973276880192</v>
      </c>
    </row>
    <row r="308" spans="1:15" x14ac:dyDescent="0.4">
      <c r="A308">
        <v>10.199999999999999</v>
      </c>
      <c r="B308">
        <f t="shared" si="20"/>
        <v>104.03999999999999</v>
      </c>
      <c r="C308">
        <v>-12.421946704196623</v>
      </c>
      <c r="D308">
        <v>2.1391621504344065</v>
      </c>
      <c r="E308" cm="1">
        <f t="array" ref="E308">INDEX(LINEST(C279:C337,$A279:$B337),1)*2</f>
        <v>5.0575000882979691E-2</v>
      </c>
      <c r="F308" cm="1">
        <f t="array" ref="F308">INDEX(LINEST(D279:D337,$A279:$B337),1)*2</f>
        <v>-7.3063299371423987E-3</v>
      </c>
      <c r="G308">
        <f t="shared" si="21"/>
        <v>2.970269801857397</v>
      </c>
      <c r="H308">
        <f t="shared" si="22"/>
        <v>-0.42910075720837304</v>
      </c>
      <c r="J308">
        <v>13.027509054625311</v>
      </c>
      <c r="K308">
        <v>2.3002521439612531</v>
      </c>
      <c r="L308" cm="1">
        <f t="array" ref="L308">INDEX(LINEST(J279:J337,$A279:$B337),1)*2</f>
        <v>-2.6690737642541561E-2</v>
      </c>
      <c r="M308" cm="1">
        <f t="array" ref="M308">INDEX(LINEST(K279:K337,$A279:$B337),1)*2</f>
        <v>6.0311436718051203E-3</v>
      </c>
      <c r="N308">
        <f t="shared" si="23"/>
        <v>2.0984257934566175</v>
      </c>
      <c r="O308">
        <f t="shared" si="24"/>
        <v>-0.47416851547731859</v>
      </c>
    </row>
    <row r="309" spans="1:15" x14ac:dyDescent="0.4">
      <c r="A309">
        <v>10.233333333333333</v>
      </c>
      <c r="B309">
        <f t="shared" si="20"/>
        <v>104.7211111111111</v>
      </c>
      <c r="C309">
        <v>-12.407383893443724</v>
      </c>
      <c r="D309">
        <v>2.1377797209352378</v>
      </c>
      <c r="E309" cm="1">
        <f t="array" ref="E309">INDEX(LINEST(C280:C338,$A280:$B338),1)*2</f>
        <v>4.9299241692711472E-2</v>
      </c>
      <c r="F309" cm="1">
        <f t="array" ref="F309">INDEX(LINEST(D280:D338,$A280:$B338),1)*2</f>
        <v>-6.0241712483830165E-3</v>
      </c>
      <c r="G309">
        <f t="shared" si="21"/>
        <v>2.8953444646129447</v>
      </c>
      <c r="H309">
        <f t="shared" si="22"/>
        <v>-0.35379957741753454</v>
      </c>
      <c r="J309">
        <v>13.019446804431452</v>
      </c>
      <c r="K309">
        <v>2.3020837676169355</v>
      </c>
      <c r="L309" cm="1">
        <f t="array" ref="L309">INDEX(LINEST(J280:J338,$A280:$B338),1)*2</f>
        <v>-2.7161471054021693E-2</v>
      </c>
      <c r="M309" cm="1">
        <f t="array" ref="M309">INDEX(LINEST(K280:K338,$A280:$B338),1)*2</f>
        <v>6.8881284609781613E-3</v>
      </c>
      <c r="N309">
        <f t="shared" si="23"/>
        <v>2.1354348542671855</v>
      </c>
      <c r="O309">
        <f t="shared" si="24"/>
        <v>-0.54154465960210307</v>
      </c>
    </row>
    <row r="310" spans="1:15" x14ac:dyDescent="0.4">
      <c r="A310">
        <v>10.266666666666667</v>
      </c>
      <c r="B310">
        <f t="shared" si="20"/>
        <v>105.40444444444447</v>
      </c>
      <c r="C310">
        <v>-12.394087337677941</v>
      </c>
      <c r="D310">
        <v>2.1394973413915208</v>
      </c>
      <c r="E310" cm="1">
        <f t="array" ref="E310">INDEX(LINEST(C281:C339,$A281:$B339),1)*2</f>
        <v>4.7706520177328883E-2</v>
      </c>
      <c r="F310" cm="1">
        <f t="array" ref="F310">INDEX(LINEST(D281:D339,$A281:$B339),1)*2</f>
        <v>-5.5326390030641295E-3</v>
      </c>
      <c r="G310">
        <f t="shared" si="21"/>
        <v>2.801803930014525</v>
      </c>
      <c r="H310">
        <f t="shared" si="22"/>
        <v>-0.32493188864995631</v>
      </c>
      <c r="J310">
        <v>13.007900645791175</v>
      </c>
      <c r="K310">
        <v>2.3047327874615822</v>
      </c>
      <c r="L310" cm="1">
        <f t="array" ref="L310">INDEX(LINEST(J281:J339,$A281:$B339),1)*2</f>
        <v>-2.8235477889623734E-2</v>
      </c>
      <c r="M310" cm="1">
        <f t="array" ref="M310">INDEX(LINEST(K281:K339,$A281:$B339),1)*2</f>
        <v>7.5593390996858741E-3</v>
      </c>
      <c r="N310">
        <f t="shared" si="23"/>
        <v>2.2198732716822183</v>
      </c>
      <c r="O310">
        <f t="shared" si="24"/>
        <v>-0.5943152400173034</v>
      </c>
    </row>
    <row r="311" spans="1:15" x14ac:dyDescent="0.4">
      <c r="A311">
        <v>10.3</v>
      </c>
      <c r="B311">
        <f t="shared" si="20"/>
        <v>106.09000000000002</v>
      </c>
      <c r="C311">
        <v>-12.380427047092624</v>
      </c>
      <c r="D311">
        <v>2.1409424921155025</v>
      </c>
      <c r="E311" cm="1">
        <f t="array" ref="E311">INDEX(LINEST(C282:C340,$A282:$B340),1)*2</f>
        <v>4.6537161252480835E-2</v>
      </c>
      <c r="F311" cm="1">
        <f t="array" ref="F311">INDEX(LINEST(D282:D340,$A282:$B340),1)*2</f>
        <v>-4.2276510452665585E-3</v>
      </c>
      <c r="G311">
        <f t="shared" si="21"/>
        <v>2.7331274803581995</v>
      </c>
      <c r="H311">
        <f t="shared" si="22"/>
        <v>-0.24828994588850498</v>
      </c>
      <c r="J311">
        <v>12.998785595086343</v>
      </c>
      <c r="K311">
        <v>2.3071308830675004</v>
      </c>
      <c r="L311" cm="1">
        <f t="array" ref="L311">INDEX(LINEST(J282:J340,$A282:$B340),1)*2</f>
        <v>-2.8481896177708872E-2</v>
      </c>
      <c r="M311" cm="1">
        <f t="array" ref="M311">INDEX(LINEST(K282:K340,$A282:$B340),1)*2</f>
        <v>7.9539393430760382E-3</v>
      </c>
      <c r="N311">
        <f t="shared" si="23"/>
        <v>2.2392466774914714</v>
      </c>
      <c r="O311">
        <f t="shared" si="24"/>
        <v>-0.62533871115263817</v>
      </c>
    </row>
    <row r="312" spans="1:15" x14ac:dyDescent="0.4">
      <c r="A312">
        <v>10.333333333333334</v>
      </c>
      <c r="B312">
        <f t="shared" si="20"/>
        <v>106.77777777777779</v>
      </c>
      <c r="C312">
        <v>-12.368405668020015</v>
      </c>
      <c r="D312">
        <v>2.1385472587187846</v>
      </c>
      <c r="E312" cm="1">
        <f t="array" ref="E312">INDEX(LINEST(C283:C341,$A283:$B341),1)*2</f>
        <v>4.4752035332604675E-2</v>
      </c>
      <c r="F312" cm="1">
        <f t="array" ref="F312">INDEX(LINEST(D283:D341,$A283:$B341),1)*2</f>
        <v>-3.1123321172147468E-3</v>
      </c>
      <c r="G312">
        <f t="shared" si="21"/>
        <v>2.6282870350838725</v>
      </c>
      <c r="H312">
        <f t="shared" si="22"/>
        <v>-0.18278726524402206</v>
      </c>
      <c r="J312">
        <v>12.990838644110822</v>
      </c>
      <c r="K312">
        <v>2.3073984973191028</v>
      </c>
      <c r="L312" cm="1">
        <f t="array" ref="L312">INDEX(LINEST(J283:J341,$A283:$B341),1)*2</f>
        <v>-3.0084173466586466E-2</v>
      </c>
      <c r="M312" cm="1">
        <f t="array" ref="M312">INDEX(LINEST(K283:K341,$A283:$B341),1)*2</f>
        <v>7.56553951791756E-3</v>
      </c>
      <c r="N312">
        <f t="shared" si="23"/>
        <v>2.365217717943028</v>
      </c>
      <c r="O312">
        <f t="shared" si="24"/>
        <v>-0.59480271689867859</v>
      </c>
    </row>
    <row r="313" spans="1:15" x14ac:dyDescent="0.4">
      <c r="A313">
        <v>10.366666666666667</v>
      </c>
      <c r="B313">
        <f t="shared" si="20"/>
        <v>107.46777777777778</v>
      </c>
      <c r="C313">
        <v>-12.35448551106934</v>
      </c>
      <c r="D313">
        <v>2.1394386734396513</v>
      </c>
      <c r="E313" cm="1">
        <f t="array" ref="E313">INDEX(LINEST(C284:C342,$A284:$B342),1)*2</f>
        <v>4.2979619957727602E-2</v>
      </c>
      <c r="F313" cm="1">
        <f t="array" ref="F313">INDEX(LINEST(D284:D342,$A284:$B342),1)*2</f>
        <v>-2.5315133648421777E-3</v>
      </c>
      <c r="G313">
        <f t="shared" si="21"/>
        <v>2.524193080117342</v>
      </c>
      <c r="H313">
        <f t="shared" si="22"/>
        <v>-0.14867577991718109</v>
      </c>
      <c r="J313">
        <v>12.983942069217079</v>
      </c>
      <c r="K313">
        <v>2.3098855016817015</v>
      </c>
      <c r="L313" cm="1">
        <f t="array" ref="L313">INDEX(LINEST(J284:J342,$A284:$B342),1)*2</f>
        <v>-3.2254538832830346E-2</v>
      </c>
      <c r="M313" cm="1">
        <f t="array" ref="M313">INDEX(LINEST(K284:K342,$A284:$B342),1)*2</f>
        <v>6.8249036953526932E-3</v>
      </c>
      <c r="N313">
        <f t="shared" si="23"/>
        <v>2.535851843037122</v>
      </c>
      <c r="O313">
        <f t="shared" si="24"/>
        <v>-0.53657392852862873</v>
      </c>
    </row>
    <row r="314" spans="1:15" x14ac:dyDescent="0.4">
      <c r="A314">
        <v>10.4</v>
      </c>
      <c r="B314">
        <f t="shared" si="20"/>
        <v>108.16000000000001</v>
      </c>
      <c r="C314">
        <v>-12.34316221141547</v>
      </c>
      <c r="D314">
        <v>2.1402837399187016</v>
      </c>
      <c r="E314" cm="1">
        <f t="array" ref="E314">INDEX(LINEST(C285:C343,$A285:$B343),1)*2</f>
        <v>4.0740908138198223E-2</v>
      </c>
      <c r="F314" cm="1">
        <f t="array" ref="F314">INDEX(LINEST(D285:D343,$A285:$B343),1)*2</f>
        <v>-2.4210891204209167E-3</v>
      </c>
      <c r="G314">
        <f t="shared" si="21"/>
        <v>2.3927135349563815</v>
      </c>
      <c r="H314">
        <f t="shared" si="22"/>
        <v>-0.14219056404232042</v>
      </c>
      <c r="J314">
        <v>12.97466386378588</v>
      </c>
      <c r="K314">
        <v>2.3089872001324316</v>
      </c>
      <c r="L314" cm="1">
        <f t="array" ref="L314">INDEX(LINEST(J285:J343,$A285:$B343),1)*2</f>
        <v>-3.4146918790483816E-2</v>
      </c>
      <c r="M314" cm="1">
        <f t="array" ref="M314">INDEX(LINEST(K285:K343,$A285:$B343),1)*2</f>
        <v>4.9962797468267525E-3</v>
      </c>
      <c r="N314">
        <f t="shared" si="23"/>
        <v>2.6846307553078379</v>
      </c>
      <c r="O314">
        <f t="shared" si="24"/>
        <v>-0.39280751369551931</v>
      </c>
    </row>
    <row r="315" spans="1:15" x14ac:dyDescent="0.4">
      <c r="A315">
        <v>10.433333333333334</v>
      </c>
      <c r="B315">
        <f t="shared" si="20"/>
        <v>108.85444444444445</v>
      </c>
      <c r="C315">
        <v>-12.328754691428664</v>
      </c>
      <c r="D315">
        <v>2.1426722431488132</v>
      </c>
      <c r="E315" cm="1">
        <f t="array" ref="E315">INDEX(LINEST(C286:C344,$A286:$B344),1)*2</f>
        <v>3.9634629477209631E-2</v>
      </c>
      <c r="F315" cm="1">
        <f t="array" ref="F315">INDEX(LINEST(D286:D344,$A286:$B344),1)*2</f>
        <v>-2.6135589420376343E-3</v>
      </c>
      <c r="G315">
        <f t="shared" si="21"/>
        <v>2.3277417891965215</v>
      </c>
      <c r="H315">
        <f t="shared" si="22"/>
        <v>-0.15349431666587027</v>
      </c>
      <c r="J315">
        <v>12.965405771339302</v>
      </c>
      <c r="K315">
        <v>2.3099237753762769</v>
      </c>
      <c r="L315" cm="1">
        <f t="array" ref="L315">INDEX(LINEST(J286:J344,$A286:$B344),1)*2</f>
        <v>-3.5377376272179427E-2</v>
      </c>
      <c r="M315" cm="1">
        <f t="array" ref="M315">INDEX(LINEST(K286:K344,$A286:$B344),1)*2</f>
        <v>3.6972128444056544E-3</v>
      </c>
      <c r="N315">
        <f t="shared" si="23"/>
        <v>2.7813693225187466</v>
      </c>
      <c r="O315">
        <f t="shared" si="24"/>
        <v>-0.29067487382717255</v>
      </c>
    </row>
    <row r="316" spans="1:15" x14ac:dyDescent="0.4">
      <c r="A316">
        <v>10.466666666666667</v>
      </c>
      <c r="B316">
        <f t="shared" si="20"/>
        <v>109.55111111111111</v>
      </c>
      <c r="C316">
        <v>-12.314892774981891</v>
      </c>
      <c r="D316">
        <v>2.1467099364812117</v>
      </c>
      <c r="E316" cm="1">
        <f t="array" ref="E316">INDEX(LINEST(C287:C345,$A287:$B345),1)*2</f>
        <v>3.7373219957519355E-2</v>
      </c>
      <c r="F316" cm="1">
        <f t="array" ref="F316">INDEX(LINEST(D287:D345,$A287:$B345),1)*2</f>
        <v>-3.4315025480168519E-3</v>
      </c>
      <c r="G316">
        <f t="shared" si="21"/>
        <v>2.1949292081051115</v>
      </c>
      <c r="H316">
        <f t="shared" si="22"/>
        <v>-0.20153214464502969</v>
      </c>
      <c r="J316">
        <v>12.957098751238684</v>
      </c>
      <c r="K316">
        <v>2.3102453427724239</v>
      </c>
      <c r="L316" cm="1">
        <f t="array" ref="L316">INDEX(LINEST(J287:J345,$A287:$B345),1)*2</f>
        <v>-3.5306912155271382E-2</v>
      </c>
      <c r="M316" cm="1">
        <f t="array" ref="M316">INDEX(LINEST(K287:K345,$A287:$B345),1)*2</f>
        <v>1.9689123484757419E-3</v>
      </c>
      <c r="N316">
        <f t="shared" si="23"/>
        <v>2.7758294336474361</v>
      </c>
      <c r="O316">
        <f t="shared" si="24"/>
        <v>-0.15479588883716283</v>
      </c>
    </row>
    <row r="317" spans="1:15" x14ac:dyDescent="0.4">
      <c r="A317">
        <v>10.5</v>
      </c>
      <c r="B317">
        <f t="shared" si="20"/>
        <v>110.25</v>
      </c>
      <c r="C317">
        <v>-12.299584784160333</v>
      </c>
      <c r="D317">
        <v>2.1499184488361647</v>
      </c>
      <c r="E317" cm="1">
        <f t="array" ref="E317">INDEX(LINEST(C288:C346,$A288:$B346),1)*2</f>
        <v>3.4955872543925175E-2</v>
      </c>
      <c r="F317" cm="1">
        <f t="array" ref="F317">INDEX(LINEST(D288:D346,$A288:$B346),1)*2</f>
        <v>-4.4972201633075156E-3</v>
      </c>
      <c r="G317">
        <f t="shared" si="21"/>
        <v>2.0529583945047256</v>
      </c>
      <c r="H317">
        <f t="shared" si="22"/>
        <v>-0.26412174019105039</v>
      </c>
      <c r="J317">
        <v>12.942770173175225</v>
      </c>
      <c r="K317">
        <v>2.3119907556333503</v>
      </c>
      <c r="L317" cm="1">
        <f t="array" ref="L317">INDEX(LINEST(J288:J346,$A288:$B346),1)*2</f>
        <v>-3.6052293099360866E-2</v>
      </c>
      <c r="M317" cm="1">
        <f t="array" ref="M317">INDEX(LINEST(K288:K346,$A288:$B346),1)*2</f>
        <v>5.2999307417258694E-5</v>
      </c>
      <c r="N317">
        <f t="shared" si="23"/>
        <v>2.8344312834717513</v>
      </c>
      <c r="O317">
        <f t="shared" si="24"/>
        <v>-4.1668055491448789E-3</v>
      </c>
    </row>
    <row r="318" spans="1:15" x14ac:dyDescent="0.4">
      <c r="A318">
        <v>10.533333333333333</v>
      </c>
      <c r="B318">
        <f t="shared" si="20"/>
        <v>110.9511111111111</v>
      </c>
      <c r="C318">
        <v>-12.285196611686393</v>
      </c>
      <c r="D318">
        <v>2.1489764838401166</v>
      </c>
      <c r="E318" cm="1">
        <f t="array" ref="E318">INDEX(LINEST(C289:C347,$A289:$B347),1)*2</f>
        <v>3.3826700259264611E-2</v>
      </c>
      <c r="F318" cm="1">
        <f t="array" ref="F318">INDEX(LINEST(D289:D347,$A289:$B347),1)*2</f>
        <v>-4.774605156137042E-3</v>
      </c>
      <c r="G318">
        <f t="shared" si="21"/>
        <v>1.9866421062266104</v>
      </c>
      <c r="H318">
        <f t="shared" si="22"/>
        <v>-0.28041256081992844</v>
      </c>
      <c r="J318">
        <v>12.93640175283994</v>
      </c>
      <c r="K318">
        <v>2.3084208033917402</v>
      </c>
      <c r="L318" cm="1">
        <f t="array" ref="L318">INDEX(LINEST(J289:J347,$A289:$B347),1)*2</f>
        <v>-3.7968369499157613E-2</v>
      </c>
      <c r="M318" cm="1">
        <f t="array" ref="M318">INDEX(LINEST(K289:K347,$A289:$B347),1)*2</f>
        <v>-1.112693161293849E-3</v>
      </c>
      <c r="N318">
        <f t="shared" si="23"/>
        <v>2.9850732100237716</v>
      </c>
      <c r="O318">
        <f t="shared" si="24"/>
        <v>8.747993634092241E-2</v>
      </c>
    </row>
    <row r="319" spans="1:15" x14ac:dyDescent="0.4">
      <c r="A319">
        <v>10.566666666666666</v>
      </c>
      <c r="B319">
        <f t="shared" si="20"/>
        <v>111.65444444444444</v>
      </c>
      <c r="C319">
        <v>-12.26812827562089</v>
      </c>
      <c r="D319">
        <v>2.147783897367709</v>
      </c>
      <c r="E319" cm="1">
        <f t="array" ref="E319">INDEX(LINEST(C290:C348,$A290:$B348),1)*2</f>
        <v>3.3185876320413601E-2</v>
      </c>
      <c r="F319" cm="1">
        <f t="array" ref="F319">INDEX(LINEST(D290:D348,$A290:$B348),1)*2</f>
        <v>-4.6735239675311947E-3</v>
      </c>
      <c r="G319">
        <f t="shared" si="21"/>
        <v>1.9490065162978907</v>
      </c>
      <c r="H319">
        <f t="shared" si="22"/>
        <v>-0.27447606261310703</v>
      </c>
      <c r="J319">
        <v>12.922618855565194</v>
      </c>
      <c r="K319">
        <v>2.311158501735691</v>
      </c>
      <c r="L319" cm="1">
        <f t="array" ref="L319">INDEX(LINEST(J290:J348,$A290:$B348),1)*2</f>
        <v>-4.0063705458939176E-2</v>
      </c>
      <c r="M319" cm="1">
        <f t="array" ref="M319">INDEX(LINEST(K290:K348,$A290:$B348),1)*2</f>
        <v>1.2241621033660995E-4</v>
      </c>
      <c r="N319">
        <f t="shared" si="23"/>
        <v>3.149808523181798</v>
      </c>
      <c r="O319">
        <f t="shared" si="24"/>
        <v>-9.624362456664275E-3</v>
      </c>
    </row>
    <row r="320" spans="1:15" x14ac:dyDescent="0.4">
      <c r="A320">
        <v>10.6</v>
      </c>
      <c r="B320">
        <f t="shared" si="20"/>
        <v>112.36</v>
      </c>
      <c r="C320">
        <v>-12.252758916129741</v>
      </c>
      <c r="D320">
        <v>2.1498016213932973</v>
      </c>
      <c r="E320" cm="1">
        <f t="array" ref="E320">INDEX(LINEST(C291:C349,$A291:$B349),1)*2</f>
        <v>3.288666108168864E-2</v>
      </c>
      <c r="F320" cm="1">
        <f t="array" ref="F320">INDEX(LINEST(D291:D349,$A291:$B349),1)*2</f>
        <v>-4.8995754333044607E-3</v>
      </c>
      <c r="G320">
        <f t="shared" si="21"/>
        <v>1.9314336053275738</v>
      </c>
      <c r="H320">
        <f t="shared" si="22"/>
        <v>-0.28775206519797097</v>
      </c>
      <c r="J320">
        <v>12.910574976894109</v>
      </c>
      <c r="K320">
        <v>2.3097444221507488</v>
      </c>
      <c r="L320" cm="1">
        <f t="array" ref="L320">INDEX(LINEST(J291:J349,$A291:$B349),1)*2</f>
        <v>-4.1294667276532998E-2</v>
      </c>
      <c r="M320" cm="1">
        <f t="array" ref="M320">INDEX(LINEST(K291:K349,$A291:$B349),1)*2</f>
        <v>1.3463782431760527E-3</v>
      </c>
      <c r="N320">
        <f t="shared" si="23"/>
        <v>3.2465867412810243</v>
      </c>
      <c r="O320">
        <f t="shared" si="24"/>
        <v>-0.10585225747850127</v>
      </c>
    </row>
    <row r="321" spans="1:15" x14ac:dyDescent="0.4">
      <c r="A321">
        <v>10.633333333333333</v>
      </c>
      <c r="B321">
        <f t="shared" si="20"/>
        <v>113.06777777777776</v>
      </c>
      <c r="C321">
        <v>-12.241542326362858</v>
      </c>
      <c r="D321">
        <v>2.1512583413865021</v>
      </c>
      <c r="E321" cm="1">
        <f t="array" ref="E321">INDEX(LINEST(C292:C350,$A292:$B350),1)*2</f>
        <v>3.2034720643619154E-2</v>
      </c>
      <c r="F321" cm="1">
        <f t="array" ref="F321">INDEX(LINEST(D292:D350,$A292:$B350),1)*2</f>
        <v>-5.5771290100142474E-3</v>
      </c>
      <c r="G321">
        <f t="shared" si="21"/>
        <v>1.8813991433997528</v>
      </c>
      <c r="H321">
        <f t="shared" si="22"/>
        <v>-0.32754478675813675</v>
      </c>
      <c r="J321">
        <v>12.901069096345436</v>
      </c>
      <c r="K321">
        <v>2.3118909505867968</v>
      </c>
      <c r="L321" cm="1">
        <f t="array" ref="L321">INDEX(LINEST(J292:J350,$A292:$B350),1)*2</f>
        <v>-4.2581502254163829E-2</v>
      </c>
      <c r="M321" cm="1">
        <f t="array" ref="M321">INDEX(LINEST(K292:K350,$A292:$B350),1)*2</f>
        <v>3.5758005313192933E-3</v>
      </c>
      <c r="N321">
        <f t="shared" si="23"/>
        <v>3.3477577072223603</v>
      </c>
      <c r="O321">
        <f t="shared" si="24"/>
        <v>-0.28112943777232285</v>
      </c>
    </row>
    <row r="322" spans="1:15" x14ac:dyDescent="0.4">
      <c r="A322">
        <v>10.666666666666666</v>
      </c>
      <c r="B322">
        <f t="shared" si="20"/>
        <v>113.77777777777777</v>
      </c>
      <c r="C322">
        <v>-12.22975528736692</v>
      </c>
      <c r="D322">
        <v>2.1516504563406431</v>
      </c>
      <c r="E322" cm="1">
        <f t="array" ref="E322">INDEX(LINEST(C293:C351,$A293:$B351),1)*2</f>
        <v>3.0469100556537506E-2</v>
      </c>
      <c r="F322" cm="1">
        <f t="array" ref="F322">INDEX(LINEST(D293:D351,$A293:$B351),1)*2</f>
        <v>-5.6957576648438615E-3</v>
      </c>
      <c r="G322">
        <f t="shared" si="21"/>
        <v>1.7894502756854476</v>
      </c>
      <c r="H322">
        <f t="shared" si="22"/>
        <v>-0.33451184765627995</v>
      </c>
      <c r="J322">
        <v>12.89103148604746</v>
      </c>
      <c r="K322">
        <v>2.313211225874555</v>
      </c>
      <c r="L322" cm="1">
        <f t="array" ref="L322">INDEX(LINEST(J293:J351,$A293:$B351),1)*2</f>
        <v>-4.4332852527009095E-2</v>
      </c>
      <c r="M322" cm="1">
        <f t="array" ref="M322">INDEX(LINEST(K293:K351,$A293:$B351),1)*2</f>
        <v>5.8809434601014626E-3</v>
      </c>
      <c r="N322">
        <f t="shared" si="23"/>
        <v>3.4854488656734555</v>
      </c>
      <c r="O322">
        <f t="shared" si="24"/>
        <v>-0.46235977483317703</v>
      </c>
    </row>
    <row r="323" spans="1:15" x14ac:dyDescent="0.4">
      <c r="A323">
        <v>10.7</v>
      </c>
      <c r="B323">
        <f t="shared" ref="B323:B386" si="25">A323^2</f>
        <v>114.48999999999998</v>
      </c>
      <c r="C323">
        <v>-12.216028183300187</v>
      </c>
      <c r="D323">
        <v>2.1529566204080557</v>
      </c>
      <c r="E323" cm="1">
        <f t="array" ref="E323">INDEX(LINEST(C294:C352,$A294:$B352),1)*2</f>
        <v>3.0287520905124037E-2</v>
      </c>
      <c r="F323" cm="1">
        <f t="array" ref="F323">INDEX(LINEST(D294:D352,$A294:$B352),1)*2</f>
        <v>-6.1691645018614738E-3</v>
      </c>
      <c r="G323">
        <f t="shared" si="21"/>
        <v>1.7787861027579346</v>
      </c>
      <c r="H323">
        <f t="shared" si="22"/>
        <v>-0.36231503119432434</v>
      </c>
      <c r="J323">
        <v>12.876910330505716</v>
      </c>
      <c r="K323">
        <v>2.3152599576470707</v>
      </c>
      <c r="L323" cm="1">
        <f t="array" ref="L323">INDEX(LINEST(J294:J352,$A294:$B352),1)*2</f>
        <v>-4.7453899508611543E-2</v>
      </c>
      <c r="M323" cm="1">
        <f t="array" ref="M323">INDEX(LINEST(K294:K352,$A294:$B352),1)*2</f>
        <v>6.7560932060392667E-3</v>
      </c>
      <c r="N323">
        <f t="shared" si="23"/>
        <v>3.7308255793670395</v>
      </c>
      <c r="O323">
        <f t="shared" si="24"/>
        <v>-0.53116404785880722</v>
      </c>
    </row>
    <row r="324" spans="1:15" x14ac:dyDescent="0.4">
      <c r="A324">
        <v>10.733333333333333</v>
      </c>
      <c r="B324">
        <f t="shared" si="25"/>
        <v>115.20444444444442</v>
      </c>
      <c r="C324">
        <v>-12.203299459770198</v>
      </c>
      <c r="D324">
        <v>2.1534763730099833</v>
      </c>
      <c r="E324" cm="1">
        <f t="array" ref="E324">INDEX(LINEST(C295:C353,$A295:$B353),1)*2</f>
        <v>3.0077249661970357E-2</v>
      </c>
      <c r="F324" cm="1">
        <f t="array" ref="F324">INDEX(LINEST(D295:D353,$A295:$B353),1)*2</f>
        <v>-6.8296105521975835E-3</v>
      </c>
      <c r="G324">
        <f t="shared" si="21"/>
        <v>1.766436872647519</v>
      </c>
      <c r="H324">
        <f t="shared" si="22"/>
        <v>-0.40110302773056405</v>
      </c>
      <c r="J324">
        <v>12.863163491266356</v>
      </c>
      <c r="K324">
        <v>2.3188376339723322</v>
      </c>
      <c r="L324" cm="1">
        <f t="array" ref="L324">INDEX(LINEST(J295:J353,$A295:$B353),1)*2</f>
        <v>-4.8995388967487251E-2</v>
      </c>
      <c r="M324" cm="1">
        <f t="array" ref="M324">INDEX(LINEST(K295:K353,$A295:$B353),1)*2</f>
        <v>8.0582127092697509E-3</v>
      </c>
      <c r="N324">
        <f t="shared" si="23"/>
        <v>3.8520174806238479</v>
      </c>
      <c r="O324">
        <f t="shared" si="24"/>
        <v>-0.63353668320278789</v>
      </c>
    </row>
    <row r="325" spans="1:15" x14ac:dyDescent="0.4">
      <c r="A325">
        <v>10.766666666666667</v>
      </c>
      <c r="B325">
        <f t="shared" si="25"/>
        <v>115.92111111111113</v>
      </c>
      <c r="C325">
        <v>-12.194400006484866</v>
      </c>
      <c r="D325">
        <v>2.1535573895296642</v>
      </c>
      <c r="E325" cm="1">
        <f t="array" ref="E325">INDEX(LINEST(C296:C354,$A296:$B354),1)*2</f>
        <v>2.8997733243132089E-2</v>
      </c>
      <c r="F325" cm="1">
        <f t="array" ref="F325">INDEX(LINEST(D296:D354,$A296:$B354),1)*2</f>
        <v>-6.3976900282344739E-3</v>
      </c>
      <c r="G325">
        <f t="shared" si="21"/>
        <v>1.7030368733691474</v>
      </c>
      <c r="H325">
        <f t="shared" si="22"/>
        <v>-0.37573633535821066</v>
      </c>
      <c r="J325">
        <v>12.853111341344615</v>
      </c>
      <c r="K325">
        <v>2.3157004392044329</v>
      </c>
      <c r="L325" cm="1">
        <f t="array" ref="L325">INDEX(LINEST(J296:J354,$A296:$B354),1)*2</f>
        <v>-4.9292758328652084E-2</v>
      </c>
      <c r="M325" cm="1">
        <f t="array" ref="M325">INDEX(LINEST(K296:K354,$A296:$B354),1)*2</f>
        <v>1.089599906986316E-2</v>
      </c>
      <c r="N325">
        <f t="shared" si="23"/>
        <v>3.8753966597986271</v>
      </c>
      <c r="O325">
        <f t="shared" si="24"/>
        <v>-0.85664344687264171</v>
      </c>
    </row>
    <row r="326" spans="1:15" x14ac:dyDescent="0.4">
      <c r="A326">
        <v>10.8</v>
      </c>
      <c r="B326">
        <f t="shared" si="25"/>
        <v>116.64000000000001</v>
      </c>
      <c r="C326">
        <v>-12.181466806425565</v>
      </c>
      <c r="D326">
        <v>2.1530272608101275</v>
      </c>
      <c r="E326" cm="1">
        <f t="array" ref="E326">INDEX(LINEST(C297:C355,$A297:$B355),1)*2</f>
        <v>2.8880348125821489E-2</v>
      </c>
      <c r="F326" cm="1">
        <f t="array" ref="F326">INDEX(LINEST(D297:D355,$A297:$B355),1)*2</f>
        <v>-6.2199019295574951E-3</v>
      </c>
      <c r="G326">
        <f t="shared" si="21"/>
        <v>1.696142845429496</v>
      </c>
      <c r="H326">
        <f t="shared" si="22"/>
        <v>-0.36529484032291165</v>
      </c>
      <c r="J326">
        <v>12.841655006935646</v>
      </c>
      <c r="K326">
        <v>2.3135972806451357</v>
      </c>
      <c r="L326" cm="1">
        <f t="array" ref="L326">INDEX(LINEST(J297:J355,$A297:$B355),1)*2</f>
        <v>-4.8961499581102012E-2</v>
      </c>
      <c r="M326" cm="1">
        <f t="array" ref="M326">INDEX(LINEST(K297:K355,$A297:$B355),1)*2</f>
        <v>1.3293531275886684E-2</v>
      </c>
      <c r="N326">
        <f t="shared" si="23"/>
        <v>3.8493530970662406</v>
      </c>
      <c r="O326">
        <f t="shared" si="24"/>
        <v>-1.0451374289102111</v>
      </c>
    </row>
    <row r="327" spans="1:15" x14ac:dyDescent="0.4">
      <c r="A327">
        <v>10.833333333333334</v>
      </c>
      <c r="B327">
        <f t="shared" si="25"/>
        <v>117.36111111111113</v>
      </c>
      <c r="C327">
        <v>-12.166195844621324</v>
      </c>
      <c r="D327">
        <v>2.1521216791305458</v>
      </c>
      <c r="E327" cm="1">
        <f t="array" ref="E327">INDEX(LINEST(C298:C356,$A298:$B356),1)*2</f>
        <v>2.9196048724391833E-2</v>
      </c>
      <c r="F327" cm="1">
        <f t="array" ref="F327">INDEX(LINEST(D298:D356,$A298:$B356),1)*2</f>
        <v>-4.7651994588049943E-3</v>
      </c>
      <c r="G327">
        <f t="shared" si="21"/>
        <v>1.7146839415835322</v>
      </c>
      <c r="H327">
        <f t="shared" si="22"/>
        <v>-0.27986016421561732</v>
      </c>
      <c r="J327">
        <v>12.830583350861053</v>
      </c>
      <c r="K327">
        <v>2.3172725055320873</v>
      </c>
      <c r="L327" cm="1">
        <f t="array" ref="L327">INDEX(LINEST(J298:J356,$A298:$B356),1)*2</f>
        <v>-4.8179816973383693E-2</v>
      </c>
      <c r="M327" cm="1">
        <f t="array" ref="M327">INDEX(LINEST(K298:K356,$A298:$B356),1)*2</f>
        <v>1.6400419611017642E-2</v>
      </c>
      <c r="N327">
        <f t="shared" si="23"/>
        <v>3.7878972104474262</v>
      </c>
      <c r="O327">
        <f t="shared" si="24"/>
        <v>-1.2894009898182071</v>
      </c>
    </row>
    <row r="328" spans="1:15" x14ac:dyDescent="0.4">
      <c r="A328">
        <v>10.866666666666667</v>
      </c>
      <c r="B328">
        <f t="shared" si="25"/>
        <v>118.08444444444446</v>
      </c>
      <c r="C328">
        <v>-12.153546210829456</v>
      </c>
      <c r="D328">
        <v>2.1548499198184712</v>
      </c>
      <c r="E328" cm="1">
        <f t="array" ref="E328">INDEX(LINEST(C299:C357,$A299:$B357),1)*2</f>
        <v>2.8515935781400489E-2</v>
      </c>
      <c r="F328" cm="1">
        <f t="array" ref="F328">INDEX(LINEST(D299:D357,$A299:$B357),1)*2</f>
        <v>-2.3391039045608259E-3</v>
      </c>
      <c r="G328">
        <f t="shared" si="21"/>
        <v>1.6747409084416507</v>
      </c>
      <c r="H328">
        <f t="shared" si="22"/>
        <v>-0.13737557231485731</v>
      </c>
      <c r="J328">
        <v>12.819939004390161</v>
      </c>
      <c r="K328">
        <v>2.3168956999331245</v>
      </c>
      <c r="L328" cm="1">
        <f t="array" ref="L328">INDEX(LINEST(J299:J357,$A299:$B357),1)*2</f>
        <v>-4.7269183683440609E-2</v>
      </c>
      <c r="M328" cm="1">
        <f t="array" ref="M328">INDEX(LINEST(K299:K357,$A299:$B357),1)*2</f>
        <v>2.0092531829864164E-2</v>
      </c>
      <c r="N328">
        <f t="shared" si="23"/>
        <v>3.716303221192101</v>
      </c>
      <c r="O328">
        <f t="shared" si="24"/>
        <v>-1.5796748524639206</v>
      </c>
    </row>
    <row r="329" spans="1:15" x14ac:dyDescent="0.4">
      <c r="A329">
        <v>10.9</v>
      </c>
      <c r="B329">
        <f t="shared" si="25"/>
        <v>118.81</v>
      </c>
      <c r="C329">
        <v>-12.140063848836524</v>
      </c>
      <c r="D329">
        <v>2.154976394296201</v>
      </c>
      <c r="E329" cm="1">
        <f t="array" ref="E329">INDEX(LINEST(C300:C358,$A300:$B358),1)*2</f>
        <v>2.8751204378057674E-2</v>
      </c>
      <c r="F329" cm="1">
        <f t="array" ref="F329">INDEX(LINEST(D300:D358,$A300:$B358),1)*2</f>
        <v>1.0989020194124924E-4</v>
      </c>
      <c r="G329">
        <f t="shared" si="21"/>
        <v>1.6885582331233271</v>
      </c>
      <c r="H329">
        <f t="shared" si="22"/>
        <v>6.4538515600095674E-3</v>
      </c>
      <c r="J329">
        <v>12.808789267869356</v>
      </c>
      <c r="K329">
        <v>2.3169318395800422</v>
      </c>
      <c r="L329" cm="1">
        <f t="array" ref="L329">INDEX(LINEST(J300:J358,$A300:$B358),1)*2</f>
        <v>-4.6460276136180652E-2</v>
      </c>
      <c r="M329" cm="1">
        <f t="array" ref="M329">INDEX(LINEST(K300:K358,$A300:$B358),1)*2</f>
        <v>2.3514037372257476E-2</v>
      </c>
      <c r="N329">
        <f t="shared" si="23"/>
        <v>3.6527069098265232</v>
      </c>
      <c r="O329">
        <f t="shared" si="24"/>
        <v>-1.8486736182068828</v>
      </c>
    </row>
    <row r="330" spans="1:15" x14ac:dyDescent="0.4">
      <c r="A330">
        <v>10.933333333333334</v>
      </c>
      <c r="B330">
        <f t="shared" si="25"/>
        <v>119.53777777777778</v>
      </c>
      <c r="C330">
        <v>-12.122734424546422</v>
      </c>
      <c r="D330">
        <v>2.158526247149064</v>
      </c>
      <c r="E330" cm="1">
        <f t="array" ref="E330">INDEX(LINEST(C301:C359,$A301:$B359),1)*2</f>
        <v>2.8531240746982631E-2</v>
      </c>
      <c r="F330" cm="1">
        <f t="array" ref="F330">INDEX(LINEST(D301:D359,$A301:$B359),1)*2</f>
        <v>2.3076877316053385E-3</v>
      </c>
      <c r="G330">
        <f t="shared" si="21"/>
        <v>1.6756397690702898</v>
      </c>
      <c r="H330">
        <f t="shared" si="22"/>
        <v>0.13553050047718151</v>
      </c>
      <c r="J330">
        <v>12.795137597404246</v>
      </c>
      <c r="K330">
        <v>2.321184744136414</v>
      </c>
      <c r="L330" cm="1">
        <f t="array" ref="L330">INDEX(LINEST(J301:J359,$A301:$B359),1)*2</f>
        <v>-4.6233920309550619E-2</v>
      </c>
      <c r="M330" cm="1">
        <f t="array" ref="M330">INDEX(LINEST(K301:K359,$A301:$B359),1)*2</f>
        <v>2.4613408805388284E-2</v>
      </c>
      <c r="N330">
        <f t="shared" si="23"/>
        <v>3.6349108147368701</v>
      </c>
      <c r="O330">
        <f t="shared" si="24"/>
        <v>-1.9351062002796269</v>
      </c>
    </row>
    <row r="331" spans="1:15" x14ac:dyDescent="0.4">
      <c r="A331">
        <v>10.966666666666667</v>
      </c>
      <c r="B331">
        <f t="shared" si="25"/>
        <v>120.26777777777778</v>
      </c>
      <c r="C331">
        <v>-12.108577075414294</v>
      </c>
      <c r="D331">
        <v>2.1595811526773909</v>
      </c>
      <c r="E331" cm="1">
        <f t="array" ref="E331">INDEX(LINEST(C302:C360,$A302:$B360),1)*2</f>
        <v>2.8965075700449018E-2</v>
      </c>
      <c r="F331" cm="1">
        <f t="array" ref="F331">INDEX(LINEST(D302:D360,$A302:$B360),1)*2</f>
        <v>4.945291232361813E-3</v>
      </c>
      <c r="G331">
        <f t="shared" si="21"/>
        <v>1.7011188958873706</v>
      </c>
      <c r="H331">
        <f t="shared" si="22"/>
        <v>0.29043695407660924</v>
      </c>
      <c r="J331">
        <v>12.782619279939754</v>
      </c>
      <c r="K331">
        <v>2.3220524000111533</v>
      </c>
      <c r="L331" cm="1">
        <f t="array" ref="L331">INDEX(LINEST(J302:J360,$A302:$B360),1)*2</f>
        <v>-4.5859107686081743E-2</v>
      </c>
      <c r="M331" cm="1">
        <f t="array" ref="M331">INDEX(LINEST(K302:K360,$A302:$B360),1)*2</f>
        <v>2.377297196610114E-2</v>
      </c>
      <c r="N331">
        <f t="shared" si="23"/>
        <v>3.6054430462797469</v>
      </c>
      <c r="O331">
        <f t="shared" si="24"/>
        <v>-1.8690310559748717</v>
      </c>
    </row>
    <row r="332" spans="1:15" x14ac:dyDescent="0.4">
      <c r="A332">
        <v>11</v>
      </c>
      <c r="B332">
        <f t="shared" si="25"/>
        <v>121</v>
      </c>
      <c r="C332">
        <v>-12.093251950989112</v>
      </c>
      <c r="D332">
        <v>2.1620895527018269</v>
      </c>
      <c r="E332" cm="1">
        <f t="array" ref="E332">INDEX(LINEST(C303:C361,$A303:$B361),1)*2</f>
        <v>2.9305735942768703E-2</v>
      </c>
      <c r="F332" cm="1">
        <f t="array" ref="F332">INDEX(LINEST(D303:D361,$A303:$B361),1)*2</f>
        <v>8.2485407759294999E-3</v>
      </c>
      <c r="G332">
        <f t="shared" si="21"/>
        <v>1.7211258719188058</v>
      </c>
      <c r="H332">
        <f t="shared" si="22"/>
        <v>0.48443679977033949</v>
      </c>
      <c r="J332">
        <v>12.770445127949959</v>
      </c>
      <c r="K332">
        <v>2.3237670859821828</v>
      </c>
      <c r="L332" cm="1">
        <f t="array" ref="L332">INDEX(LINEST(J303:J361,$A303:$B361),1)*2</f>
        <v>-4.6219771394156187E-2</v>
      </c>
      <c r="M332" cm="1">
        <f t="array" ref="M332">INDEX(LINEST(K303:K361,$A303:$B361),1)*2</f>
        <v>2.0941958433055644E-2</v>
      </c>
      <c r="N332">
        <f t="shared" si="23"/>
        <v>3.6337984270085597</v>
      </c>
      <c r="O332">
        <f t="shared" si="24"/>
        <v>-1.6464567720068348</v>
      </c>
    </row>
    <row r="333" spans="1:15" x14ac:dyDescent="0.4">
      <c r="A333">
        <v>11.033333333333333</v>
      </c>
      <c r="B333">
        <f t="shared" si="25"/>
        <v>121.73444444444443</v>
      </c>
      <c r="C333">
        <v>-12.081586136232538</v>
      </c>
      <c r="D333">
        <v>2.1643667197075125</v>
      </c>
      <c r="E333" cm="1">
        <f t="array" ref="E333">INDEX(LINEST(C304:C362,$A304:$B362),1)*2</f>
        <v>3.0144042727567117E-2</v>
      </c>
      <c r="F333" cm="1">
        <f t="array" ref="F333">INDEX(LINEST(D304:D362,$A304:$B362),1)*2</f>
        <v>1.0490288204788112E-2</v>
      </c>
      <c r="G333">
        <f t="shared" si="21"/>
        <v>1.7703596293900168</v>
      </c>
      <c r="H333">
        <f t="shared" si="22"/>
        <v>0.61609462626720579</v>
      </c>
      <c r="J333">
        <v>12.761602359289478</v>
      </c>
      <c r="K333">
        <v>2.3276206627286564</v>
      </c>
      <c r="L333" cm="1">
        <f t="array" ref="L333">INDEX(LINEST(J304:J362,$A304:$B362),1)*2</f>
        <v>-4.6224708486900905E-2</v>
      </c>
      <c r="M333" cm="1">
        <f t="array" ref="M333">INDEX(LINEST(K304:K362,$A304:$B362),1)*2</f>
        <v>1.8765240532199343E-2</v>
      </c>
      <c r="N333">
        <f t="shared" si="23"/>
        <v>3.6341865812401495</v>
      </c>
      <c r="O333">
        <f t="shared" si="24"/>
        <v>-1.4753232106415124</v>
      </c>
    </row>
    <row r="334" spans="1:15" x14ac:dyDescent="0.4">
      <c r="A334">
        <v>11.066666666666666</v>
      </c>
      <c r="B334">
        <f t="shared" si="25"/>
        <v>122.4711111111111</v>
      </c>
      <c r="C334">
        <v>-12.069750426523534</v>
      </c>
      <c r="D334">
        <v>2.1695638490689437</v>
      </c>
      <c r="E334" cm="1">
        <f t="array" ref="E334">INDEX(LINEST(C305:C363,$A305:$B363),1)*2</f>
        <v>3.2103851790765678E-2</v>
      </c>
      <c r="F334" cm="1">
        <f t="array" ref="F334">INDEX(LINEST(D305:D363,$A305:$B363),1)*2</f>
        <v>1.1973194404476986E-2</v>
      </c>
      <c r="G334">
        <f t="shared" si="21"/>
        <v>1.8854592156716681</v>
      </c>
      <c r="H334">
        <f t="shared" si="22"/>
        <v>0.70318570737493336</v>
      </c>
      <c r="J334">
        <v>12.748368113082272</v>
      </c>
      <c r="K334">
        <v>2.3320592888576268</v>
      </c>
      <c r="L334" cm="1">
        <f t="array" ref="L334">INDEX(LINEST(J305:J363,$A305:$B363),1)*2</f>
        <v>-4.5977636671801561E-2</v>
      </c>
      <c r="M334" cm="1">
        <f t="array" ref="M334">INDEX(LINEST(K305:K363,$A305:$B363),1)*2</f>
        <v>1.6906359475836193E-2</v>
      </c>
      <c r="N334">
        <f t="shared" si="23"/>
        <v>3.614761795137039</v>
      </c>
      <c r="O334">
        <f t="shared" si="24"/>
        <v>-1.3291779819902416</v>
      </c>
    </row>
    <row r="335" spans="1:15" x14ac:dyDescent="0.4">
      <c r="A335">
        <v>11.1</v>
      </c>
      <c r="B335">
        <f t="shared" si="25"/>
        <v>123.21</v>
      </c>
      <c r="C335">
        <v>-12.057470076502971</v>
      </c>
      <c r="D335">
        <v>2.1700299859834704</v>
      </c>
      <c r="E335" cm="1">
        <f t="array" ref="E335">INDEX(LINEST(C306:C364,$A306:$B364),1)*2</f>
        <v>3.5007575116816562E-2</v>
      </c>
      <c r="F335" cm="1">
        <f t="array" ref="F335">INDEX(LINEST(D306:D364,$A306:$B364),1)*2</f>
        <v>1.2675923419668486E-2</v>
      </c>
      <c r="G335">
        <f t="shared" si="21"/>
        <v>2.0559948866106366</v>
      </c>
      <c r="H335">
        <f t="shared" si="22"/>
        <v>0.7444569824371301</v>
      </c>
      <c r="J335">
        <v>12.737177276047502</v>
      </c>
      <c r="K335">
        <v>2.3354821198170304</v>
      </c>
      <c r="L335" cm="1">
        <f t="array" ref="L335">INDEX(LINEST(J306:J364,$A306:$B364),1)*2</f>
        <v>-4.4721968616142062E-2</v>
      </c>
      <c r="M335" cm="1">
        <f t="array" ref="M335">INDEX(LINEST(K306:K364,$A306:$B364),1)*2</f>
        <v>1.587299992257863E-2</v>
      </c>
      <c r="N335">
        <f t="shared" si="23"/>
        <v>3.5160411726010889</v>
      </c>
      <c r="O335">
        <f t="shared" si="24"/>
        <v>-1.2479352539131321</v>
      </c>
    </row>
    <row r="336" spans="1:15" x14ac:dyDescent="0.4">
      <c r="A336">
        <v>11.133333333333333</v>
      </c>
      <c r="B336">
        <f t="shared" si="25"/>
        <v>123.9511111111111</v>
      </c>
      <c r="C336">
        <v>-12.048624748632825</v>
      </c>
      <c r="D336">
        <v>2.1676975583372138</v>
      </c>
      <c r="E336" cm="1">
        <f t="array" ref="E336">INDEX(LINEST(C307:C365,$A307:$B365),1)*2</f>
        <v>3.7487876844777099E-2</v>
      </c>
      <c r="F336" cm="1">
        <f t="array" ref="F336">INDEX(LINEST(D307:D365,$A307:$B365),1)*2</f>
        <v>1.3678043388611415E-2</v>
      </c>
      <c r="G336">
        <f t="shared" si="21"/>
        <v>2.2016630070937588</v>
      </c>
      <c r="H336">
        <f t="shared" si="22"/>
        <v>0.80331148821314835</v>
      </c>
      <c r="J336">
        <v>12.72282478305617</v>
      </c>
      <c r="K336">
        <v>2.3332378330845041</v>
      </c>
      <c r="L336" cm="1">
        <f t="array" ref="L336">INDEX(LINEST(J307:J365,$A307:$B365),1)*2</f>
        <v>-4.3783600051279334E-2</v>
      </c>
      <c r="M336" cm="1">
        <f t="array" ref="M336">INDEX(LINEST(K307:K365,$A307:$B365),1)*2</f>
        <v>1.4080719714118142E-2</v>
      </c>
      <c r="N336">
        <f t="shared" si="23"/>
        <v>3.4422666360315812</v>
      </c>
      <c r="O336">
        <f t="shared" si="24"/>
        <v>-1.1070261839239683</v>
      </c>
    </row>
    <row r="337" spans="1:15" x14ac:dyDescent="0.4">
      <c r="A337">
        <v>11.166666666666666</v>
      </c>
      <c r="B337">
        <f t="shared" si="25"/>
        <v>124.69444444444443</v>
      </c>
      <c r="C337">
        <v>-12.033898090705604</v>
      </c>
      <c r="D337">
        <v>2.1661562716728819</v>
      </c>
      <c r="E337" cm="1">
        <f t="array" ref="E337">INDEX(LINEST(C308:C366,$A308:$B366),1)*2</f>
        <v>3.9455053859823633E-2</v>
      </c>
      <c r="F337" cm="1">
        <f t="array" ref="F337">INDEX(LINEST(D308:D366,$A308:$B366),1)*2</f>
        <v>1.4719063411878114E-2</v>
      </c>
      <c r="G337">
        <f t="shared" si="21"/>
        <v>2.3171953131874417</v>
      </c>
      <c r="H337">
        <f t="shared" si="22"/>
        <v>0.86445059417960157</v>
      </c>
      <c r="J337">
        <v>12.710140640813441</v>
      </c>
      <c r="K337">
        <v>2.3326527370329382</v>
      </c>
      <c r="L337" cm="1">
        <f t="array" ref="L337">INDEX(LINEST(J308:J366,$A308:$B366),1)*2</f>
        <v>-4.2057738481245853E-2</v>
      </c>
      <c r="M337" cm="1">
        <f t="array" ref="M337">INDEX(LINEST(K308:K366,$A308:$B366),1)*2</f>
        <v>1.282483355394943E-2</v>
      </c>
      <c r="N337">
        <f t="shared" si="23"/>
        <v>3.3065793993955492</v>
      </c>
      <c r="O337">
        <f t="shared" si="24"/>
        <v>-1.0082884140115043</v>
      </c>
    </row>
    <row r="338" spans="1:15" x14ac:dyDescent="0.4">
      <c r="A338">
        <v>11.2</v>
      </c>
      <c r="B338">
        <f t="shared" si="25"/>
        <v>125.43999999999998</v>
      </c>
      <c r="C338">
        <v>-12.020310165454928</v>
      </c>
      <c r="D338">
        <v>2.167590253762357</v>
      </c>
      <c r="E338" cm="1">
        <f t="array" ref="E338">INDEX(LINEST(C309:C367,$A309:$B367),1)*2</f>
        <v>4.136082759043349E-2</v>
      </c>
      <c r="F338" cm="1">
        <f t="array" ref="F338">INDEX(LINEST(D309:D367,$A309:$B367),1)*2</f>
        <v>1.4670294269053197E-2</v>
      </c>
      <c r="G338">
        <f t="shared" si="21"/>
        <v>2.4291214043861586</v>
      </c>
      <c r="H338">
        <f t="shared" si="22"/>
        <v>0.86158638242149421</v>
      </c>
      <c r="J338">
        <v>12.697736041798681</v>
      </c>
      <c r="K338">
        <v>2.3346215253307858</v>
      </c>
      <c r="L338" cm="1">
        <f t="array" ref="L338">INDEX(LINEST(J309:J367,$A309:$B367),1)*2</f>
        <v>-4.0201180271972163E-2</v>
      </c>
      <c r="M338" cm="1">
        <f t="array" ref="M338">INDEX(LINEST(K309:K367,$A309:$B367),1)*2</f>
        <v>1.0715294640226794E-2</v>
      </c>
      <c r="N338">
        <f t="shared" si="23"/>
        <v>3.1606167929824518</v>
      </c>
      <c r="O338">
        <f t="shared" si="24"/>
        <v>-0.84243646461463062</v>
      </c>
    </row>
    <row r="339" spans="1:15" x14ac:dyDescent="0.4">
      <c r="A339">
        <v>11.233333333333333</v>
      </c>
      <c r="B339">
        <f t="shared" si="25"/>
        <v>126.18777777777775</v>
      </c>
      <c r="C339">
        <v>-12.005419880943029</v>
      </c>
      <c r="D339">
        <v>2.1701886426407753</v>
      </c>
      <c r="E339" cm="1">
        <f t="array" ref="E339">INDEX(LINEST(C310:C368,$A310:$B368),1)*2</f>
        <v>4.2484937411750405E-2</v>
      </c>
      <c r="F339" cm="1">
        <f t="array" ref="F339">INDEX(LINEST(D310:D368,$A310:$B368),1)*2</f>
        <v>1.5071822963960226E-2</v>
      </c>
      <c r="G339">
        <f t="shared" si="21"/>
        <v>2.495140374192101</v>
      </c>
      <c r="H339">
        <f t="shared" si="22"/>
        <v>0.88516816267338405</v>
      </c>
      <c r="J339">
        <v>12.683722307815682</v>
      </c>
      <c r="K339">
        <v>2.3342360630171219</v>
      </c>
      <c r="L339" cm="1">
        <f t="array" ref="L339">INDEX(LINEST(J310:J368,$A310:$B368),1)*2</f>
        <v>-3.7592712817004666E-2</v>
      </c>
      <c r="M339" cm="1">
        <f t="array" ref="M339">INDEX(LINEST(K310:K368,$A310:$B368),1)*2</f>
        <v>8.9162173030598382E-3</v>
      </c>
      <c r="N339">
        <f t="shared" si="23"/>
        <v>2.955539081672907</v>
      </c>
      <c r="O339">
        <f t="shared" si="24"/>
        <v>-0.70099300436656453</v>
      </c>
    </row>
    <row r="340" spans="1:15" x14ac:dyDescent="0.4">
      <c r="A340">
        <v>11.266666666666667</v>
      </c>
      <c r="B340">
        <f t="shared" si="25"/>
        <v>126.9377777777778</v>
      </c>
      <c r="C340">
        <v>-11.991246117308501</v>
      </c>
      <c r="D340">
        <v>2.1751775561813611</v>
      </c>
      <c r="E340" cm="1">
        <f t="array" ref="E340">INDEX(LINEST(C311:C369,$A311:$B369),1)*2</f>
        <v>4.3573742367295144E-2</v>
      </c>
      <c r="F340" cm="1">
        <f t="array" ref="F340">INDEX(LINEST(D311:D369,$A311:$B369),1)*2</f>
        <v>1.4895630783360815E-2</v>
      </c>
      <c r="G340">
        <f t="shared" si="21"/>
        <v>2.5590858892312438</v>
      </c>
      <c r="H340">
        <f t="shared" si="22"/>
        <v>0.87482039590678062</v>
      </c>
      <c r="J340">
        <v>12.676499728769025</v>
      </c>
      <c r="K340">
        <v>2.3324267655085089</v>
      </c>
      <c r="L340" cm="1">
        <f t="array" ref="L340">INDEX(LINEST(J311:J369,$A311:$B369),1)*2</f>
        <v>-3.3908662952726897E-2</v>
      </c>
      <c r="M340" cm="1">
        <f t="array" ref="M340">INDEX(LINEST(K311:K369,$A311:$B369),1)*2</f>
        <v>6.9301676082194766E-3</v>
      </c>
      <c r="N340">
        <f t="shared" si="23"/>
        <v>2.6658990813433889</v>
      </c>
      <c r="O340">
        <f t="shared" si="24"/>
        <v>-0.54484977735821527</v>
      </c>
    </row>
    <row r="341" spans="1:15" x14ac:dyDescent="0.4">
      <c r="A341">
        <v>11.3</v>
      </c>
      <c r="B341">
        <f t="shared" si="25"/>
        <v>127.69000000000001</v>
      </c>
      <c r="C341">
        <v>-11.977180895295186</v>
      </c>
      <c r="D341">
        <v>2.1768530990942669</v>
      </c>
      <c r="E341" cm="1">
        <f t="array" ref="E341">INDEX(LINEST(C312:C370,$A312:$B370),1)*2</f>
        <v>4.4549429372430609E-2</v>
      </c>
      <c r="F341" cm="1">
        <f t="array" ref="F341">INDEX(LINEST(D312:D370,$A312:$B370),1)*2</f>
        <v>1.4236844399505582E-2</v>
      </c>
      <c r="G341">
        <f t="shared" si="21"/>
        <v>2.6163879870428497</v>
      </c>
      <c r="H341">
        <f t="shared" si="22"/>
        <v>0.83612987158296281</v>
      </c>
      <c r="J341">
        <v>12.662690526203276</v>
      </c>
      <c r="K341">
        <v>2.3327342499525323</v>
      </c>
      <c r="L341" cm="1">
        <f t="array" ref="L341">INDEX(LINEST(J312:J370,$A312:$B370),1)*2</f>
        <v>-3.0319206803907966E-2</v>
      </c>
      <c r="M341" cm="1">
        <f t="array" ref="M341">INDEX(LINEST(K312:K370,$A312:$B370),1)*2</f>
        <v>4.6448409834095213E-3</v>
      </c>
      <c r="N341">
        <f t="shared" si="23"/>
        <v>2.3836960389232442</v>
      </c>
      <c r="O341">
        <f t="shared" si="24"/>
        <v>-0.36517739811565658</v>
      </c>
    </row>
    <row r="342" spans="1:15" x14ac:dyDescent="0.4">
      <c r="A342">
        <v>11.333333333333334</v>
      </c>
      <c r="B342">
        <f t="shared" si="25"/>
        <v>128.44444444444446</v>
      </c>
      <c r="C342">
        <v>-11.962736536332917</v>
      </c>
      <c r="D342">
        <v>2.1790951918198713</v>
      </c>
      <c r="E342" cm="1">
        <f t="array" ref="E342">INDEX(LINEST(C313:C371,$A313:$B371),1)*2</f>
        <v>4.5724189107258326E-2</v>
      </c>
      <c r="F342" cm="1">
        <f t="array" ref="F342">INDEX(LINEST(D313:D371,$A313:$B371),1)*2</f>
        <v>1.4147610015487243E-2</v>
      </c>
      <c r="G342">
        <f t="shared" si="21"/>
        <v>2.6853816262692813</v>
      </c>
      <c r="H342">
        <f t="shared" si="22"/>
        <v>0.83088913620956573</v>
      </c>
      <c r="J342">
        <v>12.651298207606899</v>
      </c>
      <c r="K342">
        <v>2.3360794496903878</v>
      </c>
      <c r="L342" cm="1">
        <f t="array" ref="L342">INDEX(LINEST(J313:J371,$A313:$B371),1)*2</f>
        <v>-2.819169758769877E-2</v>
      </c>
      <c r="M342" cm="1">
        <f t="array" ref="M342">INDEX(LINEST(K313:K371,$A313:$B371),1)*2</f>
        <v>2.2704891443144624E-3</v>
      </c>
      <c r="N342">
        <f t="shared" si="23"/>
        <v>2.2164312643448776</v>
      </c>
      <c r="O342">
        <f t="shared" si="24"/>
        <v>-0.17850585652600304</v>
      </c>
    </row>
    <row r="343" spans="1:15" x14ac:dyDescent="0.4">
      <c r="A343">
        <v>11.366666666666667</v>
      </c>
      <c r="B343">
        <f t="shared" si="25"/>
        <v>129.20111111111112</v>
      </c>
      <c r="C343">
        <v>-11.951553131459583</v>
      </c>
      <c r="D343">
        <v>2.1823782261829865</v>
      </c>
      <c r="E343" cm="1">
        <f t="array" ref="E343">INDEX(LINEST(C314:C372,$A314:$B372),1)*2</f>
        <v>4.6506736083090673E-2</v>
      </c>
      <c r="F343" cm="1">
        <f t="array" ref="F343">INDEX(LINEST(D314:D372,$A314:$B372),1)*2</f>
        <v>1.374808158547167E-2</v>
      </c>
      <c r="G343">
        <f t="shared" si="21"/>
        <v>2.7313406101599149</v>
      </c>
      <c r="H343">
        <f t="shared" si="22"/>
        <v>0.80742483151475108</v>
      </c>
      <c r="J343">
        <v>12.642656053805338</v>
      </c>
      <c r="K343">
        <v>2.334709644070089</v>
      </c>
      <c r="L343" cm="1">
        <f t="array" ref="L343">INDEX(LINEST(J314:J372,$A314:$B372),1)*2</f>
        <v>-2.6933292121935529E-2</v>
      </c>
      <c r="M343" cm="1">
        <f t="array" ref="M343">INDEX(LINEST(K314:K372,$A314:$B372),1)*2</f>
        <v>-7.3083295368515564E-4</v>
      </c>
      <c r="N343">
        <f t="shared" si="23"/>
        <v>2.1174954266265713</v>
      </c>
      <c r="O343">
        <f t="shared" si="24"/>
        <v>5.7458086818726939E-2</v>
      </c>
    </row>
    <row r="344" spans="1:15" x14ac:dyDescent="0.4">
      <c r="A344">
        <v>11.4</v>
      </c>
      <c r="B344">
        <f t="shared" si="25"/>
        <v>129.96</v>
      </c>
      <c r="C344">
        <v>-11.936661090665057</v>
      </c>
      <c r="D344">
        <v>2.1823852478803465</v>
      </c>
      <c r="E344" cm="1">
        <f t="array" ref="E344">INDEX(LINEST(C315:C373,$A315:$B373),1)*2</f>
        <v>4.9578001505819431E-2</v>
      </c>
      <c r="F344" cm="1">
        <f t="array" ref="F344">INDEX(LINEST(D315:D373,$A315:$B373),1)*2</f>
        <v>1.4130301402410832E-2</v>
      </c>
      <c r="G344">
        <f t="shared" si="21"/>
        <v>2.9117160284367749</v>
      </c>
      <c r="H344">
        <f t="shared" si="22"/>
        <v>0.82987260136358809</v>
      </c>
      <c r="J344">
        <v>12.633250761326144</v>
      </c>
      <c r="K344">
        <v>2.3365144007002812</v>
      </c>
      <c r="L344" cm="1">
        <f t="array" ref="L344">INDEX(LINEST(J315:J373,$A315:$B373),1)*2</f>
        <v>-2.6299583901146669E-2</v>
      </c>
      <c r="M344" cm="1">
        <f t="array" ref="M344">INDEX(LINEST(K315:K373,$A315:$B373),1)*2</f>
        <v>-3.0015508215505866E-3</v>
      </c>
      <c r="N344">
        <f t="shared" si="23"/>
        <v>2.0676732863081511</v>
      </c>
      <c r="O344">
        <f t="shared" si="24"/>
        <v>0.23598192559030715</v>
      </c>
    </row>
    <row r="345" spans="1:15" x14ac:dyDescent="0.4">
      <c r="A345">
        <v>11.433333333333334</v>
      </c>
      <c r="B345">
        <f t="shared" si="25"/>
        <v>130.72111111111113</v>
      </c>
      <c r="C345">
        <v>-11.925744434404224</v>
      </c>
      <c r="D345">
        <v>2.1801937193410046</v>
      </c>
      <c r="E345" cm="1">
        <f t="array" ref="E345">INDEX(LINEST(C316:C374,$A316:$B374),1)*2</f>
        <v>5.203272215381257E-2</v>
      </c>
      <c r="F345" cm="1">
        <f t="array" ref="F345">INDEX(LINEST(D316:D374,$A316:$B374),1)*2</f>
        <v>1.3570039087987191E-2</v>
      </c>
      <c r="G345">
        <f t="shared" si="21"/>
        <v>3.0558817720934122</v>
      </c>
      <c r="H345">
        <f t="shared" si="22"/>
        <v>0.79696839563748767</v>
      </c>
      <c r="J345">
        <v>12.619388929990846</v>
      </c>
      <c r="K345">
        <v>2.3368740368654808</v>
      </c>
      <c r="L345" cm="1">
        <f t="array" ref="L345">INDEX(LINEST(J316:J374,$A316:$B374),1)*2</f>
        <v>-2.6763759580751393E-2</v>
      </c>
      <c r="M345" cm="1">
        <f t="array" ref="M345">INDEX(LINEST(K316:K374,$A316:$B374),1)*2</f>
        <v>-5.0268873740396958E-3</v>
      </c>
      <c r="N345">
        <f t="shared" si="23"/>
        <v>2.1041667782386746</v>
      </c>
      <c r="O345">
        <f t="shared" si="24"/>
        <v>0.39521388534700091</v>
      </c>
    </row>
    <row r="346" spans="1:15" x14ac:dyDescent="0.4">
      <c r="A346">
        <v>11.466666666666667</v>
      </c>
      <c r="B346">
        <f t="shared" si="25"/>
        <v>131.48444444444445</v>
      </c>
      <c r="C346">
        <v>-11.912153083747418</v>
      </c>
      <c r="D346">
        <v>2.1811404419142537</v>
      </c>
      <c r="E346" cm="1">
        <f t="array" ref="E346">INDEX(LINEST(C317:C375,$A317:$B375),1)*2</f>
        <v>5.4267325164259729E-2</v>
      </c>
      <c r="F346" cm="1">
        <f t="array" ref="F346">INDEX(LINEST(D317:D375,$A317:$B375),1)*2</f>
        <v>1.1569653749589215E-2</v>
      </c>
      <c r="G346">
        <f t="shared" si="21"/>
        <v>3.1871200068969738</v>
      </c>
      <c r="H346">
        <f t="shared" si="22"/>
        <v>0.67948576471337452</v>
      </c>
      <c r="J346">
        <v>12.606045389007395</v>
      </c>
      <c r="K346">
        <v>2.3384274489161934</v>
      </c>
      <c r="L346" cm="1">
        <f t="array" ref="L346">INDEX(LINEST(J317:J375,$A317:$B375),1)*2</f>
        <v>-2.8013389996988859E-2</v>
      </c>
      <c r="M346" cm="1">
        <f t="array" ref="M346">INDEX(LINEST(K317:K375,$A317:$B375),1)*2</f>
        <v>-6.7273070379953699E-3</v>
      </c>
      <c r="N346">
        <f t="shared" si="23"/>
        <v>2.2024127215632641</v>
      </c>
      <c r="O346">
        <f t="shared" si="24"/>
        <v>0.52890087932719598</v>
      </c>
    </row>
    <row r="347" spans="1:15" x14ac:dyDescent="0.4">
      <c r="A347">
        <v>11.5</v>
      </c>
      <c r="B347">
        <f t="shared" si="25"/>
        <v>132.25</v>
      </c>
      <c r="C347">
        <v>-11.896683357536533</v>
      </c>
      <c r="D347">
        <v>2.1828185279947974</v>
      </c>
      <c r="E347" cm="1">
        <f t="array" ref="E347">INDEX(LINEST(C318:C376,$A318:$B376),1)*2</f>
        <v>5.6585327454386637E-2</v>
      </c>
      <c r="F347" cm="1">
        <f t="array" ref="F347">INDEX(LINEST(D318:D376,$A318:$B376),1)*2</f>
        <v>8.4461374868378073E-3</v>
      </c>
      <c r="G347">
        <f t="shared" si="21"/>
        <v>3.3232562813961271</v>
      </c>
      <c r="H347">
        <f t="shared" si="22"/>
        <v>0.49604165460198441</v>
      </c>
      <c r="J347">
        <v>12.592456879359434</v>
      </c>
      <c r="K347">
        <v>2.3386402414888519</v>
      </c>
      <c r="L347" cm="1">
        <f t="array" ref="L347">INDEX(LINEST(J318:J376,$A318:$B376),1)*2</f>
        <v>-2.8565730997028128E-2</v>
      </c>
      <c r="M347" cm="1">
        <f t="array" ref="M347">INDEX(LINEST(K318:K376,$A318:$B376),1)*2</f>
        <v>-8.8285637934835733E-3</v>
      </c>
      <c r="N347">
        <f t="shared" si="23"/>
        <v>2.2458377709863515</v>
      </c>
      <c r="O347">
        <f t="shared" si="24"/>
        <v>0.69410168544367856</v>
      </c>
    </row>
    <row r="348" spans="1:15" x14ac:dyDescent="0.4">
      <c r="A348">
        <v>11.533333333333333</v>
      </c>
      <c r="B348">
        <f t="shared" si="25"/>
        <v>133.01777777777778</v>
      </c>
      <c r="C348">
        <v>-11.877418222520911</v>
      </c>
      <c r="D348">
        <v>2.1833851104206943</v>
      </c>
      <c r="E348" cm="1">
        <f t="array" ref="E348">INDEX(LINEST(C319:C377,$A319:$B377),1)*2</f>
        <v>5.9369847186139919E-2</v>
      </c>
      <c r="F348" cm="1">
        <f t="array" ref="F348">INDEX(LINEST(D319:D377,$A319:$B377),1)*2</f>
        <v>6.3516351779873458E-3</v>
      </c>
      <c r="G348">
        <f t="shared" si="21"/>
        <v>3.4867911252419974</v>
      </c>
      <c r="H348">
        <f t="shared" si="22"/>
        <v>0.37303153400319677</v>
      </c>
      <c r="J348">
        <v>12.579388210329979</v>
      </c>
      <c r="K348">
        <v>2.3464614555645409</v>
      </c>
      <c r="L348" cm="1">
        <f t="array" ref="L348">INDEX(LINEST(J319:J377,$A319:$B377),1)*2</f>
        <v>-3.03966777159526E-2</v>
      </c>
      <c r="M348" cm="1">
        <f t="array" ref="M348">INDEX(LINEST(K319:K377,$A319:$B377),1)*2</f>
        <v>-1.0035072284181695E-2</v>
      </c>
      <c r="N348">
        <f t="shared" si="23"/>
        <v>2.3897868020281936</v>
      </c>
      <c r="O348">
        <f t="shared" si="24"/>
        <v>0.78895738298236484</v>
      </c>
    </row>
    <row r="349" spans="1:15" x14ac:dyDescent="0.4">
      <c r="A349">
        <v>11.566666666666666</v>
      </c>
      <c r="B349">
        <f t="shared" si="25"/>
        <v>133.78777777777776</v>
      </c>
      <c r="C349">
        <v>-11.864785417773382</v>
      </c>
      <c r="D349">
        <v>2.1842765929511465</v>
      </c>
      <c r="E349" cm="1">
        <f t="array" ref="E349">INDEX(LINEST(C320:C378,$A320:$B378),1)*2</f>
        <v>5.9934335326098286E-2</v>
      </c>
      <c r="F349" cm="1">
        <f t="array" ref="F349">INDEX(LINEST(D320:D378,$A320:$B378),1)*2</f>
        <v>4.6905474136326826E-3</v>
      </c>
      <c r="G349">
        <f t="shared" si="21"/>
        <v>3.5199435137017523</v>
      </c>
      <c r="H349">
        <f t="shared" si="22"/>
        <v>0.27547584960264743</v>
      </c>
      <c r="J349">
        <v>12.568692322209658</v>
      </c>
      <c r="K349">
        <v>2.3476395019629299</v>
      </c>
      <c r="L349" cm="1">
        <f t="array" ref="L349">INDEX(LINEST(J320:J378,$A320:$B378),1)*2</f>
        <v>-3.1886178454387126E-2</v>
      </c>
      <c r="M349" cm="1">
        <f t="array" ref="M349">INDEX(LINEST(K320:K378,$A320:$B378),1)*2</f>
        <v>-1.1158328283118626E-2</v>
      </c>
      <c r="N349">
        <f t="shared" si="23"/>
        <v>2.5068913500839161</v>
      </c>
      <c r="O349">
        <f t="shared" si="24"/>
        <v>0.87726776961878639</v>
      </c>
    </row>
    <row r="350" spans="1:15" x14ac:dyDescent="0.4">
      <c r="A350">
        <v>11.6</v>
      </c>
      <c r="B350">
        <f t="shared" si="25"/>
        <v>134.56</v>
      </c>
      <c r="C350">
        <v>-11.854231067445735</v>
      </c>
      <c r="D350">
        <v>2.1834670715288782</v>
      </c>
      <c r="E350" cm="1">
        <f t="array" ref="E350">INDEX(LINEST(C321:C379,$A321:$B379),1)*2</f>
        <v>5.952672329475002E-2</v>
      </c>
      <c r="F350" cm="1">
        <f t="array" ref="F350">INDEX(LINEST(D321:D379,$A321:$B379),1)*2</f>
        <v>2.8257701496745666E-3</v>
      </c>
      <c r="G350">
        <f t="shared" si="21"/>
        <v>3.4960044591006683</v>
      </c>
      <c r="H350">
        <f t="shared" si="22"/>
        <v>0.16595748089038728</v>
      </c>
      <c r="J350">
        <v>12.555700651019533</v>
      </c>
      <c r="K350">
        <v>2.3504515054954891</v>
      </c>
      <c r="L350" cm="1">
        <f t="array" ref="L350">INDEX(LINEST(J321:J379,$A321:$B379),1)*2</f>
        <v>-3.2376136868030224E-2</v>
      </c>
      <c r="M350" cm="1">
        <f t="array" ref="M350">INDEX(LINEST(K321:K379,$A321:$B379),1)*2</f>
        <v>-1.1858330950835976E-2</v>
      </c>
      <c r="N350">
        <f t="shared" si="23"/>
        <v>2.5454118805645365</v>
      </c>
      <c r="O350">
        <f t="shared" si="24"/>
        <v>0.93230197935472447</v>
      </c>
    </row>
    <row r="351" spans="1:15" x14ac:dyDescent="0.4">
      <c r="A351">
        <v>11.633333333333333</v>
      </c>
      <c r="B351">
        <f t="shared" si="25"/>
        <v>135.33444444444444</v>
      </c>
      <c r="C351">
        <v>-11.835994944031244</v>
      </c>
      <c r="D351">
        <v>2.1852185223435074</v>
      </c>
      <c r="E351" cm="1">
        <f t="array" ref="E351">INDEX(LINEST(C322:C380,$A322:$B380),1)*2</f>
        <v>5.9188221666879086E-2</v>
      </c>
      <c r="F351" cm="1">
        <f t="array" ref="F351">INDEX(LINEST(D322:D380,$A322:$B380),1)*2</f>
        <v>1.6844287364297275E-3</v>
      </c>
      <c r="G351">
        <f t="shared" si="21"/>
        <v>3.4761242584958087</v>
      </c>
      <c r="H351">
        <f t="shared" si="22"/>
        <v>9.8926499690517894E-2</v>
      </c>
      <c r="J351">
        <v>12.541933095999795</v>
      </c>
      <c r="K351">
        <v>2.3525722849012114</v>
      </c>
      <c r="L351" cm="1">
        <f t="array" ref="L351">INDEX(LINEST(J322:J380,$A322:$B380),1)*2</f>
        <v>-3.2814877407423643E-2</v>
      </c>
      <c r="M351" cm="1">
        <f t="array" ref="M351">INDEX(LINEST(K322:K380,$A322:$B380),1)*2</f>
        <v>-1.255910413078455E-2</v>
      </c>
      <c r="N351">
        <f t="shared" si="23"/>
        <v>2.5799056617716469</v>
      </c>
      <c r="O351">
        <f t="shared" si="24"/>
        <v>0.98739676676228139</v>
      </c>
    </row>
    <row r="352" spans="1:15" x14ac:dyDescent="0.4">
      <c r="A352">
        <v>11.666666666666666</v>
      </c>
      <c r="B352">
        <f t="shared" si="25"/>
        <v>136.11111111111109</v>
      </c>
      <c r="C352">
        <v>-11.817230031294816</v>
      </c>
      <c r="D352">
        <v>2.186825836019032</v>
      </c>
      <c r="E352" cm="1">
        <f t="array" ref="E352">INDEX(LINEST(C323:C381,$A323:$B381),1)*2</f>
        <v>5.8336942248528388E-2</v>
      </c>
      <c r="F352" cm="1">
        <f t="array" ref="F352">INDEX(LINEST(D323:D381,$A323:$B381),1)*2</f>
        <v>1.404332245457365E-3</v>
      </c>
      <c r="G352">
        <f t="shared" ref="G352:G415" si="26">E352*58.73</f>
        <v>3.426128618256072</v>
      </c>
      <c r="H352">
        <f t="shared" ref="H352:H415" si="27">F352*58.73</f>
        <v>8.2476432775711039E-2</v>
      </c>
      <c r="J352">
        <v>12.528594483787645</v>
      </c>
      <c r="K352">
        <v>2.3529255560106663</v>
      </c>
      <c r="L352" cm="1">
        <f t="array" ref="L352">INDEX(LINEST(J323:J381,$A323:$B381),1)*2</f>
        <v>-3.4111945549729079E-2</v>
      </c>
      <c r="M352" cm="1">
        <f t="array" ref="M352">INDEX(LINEST(K323:K381,$A323:$B381),1)*2</f>
        <v>-1.3407033116783217E-2</v>
      </c>
      <c r="N352">
        <f t="shared" ref="N352:N415" si="28">-L352*78.62</f>
        <v>2.6818811591197003</v>
      </c>
      <c r="O352">
        <f t="shared" ref="O352:O415" si="29">-M352*78.62</f>
        <v>1.0540609436414965</v>
      </c>
    </row>
    <row r="353" spans="1:15" x14ac:dyDescent="0.4">
      <c r="A353">
        <v>11.7</v>
      </c>
      <c r="B353">
        <f t="shared" si="25"/>
        <v>136.88999999999999</v>
      </c>
      <c r="C353">
        <v>-11.804147720759204</v>
      </c>
      <c r="D353">
        <v>2.1892356509290352</v>
      </c>
      <c r="E353" cm="1">
        <f t="array" ref="E353">INDEX(LINEST(C324:C382,$A324:$B382),1)*2</f>
        <v>5.8111967102861359E-2</v>
      </c>
      <c r="F353" cm="1">
        <f t="array" ref="F353">INDEX(LINEST(D324:D382,$A324:$B382),1)*2</f>
        <v>9.8709972433537224E-4</v>
      </c>
      <c r="G353">
        <f t="shared" si="26"/>
        <v>3.4129158279510476</v>
      </c>
      <c r="H353">
        <f t="shared" si="27"/>
        <v>5.7972366810216412E-2</v>
      </c>
      <c r="J353">
        <v>12.517129031407036</v>
      </c>
      <c r="K353">
        <v>2.3552088398340363</v>
      </c>
      <c r="L353" cm="1">
        <f t="array" ref="L353">INDEX(LINEST(J324:J382,$A324:$B382),1)*2</f>
        <v>-3.5479232944522258E-2</v>
      </c>
      <c r="M353" cm="1">
        <f t="array" ref="M353">INDEX(LINEST(K324:K382,$A324:$B382),1)*2</f>
        <v>-1.4797255636558931E-2</v>
      </c>
      <c r="N353">
        <f t="shared" si="28"/>
        <v>2.7893772940983403</v>
      </c>
      <c r="O353">
        <f t="shared" si="29"/>
        <v>1.1633602381462633</v>
      </c>
    </row>
    <row r="354" spans="1:15" x14ac:dyDescent="0.4">
      <c r="A354">
        <v>11.733333333333333</v>
      </c>
      <c r="B354">
        <f t="shared" si="25"/>
        <v>137.67111111111109</v>
      </c>
      <c r="C354">
        <v>-11.792384063482533</v>
      </c>
      <c r="D354">
        <v>2.195126692399004</v>
      </c>
      <c r="E354" cm="1">
        <f t="array" ref="E354">INDEX(LINEST(C325:C383,$A325:$B383),1)*2</f>
        <v>5.7382495393239127E-2</v>
      </c>
      <c r="F354" cm="1">
        <f t="array" ref="F354">INDEX(LINEST(D325:D383,$A325:$B383),1)*2</f>
        <v>9.8573254205368949E-4</v>
      </c>
      <c r="G354">
        <f t="shared" si="26"/>
        <v>3.3700739544449339</v>
      </c>
      <c r="H354">
        <f t="shared" si="27"/>
        <v>5.7892072194813182E-2</v>
      </c>
      <c r="J354">
        <v>12.507764770546977</v>
      </c>
      <c r="K354">
        <v>2.3632833437302043</v>
      </c>
      <c r="L354" cm="1">
        <f t="array" ref="L354">INDEX(LINEST(J325:J383,$A325:$B383),1)*2</f>
        <v>-3.5274420505434848E-2</v>
      </c>
      <c r="M354" cm="1">
        <f t="array" ref="M354">INDEX(LINEST(K325:K383,$A325:$B383),1)*2</f>
        <v>-1.6375956262112232E-2</v>
      </c>
      <c r="N354">
        <f t="shared" si="28"/>
        <v>2.7732749401372878</v>
      </c>
      <c r="O354">
        <f t="shared" si="29"/>
        <v>1.2874776813272637</v>
      </c>
    </row>
    <row r="355" spans="1:15" x14ac:dyDescent="0.4">
      <c r="A355">
        <v>11.766666666666667</v>
      </c>
      <c r="B355">
        <f t="shared" si="25"/>
        <v>138.45444444444448</v>
      </c>
      <c r="C355">
        <v>-11.774469631822965</v>
      </c>
      <c r="D355">
        <v>2.1945895418363697</v>
      </c>
      <c r="E355" cm="1">
        <f t="array" ref="E355">INDEX(LINEST(C326:C384,$A326:$B384),1)*2</f>
        <v>5.8987019512719806E-2</v>
      </c>
      <c r="F355" cm="1">
        <f t="array" ref="F355">INDEX(LINEST(D326:D384,$A326:$B384),1)*2</f>
        <v>1.3732336611838912E-3</v>
      </c>
      <c r="G355">
        <f t="shared" si="26"/>
        <v>3.4643076559820338</v>
      </c>
      <c r="H355">
        <f t="shared" si="27"/>
        <v>8.0650012921329922E-2</v>
      </c>
      <c r="J355">
        <v>12.497172177900403</v>
      </c>
      <c r="K355">
        <v>2.3654872157560436</v>
      </c>
      <c r="L355" cm="1">
        <f t="array" ref="L355">INDEX(LINEST(J326:J384,$A326:$B384),1)*2</f>
        <v>-3.5035803868101956E-2</v>
      </c>
      <c r="M355" cm="1">
        <f t="array" ref="M355">INDEX(LINEST(K326:K384,$A326:$B384),1)*2</f>
        <v>-1.6082452798095337E-2</v>
      </c>
      <c r="N355">
        <f t="shared" si="28"/>
        <v>2.7545149001101761</v>
      </c>
      <c r="O355">
        <f t="shared" si="29"/>
        <v>1.2644024389862554</v>
      </c>
    </row>
    <row r="356" spans="1:15" x14ac:dyDescent="0.4">
      <c r="A356">
        <v>11.8</v>
      </c>
      <c r="B356">
        <f t="shared" si="25"/>
        <v>139.24</v>
      </c>
      <c r="C356">
        <v>-11.757004618699737</v>
      </c>
      <c r="D356">
        <v>2.1956377575177966</v>
      </c>
      <c r="E356" cm="1">
        <f t="array" ref="E356">INDEX(LINEST(C327:C385,$A327:$B385),1)*2</f>
        <v>5.9417359229274366E-2</v>
      </c>
      <c r="F356" cm="1">
        <f t="array" ref="F356">INDEX(LINEST(D327:D385,$A327:$B385),1)*2</f>
        <v>2.7236490567467547E-3</v>
      </c>
      <c r="G356">
        <f t="shared" si="26"/>
        <v>3.4895815075352834</v>
      </c>
      <c r="H356">
        <f t="shared" si="27"/>
        <v>0.15995990910273689</v>
      </c>
      <c r="J356">
        <v>12.484366865530019</v>
      </c>
      <c r="K356">
        <v>2.3676847155262575</v>
      </c>
      <c r="L356" cm="1">
        <f t="array" ref="L356">INDEX(LINEST(J327:J385,$A327:$B385),1)*2</f>
        <v>-3.5129951137923526E-2</v>
      </c>
      <c r="M356" cm="1">
        <f t="array" ref="M356">INDEX(LINEST(K327:K385,$A327:$B385),1)*2</f>
        <v>-1.4769583062079046E-2</v>
      </c>
      <c r="N356">
        <f t="shared" si="28"/>
        <v>2.7619167584635478</v>
      </c>
      <c r="O356">
        <f t="shared" si="29"/>
        <v>1.1611846203406546</v>
      </c>
    </row>
    <row r="357" spans="1:15" x14ac:dyDescent="0.4">
      <c r="A357">
        <v>11.833333333333334</v>
      </c>
      <c r="B357">
        <f t="shared" si="25"/>
        <v>140.0277777777778</v>
      </c>
      <c r="C357">
        <v>-11.743539526621019</v>
      </c>
      <c r="D357">
        <v>2.1977878646619167</v>
      </c>
      <c r="E357" cm="1">
        <f t="array" ref="E357">INDEX(LINEST(C328:C386,$A328:$B386),1)*2</f>
        <v>5.8532944055748312E-2</v>
      </c>
      <c r="F357" cm="1">
        <f t="array" ref="F357">INDEX(LINEST(D328:D386,$A328:$B386),1)*2</f>
        <v>4.282990427823246E-3</v>
      </c>
      <c r="G357">
        <f t="shared" si="26"/>
        <v>3.4376398043940983</v>
      </c>
      <c r="H357">
        <f t="shared" si="27"/>
        <v>0.25154002782605922</v>
      </c>
      <c r="J357">
        <v>12.472570971267217</v>
      </c>
      <c r="K357">
        <v>2.3706073708586333</v>
      </c>
      <c r="L357" cm="1">
        <f t="array" ref="L357">INDEX(LINEST(J328:J386,$A328:$B386),1)*2</f>
        <v>-3.4437070729254143E-2</v>
      </c>
      <c r="M357" cm="1">
        <f t="array" ref="M357">INDEX(LINEST(K328:K386,$A328:$B386),1)*2</f>
        <v>-1.303144378498111E-2</v>
      </c>
      <c r="N357">
        <f t="shared" si="28"/>
        <v>2.7074425007339609</v>
      </c>
      <c r="O357">
        <f t="shared" si="29"/>
        <v>1.024532110375215</v>
      </c>
    </row>
    <row r="358" spans="1:15" x14ac:dyDescent="0.4">
      <c r="A358">
        <v>11.866666666666667</v>
      </c>
      <c r="B358">
        <f t="shared" si="25"/>
        <v>140.81777777777779</v>
      </c>
      <c r="C358">
        <v>-11.725107490481976</v>
      </c>
      <c r="D358">
        <v>2.1978992627149032</v>
      </c>
      <c r="E358" cm="1">
        <f t="array" ref="E358">INDEX(LINEST(C329:C387,$A329:$B387),1)*2</f>
        <v>5.7359471069740528E-2</v>
      </c>
      <c r="F358" cm="1">
        <f t="array" ref="F358">INDEX(LINEST(D329:D387,$A329:$B387),1)*2</f>
        <v>5.2089670317524862E-3</v>
      </c>
      <c r="G358">
        <f t="shared" si="26"/>
        <v>3.368721735925861</v>
      </c>
      <c r="H358">
        <f t="shared" si="27"/>
        <v>0.30592263377482348</v>
      </c>
      <c r="J358">
        <v>12.460382870529331</v>
      </c>
      <c r="K358">
        <v>2.3710853004848547</v>
      </c>
      <c r="L358" cm="1">
        <f t="array" ref="L358">INDEX(LINEST(J329:J387,$A329:$B387),1)*2</f>
        <v>-3.5502650637844933E-2</v>
      </c>
      <c r="M358" cm="1">
        <f t="array" ref="M358">INDEX(LINEST(K329:K387,$A329:$B387),1)*2</f>
        <v>-1.1064957194631379E-2</v>
      </c>
      <c r="N358">
        <f t="shared" si="28"/>
        <v>2.7912183931473686</v>
      </c>
      <c r="O358">
        <f t="shared" si="29"/>
        <v>0.86992693464191906</v>
      </c>
    </row>
    <row r="359" spans="1:15" x14ac:dyDescent="0.4">
      <c r="A359">
        <v>11.9</v>
      </c>
      <c r="B359">
        <f t="shared" si="25"/>
        <v>141.61000000000001</v>
      </c>
      <c r="C359">
        <v>-11.712940326402812</v>
      </c>
      <c r="D359">
        <v>2.1980972335227098</v>
      </c>
      <c r="E359" cm="1">
        <f t="array" ref="E359">INDEX(LINEST(C330:C388,$A330:$B388),1)*2</f>
        <v>5.5447519744114208E-2</v>
      </c>
      <c r="F359" cm="1">
        <f t="array" ref="F359">INDEX(LINEST(D330:D388,$A330:$B388),1)*2</f>
        <v>7.059387963517209E-3</v>
      </c>
      <c r="G359">
        <f t="shared" si="26"/>
        <v>3.2564328345718274</v>
      </c>
      <c r="H359">
        <f t="shared" si="27"/>
        <v>0.41459785509736569</v>
      </c>
      <c r="J359">
        <v>12.447696726263406</v>
      </c>
      <c r="K359">
        <v>2.3678738750335233</v>
      </c>
      <c r="L359" cm="1">
        <f t="array" ref="L359">INDEX(LINEST(J330:J388,$A330:$B388),1)*2</f>
        <v>-3.8295079753515066E-2</v>
      </c>
      <c r="M359" cm="1">
        <f t="array" ref="M359">INDEX(LINEST(K330:K388,$A330:$B388),1)*2</f>
        <v>-1.021273772910219E-2</v>
      </c>
      <c r="N359">
        <f t="shared" si="28"/>
        <v>3.0107591702213545</v>
      </c>
      <c r="O359">
        <f t="shared" si="29"/>
        <v>0.80292544026201418</v>
      </c>
    </row>
    <row r="360" spans="1:15" x14ac:dyDescent="0.4">
      <c r="A360">
        <v>11.933333333333334</v>
      </c>
      <c r="B360">
        <f t="shared" si="25"/>
        <v>142.40444444444444</v>
      </c>
      <c r="C360">
        <v>-11.697236498772863</v>
      </c>
      <c r="D360">
        <v>2.201304239990896</v>
      </c>
      <c r="E360" cm="1">
        <f t="array" ref="E360">INDEX(LINEST(C331:C389,$A331:$B389),1)*2</f>
        <v>5.3848943948091921E-2</v>
      </c>
      <c r="F360" cm="1">
        <f t="array" ref="F360">INDEX(LINEST(D331:D389,$A331:$B389),1)*2</f>
        <v>9.2577724683938281E-3</v>
      </c>
      <c r="G360">
        <f t="shared" si="26"/>
        <v>3.1625484780714381</v>
      </c>
      <c r="H360">
        <f t="shared" si="27"/>
        <v>0.54370897706876953</v>
      </c>
      <c r="J360">
        <v>12.436103469140047</v>
      </c>
      <c r="K360">
        <v>2.3634719924770131</v>
      </c>
      <c r="L360" cm="1">
        <f t="array" ref="L360">INDEX(LINEST(J331:J389,$A331:$B389),1)*2</f>
        <v>-4.038840975474603E-2</v>
      </c>
      <c r="M360" cm="1">
        <f t="array" ref="M360">INDEX(LINEST(K331:K389,$A331:$B389),1)*2</f>
        <v>-1.004891661522396E-2</v>
      </c>
      <c r="N360">
        <f t="shared" si="28"/>
        <v>3.1753367749181329</v>
      </c>
      <c r="O360">
        <f t="shared" si="29"/>
        <v>0.79004582428890779</v>
      </c>
    </row>
    <row r="361" spans="1:15" x14ac:dyDescent="0.4">
      <c r="A361">
        <v>11.966666666666667</v>
      </c>
      <c r="B361">
        <f t="shared" si="25"/>
        <v>143.20111111111112</v>
      </c>
      <c r="C361">
        <v>-11.682189315299972</v>
      </c>
      <c r="D361">
        <v>2.2050789935926809</v>
      </c>
      <c r="E361" cm="1">
        <f t="array" ref="E361">INDEX(LINEST(C332:C390,$A332:$B390),1)*2</f>
        <v>5.1906862683885321E-2</v>
      </c>
      <c r="F361" cm="1">
        <f t="array" ref="F361">INDEX(LINEST(D332:D390,$A332:$B390),1)*2</f>
        <v>1.1305252893558836E-2</v>
      </c>
      <c r="G361">
        <f t="shared" si="26"/>
        <v>3.0484900454245847</v>
      </c>
      <c r="H361">
        <f t="shared" si="27"/>
        <v>0.66395750243871043</v>
      </c>
      <c r="J361">
        <v>12.419465882613631</v>
      </c>
      <c r="K361">
        <v>2.3591361024778745</v>
      </c>
      <c r="L361" cm="1">
        <f t="array" ref="L361">INDEX(LINEST(J332:J390,$A332:$B390),1)*2</f>
        <v>-4.2228781578587858E-2</v>
      </c>
      <c r="M361" cm="1">
        <f t="array" ref="M361">INDEX(LINEST(K332:K390,$A332:$B390),1)*2</f>
        <v>-9.9804165556539211E-3</v>
      </c>
      <c r="N361">
        <f t="shared" si="28"/>
        <v>3.3200268077085777</v>
      </c>
      <c r="O361">
        <f t="shared" si="29"/>
        <v>0.78466034960551134</v>
      </c>
    </row>
    <row r="362" spans="1:15" x14ac:dyDescent="0.4">
      <c r="A362">
        <v>12</v>
      </c>
      <c r="B362">
        <f t="shared" si="25"/>
        <v>144</v>
      </c>
      <c r="C362">
        <v>-11.668645442001981</v>
      </c>
      <c r="D362">
        <v>2.2071497732328904</v>
      </c>
      <c r="E362" cm="1">
        <f t="array" ref="E362">INDEX(LINEST(C333:C391,$A333:$B391),1)*2</f>
        <v>4.8653835101752752E-2</v>
      </c>
      <c r="F362" cm="1">
        <f t="array" ref="F362">INDEX(LINEST(D333:D391,$A333:$B391),1)*2</f>
        <v>1.2012474327706591E-2</v>
      </c>
      <c r="G362">
        <f t="shared" si="26"/>
        <v>2.8574397355259391</v>
      </c>
      <c r="H362">
        <f t="shared" si="27"/>
        <v>0.70549261726620804</v>
      </c>
      <c r="J362">
        <v>12.405006854058334</v>
      </c>
      <c r="K362">
        <v>2.3605000124159212</v>
      </c>
      <c r="L362" cm="1">
        <f t="array" ref="L362">INDEX(LINEST(J333:J391,$A333:$B391),1)*2</f>
        <v>-4.2628253819714176E-2</v>
      </c>
      <c r="M362" cm="1">
        <f t="array" ref="M362">INDEX(LINEST(K333:K391,$A333:$B391),1)*2</f>
        <v>-9.678232144111695E-3</v>
      </c>
      <c r="N362">
        <f t="shared" si="28"/>
        <v>3.3514333153059286</v>
      </c>
      <c r="O362">
        <f t="shared" si="29"/>
        <v>0.76090261117006153</v>
      </c>
    </row>
    <row r="363" spans="1:15" x14ac:dyDescent="0.4">
      <c r="A363">
        <v>12.033333333333333</v>
      </c>
      <c r="B363">
        <f t="shared" si="25"/>
        <v>144.80111111111111</v>
      </c>
      <c r="C363">
        <v>-11.65310331317651</v>
      </c>
      <c r="D363">
        <v>2.2096547806863178</v>
      </c>
      <c r="E363" cm="1">
        <f t="array" ref="E363">INDEX(LINEST(C334:C392,$A334:$B392),1)*2</f>
        <v>4.5156961258773762E-2</v>
      </c>
      <c r="F363" cm="1">
        <f t="array" ref="F363">INDEX(LINEST(D334:D392,$A334:$B392),1)*2</f>
        <v>1.1998584141021921E-2</v>
      </c>
      <c r="G363">
        <f t="shared" si="26"/>
        <v>2.6520683347277827</v>
      </c>
      <c r="H363">
        <f t="shared" si="27"/>
        <v>0.70467684660221741</v>
      </c>
      <c r="J363">
        <v>12.390543524037863</v>
      </c>
      <c r="K363">
        <v>2.3628571974148658</v>
      </c>
      <c r="L363" cm="1">
        <f t="array" ref="L363">INDEX(LINEST(J334:J392,$A334:$B392),1)*2</f>
        <v>-4.3632073461437985E-2</v>
      </c>
      <c r="M363" cm="1">
        <f t="array" ref="M363">INDEX(LINEST(K334:K392,$A334:$B392),1)*2</f>
        <v>-9.8815328473896465E-3</v>
      </c>
      <c r="N363">
        <f t="shared" si="28"/>
        <v>3.4303536155382548</v>
      </c>
      <c r="O363">
        <f t="shared" si="29"/>
        <v>0.77688611246177408</v>
      </c>
    </row>
    <row r="364" spans="1:15" x14ac:dyDescent="0.4">
      <c r="A364">
        <v>12.066666666666666</v>
      </c>
      <c r="B364">
        <f t="shared" si="25"/>
        <v>145.60444444444443</v>
      </c>
      <c r="C364">
        <v>-11.637698255692001</v>
      </c>
      <c r="D364">
        <v>2.2103431465315739</v>
      </c>
      <c r="E364" cm="1">
        <f t="array" ref="E364">INDEX(LINEST(C335:C393,$A335:$B393),1)*2</f>
        <v>4.2854852020758054E-2</v>
      </c>
      <c r="F364" cm="1">
        <f t="array" ref="F364">INDEX(LINEST(D335:D393,$A335:$B393),1)*2</f>
        <v>1.0546048959378829E-2</v>
      </c>
      <c r="G364">
        <f t="shared" si="26"/>
        <v>2.5168654591791202</v>
      </c>
      <c r="H364">
        <f t="shared" si="27"/>
        <v>0.61936945538431853</v>
      </c>
      <c r="J364">
        <v>12.380341742793631</v>
      </c>
      <c r="K364">
        <v>2.3647899339370593</v>
      </c>
      <c r="L364" cm="1">
        <f t="array" ref="L364">INDEX(LINEST(J335:J393,$A335:$B393),1)*2</f>
        <v>-4.5070654081842638E-2</v>
      </c>
      <c r="M364" cm="1">
        <f t="array" ref="M364">INDEX(LINEST(K335:K393,$A335:$B393),1)*2</f>
        <v>-1.0249746238987785E-2</v>
      </c>
      <c r="N364">
        <f t="shared" si="28"/>
        <v>3.5434548239144683</v>
      </c>
      <c r="O364">
        <f t="shared" si="29"/>
        <v>0.80583504930921968</v>
      </c>
    </row>
    <row r="365" spans="1:15" x14ac:dyDescent="0.4">
      <c r="A365">
        <v>12.1</v>
      </c>
      <c r="B365">
        <f t="shared" si="25"/>
        <v>146.41</v>
      </c>
      <c r="C365">
        <v>-11.623016108671029</v>
      </c>
      <c r="D365">
        <v>2.2130987163910167</v>
      </c>
      <c r="E365" cm="1">
        <f t="array" ref="E365">INDEX(LINEST(C336:C394,$A336:$B394),1)*2</f>
        <v>4.0930362677693885E-2</v>
      </c>
      <c r="F365" cm="1">
        <f t="array" ref="F365">INDEX(LINEST(D336:D394,$A336:$B394),1)*2</f>
        <v>9.4253277215100191E-3</v>
      </c>
      <c r="G365">
        <f t="shared" si="26"/>
        <v>2.4038402000609618</v>
      </c>
      <c r="H365">
        <f t="shared" si="27"/>
        <v>0.55354949708428336</v>
      </c>
      <c r="J365">
        <v>12.365376866990969</v>
      </c>
      <c r="K365">
        <v>2.3638574480753234</v>
      </c>
      <c r="L365" cm="1">
        <f t="array" ref="L365">INDEX(LINEST(J336:J394,$A336:$B394),1)*2</f>
        <v>-4.574621474536953E-2</v>
      </c>
      <c r="M365" cm="1">
        <f t="array" ref="M365">INDEX(LINEST(K336:K394,$A336:$B394),1)*2</f>
        <v>-1.1344946596998648E-2</v>
      </c>
      <c r="N365">
        <f t="shared" si="28"/>
        <v>3.5965674032809525</v>
      </c>
      <c r="O365">
        <f t="shared" si="29"/>
        <v>0.89193970145603374</v>
      </c>
    </row>
    <row r="366" spans="1:15" x14ac:dyDescent="0.4">
      <c r="A366">
        <v>12.133333333333333</v>
      </c>
      <c r="B366">
        <f t="shared" si="25"/>
        <v>147.21777777777777</v>
      </c>
      <c r="C366">
        <v>-11.607691547298488</v>
      </c>
      <c r="D366">
        <v>2.2168409430518716</v>
      </c>
      <c r="E366" cm="1">
        <f t="array" ref="E366">INDEX(LINEST(C337:C395,$A337:$B395),1)*2</f>
        <v>4.0869927117142706E-2</v>
      </c>
      <c r="F366" cm="1">
        <f t="array" ref="F366">INDEX(LINEST(D337:D395,$A337:$B395),1)*2</f>
        <v>8.1514413981636363E-3</v>
      </c>
      <c r="G366">
        <f t="shared" si="26"/>
        <v>2.4002908195897912</v>
      </c>
      <c r="H366">
        <f t="shared" si="27"/>
        <v>0.47873415331415031</v>
      </c>
      <c r="J366">
        <v>12.353155034366351</v>
      </c>
      <c r="K366">
        <v>2.3667022013233856</v>
      </c>
      <c r="L366" cm="1">
        <f t="array" ref="L366">INDEX(LINEST(J337:J395,$A337:$B395),1)*2</f>
        <v>-4.4760661321609982E-2</v>
      </c>
      <c r="M366" cm="1">
        <f t="array" ref="M366">INDEX(LINEST(K337:K395,$A337:$B395),1)*2</f>
        <v>-1.1936449286851262E-2</v>
      </c>
      <c r="N366">
        <f t="shared" si="28"/>
        <v>3.5190831931049771</v>
      </c>
      <c r="O366">
        <f t="shared" si="29"/>
        <v>0.93844364293224625</v>
      </c>
    </row>
    <row r="367" spans="1:15" x14ac:dyDescent="0.4">
      <c r="A367">
        <v>12.166666666666666</v>
      </c>
      <c r="B367">
        <f t="shared" si="25"/>
        <v>148.02777777777777</v>
      </c>
      <c r="C367">
        <v>-11.593660727119818</v>
      </c>
      <c r="D367">
        <v>2.2168141972360131</v>
      </c>
      <c r="E367" cm="1">
        <f t="array" ref="E367">INDEX(LINEST(C338:C396,$A338:$B396),1)*2</f>
        <v>4.040194257871315E-2</v>
      </c>
      <c r="F367" cm="1">
        <f t="array" ref="F367">INDEX(LINEST(D338:D396,$A338:$B396),1)*2</f>
        <v>8.2192769522857357E-3</v>
      </c>
      <c r="G367">
        <f t="shared" si="26"/>
        <v>2.372806087647823</v>
      </c>
      <c r="H367">
        <f t="shared" si="27"/>
        <v>0.48271813540774122</v>
      </c>
      <c r="J367">
        <v>12.338821191971556</v>
      </c>
      <c r="K367">
        <v>2.3645811435668</v>
      </c>
      <c r="L367" cm="1">
        <f t="array" ref="L367">INDEX(LINEST(J338:J396,$A338:$B396),1)*2</f>
        <v>-4.3246842197159664E-2</v>
      </c>
      <c r="M367" cm="1">
        <f t="array" ref="M367">INDEX(LINEST(K338:K396,$A338:$B396),1)*2</f>
        <v>-1.2613627548145928E-2</v>
      </c>
      <c r="N367">
        <f t="shared" si="28"/>
        <v>3.4000667335406929</v>
      </c>
      <c r="O367">
        <f t="shared" si="29"/>
        <v>0.99168339783523296</v>
      </c>
    </row>
    <row r="368" spans="1:15" x14ac:dyDescent="0.4">
      <c r="A368">
        <v>12.2</v>
      </c>
      <c r="B368">
        <f t="shared" si="25"/>
        <v>148.83999999999997</v>
      </c>
      <c r="C368">
        <v>-11.580006551829239</v>
      </c>
      <c r="D368">
        <v>2.2182946370583525</v>
      </c>
      <c r="E368" cm="1">
        <f t="array" ref="E368">INDEX(LINEST(C339:C397,$A339:$B397),1)*2</f>
        <v>4.0937815321631647E-2</v>
      </c>
      <c r="F368" cm="1">
        <f t="array" ref="F368">INDEX(LINEST(D339:D397,$A339:$B397),1)*2</f>
        <v>8.2448091577791687E-3</v>
      </c>
      <c r="G368">
        <f t="shared" si="26"/>
        <v>2.4042778938394265</v>
      </c>
      <c r="H368">
        <f t="shared" si="27"/>
        <v>0.48421764183637056</v>
      </c>
      <c r="J368">
        <v>12.330237390742486</v>
      </c>
      <c r="K368">
        <v>2.3673813735244562</v>
      </c>
      <c r="L368" cm="1">
        <f t="array" ref="L368">INDEX(LINEST(J339:J397,$A339:$B397),1)*2</f>
        <v>-4.1778586292808534E-2</v>
      </c>
      <c r="M368" cm="1">
        <f t="array" ref="M368">INDEX(LINEST(K339:K397,$A339:$B397),1)*2</f>
        <v>-1.2780419627969195E-2</v>
      </c>
      <c r="N368">
        <f t="shared" si="28"/>
        <v>3.2846324543406071</v>
      </c>
      <c r="O368">
        <f t="shared" si="29"/>
        <v>1.0047965911509382</v>
      </c>
    </row>
    <row r="369" spans="1:15" x14ac:dyDescent="0.4">
      <c r="A369">
        <v>12.233333333333333</v>
      </c>
      <c r="B369">
        <f t="shared" si="25"/>
        <v>149.65444444444444</v>
      </c>
      <c r="C369">
        <v>-11.564751377726461</v>
      </c>
      <c r="D369">
        <v>2.218814386103142</v>
      </c>
      <c r="E369" cm="1">
        <f t="array" ref="E369">INDEX(LINEST(C340:C398,$A340:$B398),1)*2</f>
        <v>4.0130143689102109E-2</v>
      </c>
      <c r="F369" cm="1">
        <f t="array" ref="F369">INDEX(LINEST(D340:D398,$A340:$B398),1)*2</f>
        <v>8.1864855290625371E-3</v>
      </c>
      <c r="G369">
        <f t="shared" si="26"/>
        <v>2.3568433388609669</v>
      </c>
      <c r="H369">
        <f t="shared" si="27"/>
        <v>0.48079229512184279</v>
      </c>
      <c r="J369">
        <v>12.319810205001284</v>
      </c>
      <c r="K369">
        <v>2.3693562967229624</v>
      </c>
      <c r="L369" cm="1">
        <f t="array" ref="L369">INDEX(LINEST(J340:J398,$A340:$B398),1)*2</f>
        <v>-4.0910932556282392E-2</v>
      </c>
      <c r="M369" cm="1">
        <f t="array" ref="M369">INDEX(LINEST(K340:K398,$A340:$B398),1)*2</f>
        <v>-1.1546452883968191E-2</v>
      </c>
      <c r="N369">
        <f t="shared" si="28"/>
        <v>3.2164175175749219</v>
      </c>
      <c r="O369">
        <f t="shared" si="29"/>
        <v>0.90778212573757922</v>
      </c>
    </row>
    <row r="370" spans="1:15" x14ac:dyDescent="0.4">
      <c r="A370">
        <v>12.266666666666667</v>
      </c>
      <c r="B370">
        <f t="shared" si="25"/>
        <v>150.47111111111113</v>
      </c>
      <c r="C370">
        <v>-11.549357717266838</v>
      </c>
      <c r="D370">
        <v>2.2193645618655626</v>
      </c>
      <c r="E370" cm="1">
        <f t="array" ref="E370">INDEX(LINEST(C341:C399,$A341:$B399),1)*2</f>
        <v>4.0396531019028355E-2</v>
      </c>
      <c r="F370" cm="1">
        <f t="array" ref="F370">INDEX(LINEST(D341:D399,$A341:$B399),1)*2</f>
        <v>5.9997370639209447E-3</v>
      </c>
      <c r="G370">
        <f t="shared" si="26"/>
        <v>2.3724882667475353</v>
      </c>
      <c r="H370">
        <f t="shared" si="27"/>
        <v>0.35236455776407705</v>
      </c>
      <c r="J370">
        <v>12.307539784473388</v>
      </c>
      <c r="K370">
        <v>2.3708648883668637</v>
      </c>
      <c r="L370" cm="1">
        <f t="array" ref="L370">INDEX(LINEST(J341:J399,$A341:$B399),1)*2</f>
        <v>-4.3629698973052924E-2</v>
      </c>
      <c r="M370" cm="1">
        <f t="array" ref="M370">INDEX(LINEST(K341:K399,$A341:$B399),1)*2</f>
        <v>-9.5431771919535138E-3</v>
      </c>
      <c r="N370">
        <f t="shared" si="28"/>
        <v>3.4301669332614213</v>
      </c>
      <c r="O370">
        <f t="shared" si="29"/>
        <v>0.75028459083138532</v>
      </c>
    </row>
    <row r="371" spans="1:15" x14ac:dyDescent="0.4">
      <c r="A371">
        <v>12.3</v>
      </c>
      <c r="B371">
        <f t="shared" si="25"/>
        <v>151.29000000000002</v>
      </c>
      <c r="C371">
        <v>-11.534435589369618</v>
      </c>
      <c r="D371">
        <v>2.2197995505025743</v>
      </c>
      <c r="E371" cm="1">
        <f t="array" ref="E371">INDEX(LINEST(C342:C400,$A342:$B400),1)*2</f>
        <v>4.1585453718109629E-2</v>
      </c>
      <c r="F371" cm="1">
        <f t="array" ref="F371">INDEX(LINEST(D342:D400,$A342:$B400),1)*2</f>
        <v>3.3003518910396817E-3</v>
      </c>
      <c r="G371">
        <f t="shared" si="26"/>
        <v>2.4423136968645784</v>
      </c>
      <c r="H371">
        <f t="shared" si="27"/>
        <v>0.19382966656076051</v>
      </c>
      <c r="J371">
        <v>12.291313792778157</v>
      </c>
      <c r="K371">
        <v>2.3710426251497929</v>
      </c>
      <c r="L371" cm="1">
        <f t="array" ref="L371">INDEX(LINEST(J342:J400,$A342:$B400),1)*2</f>
        <v>-4.5526309742381817E-2</v>
      </c>
      <c r="M371" cm="1">
        <f t="array" ref="M371">INDEX(LINEST(K342:K400,$A342:$B400),1)*2</f>
        <v>-7.4008748447731134E-3</v>
      </c>
      <c r="N371">
        <f t="shared" si="28"/>
        <v>3.5792784719460586</v>
      </c>
      <c r="O371">
        <f t="shared" si="29"/>
        <v>0.58185678029606225</v>
      </c>
    </row>
    <row r="372" spans="1:15" x14ac:dyDescent="0.4">
      <c r="A372">
        <v>12.333333333333334</v>
      </c>
      <c r="B372">
        <f t="shared" si="25"/>
        <v>152.11111111111111</v>
      </c>
      <c r="C372">
        <v>-11.519917907859712</v>
      </c>
      <c r="D372">
        <v>2.2198498827033246</v>
      </c>
      <c r="E372" cm="1">
        <f t="array" ref="E372">INDEX(LINEST(C343:C401,$A343:$B401),1)*2</f>
        <v>4.2701564036578411E-2</v>
      </c>
      <c r="F372" cm="1">
        <f t="array" ref="F372">INDEX(LINEST(D343:D401,$A343:$B401),1)*2</f>
        <v>2.1684059830818917E-4</v>
      </c>
      <c r="G372">
        <f t="shared" si="26"/>
        <v>2.5078628558682499</v>
      </c>
      <c r="H372">
        <f t="shared" si="27"/>
        <v>1.273504833863995E-2</v>
      </c>
      <c r="J372">
        <v>12.278572082238451</v>
      </c>
      <c r="K372">
        <v>2.3713428916725636</v>
      </c>
      <c r="L372" cm="1">
        <f t="array" ref="L372">INDEX(LINEST(J343:J401,$A343:$B401),1)*2</f>
        <v>-4.750959210520303E-2</v>
      </c>
      <c r="M372" cm="1">
        <f t="array" ref="M372">INDEX(LINEST(K343:K401,$A343:$B401),1)*2</f>
        <v>-5.6492662271370219E-3</v>
      </c>
      <c r="N372">
        <f t="shared" si="28"/>
        <v>3.7352041313110624</v>
      </c>
      <c r="O372">
        <f t="shared" si="29"/>
        <v>0.44414531077751268</v>
      </c>
    </row>
    <row r="373" spans="1:15" x14ac:dyDescent="0.4">
      <c r="A373">
        <v>12.366666666666667</v>
      </c>
      <c r="B373">
        <f t="shared" si="25"/>
        <v>152.93444444444447</v>
      </c>
      <c r="C373">
        <v>-11.497538619518902</v>
      </c>
      <c r="D373">
        <v>2.2240248262714912</v>
      </c>
      <c r="E373" cm="1">
        <f t="array" ref="E373">INDEX(LINEST(C344:C402,$A344:$B402),1)*2</f>
        <v>4.435285207923538E-2</v>
      </c>
      <c r="F373" cm="1">
        <f t="array" ref="F373">INDEX(LINEST(D344:D402,$A344:$B402),1)*2</f>
        <v>-2.8687424682239931E-3</v>
      </c>
      <c r="G373">
        <f t="shared" si="26"/>
        <v>2.6048430026134937</v>
      </c>
      <c r="H373">
        <f t="shared" si="27"/>
        <v>-0.16848124515879512</v>
      </c>
      <c r="J373">
        <v>12.264628572810363</v>
      </c>
      <c r="K373">
        <v>2.3733995295793391</v>
      </c>
      <c r="L373" cm="1">
        <f t="array" ref="L373">INDEX(LINEST(J344:J402,$A344:$B402),1)*2</f>
        <v>-5.0787742684422654E-2</v>
      </c>
      <c r="M373" cm="1">
        <f t="array" ref="M373">INDEX(LINEST(K344:K402,$A344:$B402),1)*2</f>
        <v>-3.4226640056347069E-3</v>
      </c>
      <c r="N373">
        <f t="shared" si="28"/>
        <v>3.9929323298493093</v>
      </c>
      <c r="O373">
        <f t="shared" si="29"/>
        <v>0.26908984412300069</v>
      </c>
    </row>
    <row r="374" spans="1:15" x14ac:dyDescent="0.4">
      <c r="A374">
        <v>12.4</v>
      </c>
      <c r="B374">
        <f t="shared" si="25"/>
        <v>153.76000000000002</v>
      </c>
      <c r="C374">
        <v>-11.482823290457196</v>
      </c>
      <c r="D374">
        <v>2.2232470415212728</v>
      </c>
      <c r="E374" cm="1">
        <f t="array" ref="E374">INDEX(LINEST(C345:C403,$A345:$B403),1)*2</f>
        <v>4.6188914170048195E-2</v>
      </c>
      <c r="F374" cm="1">
        <f t="array" ref="F374">INDEX(LINEST(D345:D403,$A345:$B403),1)*2</f>
        <v>-6.6295963705645935E-3</v>
      </c>
      <c r="G374">
        <f t="shared" si="26"/>
        <v>2.7126749292069303</v>
      </c>
      <c r="H374">
        <f t="shared" si="27"/>
        <v>-0.38935619484325856</v>
      </c>
      <c r="J374">
        <v>12.248905834040556</v>
      </c>
      <c r="K374">
        <v>2.3754373975952308</v>
      </c>
      <c r="L374" cm="1">
        <f t="array" ref="L374">INDEX(LINEST(J345:J403,$A345:$B403),1)*2</f>
        <v>-5.476793012649156E-2</v>
      </c>
      <c r="M374" cm="1">
        <f t="array" ref="M374">INDEX(LINEST(K345:K403,$A345:$B403),1)*2</f>
        <v>-1.0861911833482366E-3</v>
      </c>
      <c r="N374">
        <f t="shared" si="28"/>
        <v>4.305854666544767</v>
      </c>
      <c r="O374">
        <f t="shared" si="29"/>
        <v>8.5396350834838361E-2</v>
      </c>
    </row>
    <row r="375" spans="1:15" x14ac:dyDescent="0.4">
      <c r="A375">
        <v>12.433333333333334</v>
      </c>
      <c r="B375">
        <f t="shared" si="25"/>
        <v>154.58777777777777</v>
      </c>
      <c r="C375">
        <v>-11.467078832826779</v>
      </c>
      <c r="D375">
        <v>2.2221850333508382</v>
      </c>
      <c r="E375" cm="1">
        <f t="array" ref="E375">INDEX(LINEST(C346:C404,$A346:$B404),1)*2</f>
        <v>4.7723392329493602E-2</v>
      </c>
      <c r="F375" cm="1">
        <f t="array" ref="F375">INDEX(LINEST(D346:D404,$A346:$B404),1)*2</f>
        <v>-7.9833237232820545E-3</v>
      </c>
      <c r="G375">
        <f t="shared" si="26"/>
        <v>2.802794831511159</v>
      </c>
      <c r="H375">
        <f t="shared" si="27"/>
        <v>-0.46886060226835502</v>
      </c>
      <c r="J375">
        <v>12.235411203373689</v>
      </c>
      <c r="K375">
        <v>2.3771931564107316</v>
      </c>
      <c r="L375" cm="1">
        <f t="array" ref="L375">INDEX(LINEST(J346:J404,$A346:$B404),1)*2</f>
        <v>-5.7872903252683121E-2</v>
      </c>
      <c r="M375" cm="1">
        <f t="array" ref="M375">INDEX(LINEST(K346:K404,$A346:$B404),1)*2</f>
        <v>1.6285073578390071E-3</v>
      </c>
      <c r="N375">
        <f t="shared" si="28"/>
        <v>4.5499676537259468</v>
      </c>
      <c r="O375">
        <f t="shared" si="29"/>
        <v>-0.12803324847330275</v>
      </c>
    </row>
    <row r="376" spans="1:15" x14ac:dyDescent="0.4">
      <c r="A376">
        <v>12.466666666666667</v>
      </c>
      <c r="B376">
        <f t="shared" si="25"/>
        <v>155.41777777777779</v>
      </c>
      <c r="C376">
        <v>-11.448426899659832</v>
      </c>
      <c r="D376">
        <v>2.2215173470543279</v>
      </c>
      <c r="E376" cm="1">
        <f t="array" ref="E376">INDEX(LINEST(C347:C405,$A347:$B405),1)*2</f>
        <v>4.8505033834910158E-2</v>
      </c>
      <c r="F376" cm="1">
        <f t="array" ref="F376">INDEX(LINEST(D347:D405,$A347:$B405),1)*2</f>
        <v>-9.3825434913722642E-3</v>
      </c>
      <c r="G376">
        <f t="shared" si="26"/>
        <v>2.8487006371242733</v>
      </c>
      <c r="H376">
        <f t="shared" si="27"/>
        <v>-0.55103677924829308</v>
      </c>
      <c r="J376">
        <v>12.221464644734105</v>
      </c>
      <c r="K376">
        <v>2.3776024449964237</v>
      </c>
      <c r="L376" cm="1">
        <f t="array" ref="L376">INDEX(LINEST(J347:J405,$A347:$B405),1)*2</f>
        <v>-5.9227897380519576E-2</v>
      </c>
      <c r="M376" cm="1">
        <f t="array" ref="M376">INDEX(LINEST(K347:K405,$A347:$B405),1)*2</f>
        <v>4.5195576122787455E-3</v>
      </c>
      <c r="N376">
        <f t="shared" si="28"/>
        <v>4.6564972920564491</v>
      </c>
      <c r="O376">
        <f t="shared" si="29"/>
        <v>-0.35532761947735497</v>
      </c>
    </row>
    <row r="377" spans="1:15" x14ac:dyDescent="0.4">
      <c r="A377">
        <v>12.5</v>
      </c>
      <c r="B377">
        <f t="shared" si="25"/>
        <v>156.25</v>
      </c>
      <c r="C377">
        <v>-11.428714370431628</v>
      </c>
      <c r="D377">
        <v>2.2248731262345025</v>
      </c>
      <c r="E377" cm="1">
        <f t="array" ref="E377">INDEX(LINEST(C348:C406,$A348:$B406),1)*2</f>
        <v>4.8310382513989183E-2</v>
      </c>
      <c r="F377" cm="1">
        <f t="array" ref="F377">INDEX(LINEST(D348:D406,$A348:$B406),1)*2</f>
        <v>-9.8265869463638363E-3</v>
      </c>
      <c r="G377">
        <f t="shared" si="26"/>
        <v>2.8372687650465847</v>
      </c>
      <c r="H377">
        <f t="shared" si="27"/>
        <v>-0.57711545135994802</v>
      </c>
      <c r="J377">
        <v>12.208019739478869</v>
      </c>
      <c r="K377">
        <v>2.3773006777441199</v>
      </c>
      <c r="L377" cm="1">
        <f t="array" ref="L377">INDEX(LINEST(J348:J406,$A348:$B406),1)*2</f>
        <v>-5.883755467547809E-2</v>
      </c>
      <c r="M377" cm="1">
        <f t="array" ref="M377">INDEX(LINEST(K348:K406,$A348:$B406),1)*2</f>
        <v>7.8813980536688345E-3</v>
      </c>
      <c r="N377">
        <f t="shared" si="28"/>
        <v>4.6258085485860878</v>
      </c>
      <c r="O377">
        <f t="shared" si="29"/>
        <v>-0.6196355149794438</v>
      </c>
    </row>
    <row r="378" spans="1:15" x14ac:dyDescent="0.4">
      <c r="A378">
        <v>12.533333333333333</v>
      </c>
      <c r="B378">
        <f t="shared" si="25"/>
        <v>157.08444444444444</v>
      </c>
      <c r="C378">
        <v>-11.416235294190487</v>
      </c>
      <c r="D378">
        <v>2.2255526916077089</v>
      </c>
      <c r="E378" cm="1">
        <f t="array" ref="E378">INDEX(LINEST(C349:C407,$A349:$B407),1)*2</f>
        <v>4.7185382357634566E-2</v>
      </c>
      <c r="F378" cm="1">
        <f t="array" ref="F378">INDEX(LINEST(D349:D407,$A349:$B407),1)*2</f>
        <v>-9.2224345221901469E-3</v>
      </c>
      <c r="G378">
        <f t="shared" si="26"/>
        <v>2.7711975058638778</v>
      </c>
      <c r="H378">
        <f t="shared" si="27"/>
        <v>-0.54163357948822732</v>
      </c>
      <c r="J378">
        <v>12.193367119155724</v>
      </c>
      <c r="K378">
        <v>2.380072296681178</v>
      </c>
      <c r="L378" cm="1">
        <f t="array" ref="L378">INDEX(LINEST(J349:J407,$A349:$B407),1)*2</f>
        <v>-5.7532951295374869E-2</v>
      </c>
      <c r="M378" cm="1">
        <f t="array" ref="M378">INDEX(LINEST(K349:K407,$A349:$B407),1)*2</f>
        <v>9.6477496933992223E-3</v>
      </c>
      <c r="N378">
        <f t="shared" si="28"/>
        <v>4.5232406308423725</v>
      </c>
      <c r="O378">
        <f t="shared" si="29"/>
        <v>-0.7585060808950469</v>
      </c>
    </row>
    <row r="379" spans="1:15" x14ac:dyDescent="0.4">
      <c r="A379">
        <v>12.566666666666666</v>
      </c>
      <c r="B379">
        <f t="shared" si="25"/>
        <v>157.92111111111112</v>
      </c>
      <c r="C379">
        <v>-11.400575070050463</v>
      </c>
      <c r="D379">
        <v>2.2269013972830995</v>
      </c>
      <c r="E379" cm="1">
        <f t="array" ref="E379">INDEX(LINEST(C350:C408,$A350:$B408),1)*2</f>
        <v>4.6984884290011172E-2</v>
      </c>
      <c r="F379" cm="1">
        <f t="array" ref="F379">INDEX(LINEST(D350:D408,$A350:$B408),1)*2</f>
        <v>-7.9118517391254285E-3</v>
      </c>
      <c r="G379">
        <f t="shared" si="26"/>
        <v>2.7594222543523559</v>
      </c>
      <c r="H379">
        <f t="shared" si="27"/>
        <v>-0.46466305263883639</v>
      </c>
      <c r="J379">
        <v>12.182873574557462</v>
      </c>
      <c r="K379">
        <v>2.3799469851049135</v>
      </c>
      <c r="L379" cm="1">
        <f t="array" ref="L379">INDEX(LINEST(J350:J408,$A350:$B408),1)*2</f>
        <v>-5.6284771150338746E-2</v>
      </c>
      <c r="M379" cm="1">
        <f t="array" ref="M379">INDEX(LINEST(K350:K408,$A350:$B408),1)*2</f>
        <v>1.1283698029843147E-2</v>
      </c>
      <c r="N379">
        <f t="shared" si="28"/>
        <v>4.4251087078396321</v>
      </c>
      <c r="O379">
        <f t="shared" si="29"/>
        <v>-0.88712433910626831</v>
      </c>
    </row>
    <row r="380" spans="1:15" x14ac:dyDescent="0.4">
      <c r="A380">
        <v>12.6</v>
      </c>
      <c r="B380">
        <f t="shared" si="25"/>
        <v>158.76</v>
      </c>
      <c r="C380">
        <v>-11.385119239985123</v>
      </c>
      <c r="D380">
        <v>2.2314171156738807</v>
      </c>
      <c r="E380" cm="1">
        <f t="array" ref="E380">INDEX(LINEST(C351:C409,$A351:$B409),1)*2</f>
        <v>4.8173230522180498E-2</v>
      </c>
      <c r="F380" cm="1">
        <f t="array" ref="F380">INDEX(LINEST(D351:D409,$A351:$B409),1)*2</f>
        <v>-5.8061888815612583E-3</v>
      </c>
      <c r="G380">
        <f t="shared" si="26"/>
        <v>2.8292138285676605</v>
      </c>
      <c r="H380">
        <f t="shared" si="27"/>
        <v>-0.34099747301409267</v>
      </c>
      <c r="J380">
        <v>12.171625669129368</v>
      </c>
      <c r="K380">
        <v>2.3816482665127503</v>
      </c>
      <c r="L380" cm="1">
        <f t="array" ref="L380">INDEX(LINEST(J351:J409,$A351:$B409),1)*2</f>
        <v>-5.5402764429531237E-2</v>
      </c>
      <c r="M380" cm="1">
        <f t="array" ref="M380">INDEX(LINEST(K351:K409,$A351:$B409),1)*2</f>
        <v>1.2136972134787245E-2</v>
      </c>
      <c r="N380">
        <f t="shared" si="28"/>
        <v>4.3557653394497464</v>
      </c>
      <c r="O380">
        <f t="shared" si="29"/>
        <v>-0.9542087492369733</v>
      </c>
    </row>
    <row r="381" spans="1:15" x14ac:dyDescent="0.4">
      <c r="A381">
        <v>12.633333333333333</v>
      </c>
      <c r="B381">
        <f t="shared" si="25"/>
        <v>159.60111111111109</v>
      </c>
      <c r="C381">
        <v>-11.371611367646693</v>
      </c>
      <c r="D381">
        <v>2.235653875927079</v>
      </c>
      <c r="E381" cm="1">
        <f t="array" ref="E381">INDEX(LINEST(C352:C410,$A352:$B410),1)*2</f>
        <v>4.8717422233678691E-2</v>
      </c>
      <c r="F381" cm="1">
        <f t="array" ref="F381">INDEX(LINEST(D352:D410,$A352:$B410),1)*2</f>
        <v>-3.8895410518488996E-3</v>
      </c>
      <c r="G381">
        <f t="shared" si="26"/>
        <v>2.8611742077839493</v>
      </c>
      <c r="H381">
        <f t="shared" si="27"/>
        <v>-0.22843274597508587</v>
      </c>
      <c r="J381">
        <v>12.15657735888642</v>
      </c>
      <c r="K381">
        <v>2.382008256017198</v>
      </c>
      <c r="L381" cm="1">
        <f t="array" ref="L381">INDEX(LINEST(J352:J410,$A352:$B410),1)*2</f>
        <v>-5.4824449074779943E-2</v>
      </c>
      <c r="M381" cm="1">
        <f t="array" ref="M381">INDEX(LINEST(K352:K410,$A352:$B410),1)*2</f>
        <v>1.2658380393633558E-2</v>
      </c>
      <c r="N381">
        <f t="shared" si="28"/>
        <v>4.3102981862591996</v>
      </c>
      <c r="O381">
        <f t="shared" si="29"/>
        <v>-0.99520186654747045</v>
      </c>
    </row>
    <row r="382" spans="1:15" x14ac:dyDescent="0.4">
      <c r="A382">
        <v>12.666666666666666</v>
      </c>
      <c r="B382">
        <f t="shared" si="25"/>
        <v>160.44444444444443</v>
      </c>
      <c r="C382">
        <v>-11.351806959703307</v>
      </c>
      <c r="D382">
        <v>2.2371008836739663</v>
      </c>
      <c r="E382" cm="1">
        <f t="array" ref="E382">INDEX(LINEST(C353:C411,$A353:$B411),1)*2</f>
        <v>4.8511631073404012E-2</v>
      </c>
      <c r="F382" cm="1">
        <f t="array" ref="F382">INDEX(LINEST(D353:D411,$A353:$B411),1)*2</f>
        <v>-2.5594166110386E-3</v>
      </c>
      <c r="G382">
        <f t="shared" si="26"/>
        <v>2.8490880929410176</v>
      </c>
      <c r="H382">
        <f t="shared" si="27"/>
        <v>-0.15031453756629698</v>
      </c>
      <c r="J382">
        <v>12.140139547101908</v>
      </c>
      <c r="K382">
        <v>2.3815247943026701</v>
      </c>
      <c r="L382" cm="1">
        <f t="array" ref="L382">INDEX(LINEST(J353:J411,$A353:$B411),1)*2</f>
        <v>-5.3943336947239608E-2</v>
      </c>
      <c r="M382" cm="1">
        <f t="array" ref="M382">INDEX(LINEST(K353:K411,$A353:$B411),1)*2</f>
        <v>1.3533389018576715E-2</v>
      </c>
      <c r="N382">
        <f t="shared" si="28"/>
        <v>4.2410251507919785</v>
      </c>
      <c r="O382">
        <f t="shared" si="29"/>
        <v>-1.0639950446405013</v>
      </c>
    </row>
    <row r="383" spans="1:15" x14ac:dyDescent="0.4">
      <c r="A383">
        <v>12.7</v>
      </c>
      <c r="B383">
        <f t="shared" si="25"/>
        <v>161.29</v>
      </c>
      <c r="C383">
        <v>-11.337176214388881</v>
      </c>
      <c r="D383">
        <v>2.2398780440054145</v>
      </c>
      <c r="E383" cm="1">
        <f t="array" ref="E383">INDEX(LINEST(C354:C412,$A354:$B412),1)*2</f>
        <v>4.9189229804494493E-2</v>
      </c>
      <c r="F383" cm="1">
        <f t="array" ref="F383">INDEX(LINEST(D354:D412,$A354:$B412),1)*2</f>
        <v>-1.4611671623712724E-3</v>
      </c>
      <c r="G383">
        <f t="shared" si="26"/>
        <v>2.8888834664179615</v>
      </c>
      <c r="H383">
        <f t="shared" si="27"/>
        <v>-8.5814347446064823E-2</v>
      </c>
      <c r="J383">
        <v>12.130085694012728</v>
      </c>
      <c r="K383">
        <v>2.3840759424373772</v>
      </c>
      <c r="L383" cm="1">
        <f t="array" ref="L383">INDEX(LINEST(J354:J412,$A354:$B412),1)*2</f>
        <v>-5.2906696063698154E-2</v>
      </c>
      <c r="M383" cm="1">
        <f t="array" ref="M383">INDEX(LINEST(K354:K412,$A354:$B412),1)*2</f>
        <v>1.406025858819728E-2</v>
      </c>
      <c r="N383">
        <f t="shared" si="28"/>
        <v>4.1595244445279489</v>
      </c>
      <c r="O383">
        <f t="shared" si="29"/>
        <v>-1.1054175302040703</v>
      </c>
    </row>
    <row r="384" spans="1:15" x14ac:dyDescent="0.4">
      <c r="A384">
        <v>12.733333333333333</v>
      </c>
      <c r="B384">
        <f t="shared" si="25"/>
        <v>162.13777777777776</v>
      </c>
      <c r="C384">
        <v>-11.315648179114403</v>
      </c>
      <c r="D384">
        <v>2.2421009403960315</v>
      </c>
      <c r="E384" cm="1">
        <f t="array" ref="E384">INDEX(LINEST(C355:C413,$A355:$B413),1)*2</f>
        <v>5.0009891326660089E-2</v>
      </c>
      <c r="F384" cm="1">
        <f t="array" ref="F384">INDEX(LINEST(D355:D413,$A355:$B413),1)*2</f>
        <v>-1.2614482351205642E-3</v>
      </c>
      <c r="G384">
        <f t="shared" si="26"/>
        <v>2.9370809176147468</v>
      </c>
      <c r="H384">
        <f t="shared" si="27"/>
        <v>-7.4084854848630727E-2</v>
      </c>
      <c r="J384">
        <v>12.118083044968387</v>
      </c>
      <c r="K384">
        <v>2.387853106220895</v>
      </c>
      <c r="L384" cm="1">
        <f t="array" ref="L384">INDEX(LINEST(J355:J413,$A355:$B413),1)*2</f>
        <v>-5.2236639747935187E-2</v>
      </c>
      <c r="M384" cm="1">
        <f t="array" ref="M384">INDEX(LINEST(K355:K413,$A355:$B413),1)*2</f>
        <v>1.4091024596087381E-2</v>
      </c>
      <c r="N384">
        <f t="shared" si="28"/>
        <v>4.1068446169826647</v>
      </c>
      <c r="O384">
        <f t="shared" si="29"/>
        <v>-1.10783635374439</v>
      </c>
    </row>
    <row r="385" spans="1:15" x14ac:dyDescent="0.4">
      <c r="A385">
        <v>12.766666666666667</v>
      </c>
      <c r="B385">
        <f t="shared" si="25"/>
        <v>162.98777777777781</v>
      </c>
      <c r="C385">
        <v>-11.303614840288345</v>
      </c>
      <c r="D385">
        <v>2.245868103663772</v>
      </c>
      <c r="E385" cm="1">
        <f t="array" ref="E385">INDEX(LINEST(C356:C414,$A356:$B414),1)*2</f>
        <v>5.0840402689798093E-2</v>
      </c>
      <c r="F385" cm="1">
        <f t="array" ref="F385">INDEX(LINEST(D356:D414,$A356:$B414),1)*2</f>
        <v>-1.4965683750154684E-4</v>
      </c>
      <c r="G385">
        <f t="shared" si="26"/>
        <v>2.9858568499718419</v>
      </c>
      <c r="H385">
        <f t="shared" si="27"/>
        <v>-8.7893460664658449E-3</v>
      </c>
      <c r="J385">
        <v>12.103366383643429</v>
      </c>
      <c r="K385">
        <v>2.389171254580587</v>
      </c>
      <c r="L385" cm="1">
        <f t="array" ref="L385">INDEX(LINEST(J356:J414,$A356:$B414),1)*2</f>
        <v>-5.1414561814576612E-2</v>
      </c>
      <c r="M385" cm="1">
        <f t="array" ref="M385">INDEX(LINEST(K356:K414,$A356:$B414),1)*2</f>
        <v>1.2839187729894364E-2</v>
      </c>
      <c r="N385">
        <f t="shared" si="28"/>
        <v>4.0422128498620138</v>
      </c>
      <c r="O385">
        <f t="shared" si="29"/>
        <v>-1.0094169393242949</v>
      </c>
    </row>
    <row r="386" spans="1:15" x14ac:dyDescent="0.4">
      <c r="A386">
        <v>12.8</v>
      </c>
      <c r="B386">
        <f t="shared" si="25"/>
        <v>163.84000000000003</v>
      </c>
      <c r="C386">
        <v>-11.290068570004825</v>
      </c>
      <c r="D386">
        <v>2.2462141207249369</v>
      </c>
      <c r="E386" cm="1">
        <f t="array" ref="E386">INDEX(LINEST(C357:C415,$A357:$B415),1)*2</f>
        <v>5.1299947845707072E-2</v>
      </c>
      <c r="F386" cm="1">
        <f t="array" ref="F386">INDEX(LINEST(D357:D415,$A357:$B415),1)*2</f>
        <v>2.6087750961896203E-3</v>
      </c>
      <c r="G386">
        <f t="shared" si="26"/>
        <v>3.0128459369783762</v>
      </c>
      <c r="H386">
        <f t="shared" si="27"/>
        <v>0.1532133613992164</v>
      </c>
      <c r="J386">
        <v>12.09343077381706</v>
      </c>
      <c r="K386">
        <v>2.3941524244953478</v>
      </c>
      <c r="L386" cm="1">
        <f t="array" ref="L386">INDEX(LINEST(J357:J415,$A357:$B415),1)*2</f>
        <v>-4.9903940494483386E-2</v>
      </c>
      <c r="M386" cm="1">
        <f t="array" ref="M386">INDEX(LINEST(K357:K415,$A357:$B415),1)*2</f>
        <v>1.0750095528454285E-2</v>
      </c>
      <c r="N386">
        <f t="shared" si="28"/>
        <v>3.9234478016762839</v>
      </c>
      <c r="O386">
        <f t="shared" si="29"/>
        <v>-0.84517251044707598</v>
      </c>
    </row>
    <row r="387" spans="1:15" x14ac:dyDescent="0.4">
      <c r="A387">
        <v>12.833333333333334</v>
      </c>
      <c r="B387">
        <f t="shared" ref="B387:B450" si="30">A387^2</f>
        <v>164.69444444444446</v>
      </c>
      <c r="C387">
        <v>-11.275417108322248</v>
      </c>
      <c r="D387">
        <v>2.246813385192254</v>
      </c>
      <c r="E387" cm="1">
        <f t="array" ref="E387">INDEX(LINEST(C358:C416,$A358:$B416),1)*2</f>
        <v>5.1429188164295342E-2</v>
      </c>
      <c r="F387" cm="1">
        <f t="array" ref="F387">INDEX(LINEST(D358:D416,$A358:$B416),1)*2</f>
        <v>5.3506557779854202E-3</v>
      </c>
      <c r="G387">
        <f t="shared" si="26"/>
        <v>3.0204362208890654</v>
      </c>
      <c r="H387">
        <f t="shared" si="27"/>
        <v>0.31424401384108369</v>
      </c>
      <c r="J387">
        <v>12.074215378484105</v>
      </c>
      <c r="K387">
        <v>2.3945080641541994</v>
      </c>
      <c r="L387" cm="1">
        <f t="array" ref="L387">INDEX(LINEST(J358:J416,$A358:$B416),1)*2</f>
        <v>-4.8223277718857142E-2</v>
      </c>
      <c r="M387" cm="1">
        <f t="array" ref="M387">INDEX(LINEST(K358:K416,$A358:$B416),1)*2</f>
        <v>7.4735326902956901E-3</v>
      </c>
      <c r="N387">
        <f t="shared" si="28"/>
        <v>3.7913140942565486</v>
      </c>
      <c r="O387">
        <f t="shared" si="29"/>
        <v>-0.58756914011104722</v>
      </c>
    </row>
    <row r="388" spans="1:15" x14ac:dyDescent="0.4">
      <c r="A388">
        <v>12.866666666666667</v>
      </c>
      <c r="B388">
        <f t="shared" si="30"/>
        <v>165.55111111111111</v>
      </c>
      <c r="C388">
        <v>-11.261904987957186</v>
      </c>
      <c r="D388">
        <v>2.2507842939521083</v>
      </c>
      <c r="E388" cm="1">
        <f t="array" ref="E388">INDEX(LINEST(C359:C417,$A359:$B417),1)*2</f>
        <v>5.0841158951493333E-2</v>
      </c>
      <c r="F388" cm="1">
        <f t="array" ref="F388">INDEX(LINEST(D359:D417,$A359:$B417),1)*2</f>
        <v>7.7881354137637158E-3</v>
      </c>
      <c r="G388">
        <f t="shared" si="26"/>
        <v>2.9859012652212034</v>
      </c>
      <c r="H388">
        <f t="shared" si="27"/>
        <v>0.45739719285034303</v>
      </c>
      <c r="J388">
        <v>12.054076364437455</v>
      </c>
      <c r="K388">
        <v>2.3896679194899315</v>
      </c>
      <c r="L388" cm="1">
        <f t="array" ref="L388">INDEX(LINEST(J359:J417,$A359:$B417),1)*2</f>
        <v>-4.6300443724199405E-2</v>
      </c>
      <c r="M388" cm="1">
        <f t="array" ref="M388">INDEX(LINEST(K359:K417,$A359:$B417),1)*2</f>
        <v>4.5032187592539859E-3</v>
      </c>
      <c r="N388">
        <f t="shared" si="28"/>
        <v>3.6401408855965576</v>
      </c>
      <c r="O388">
        <f t="shared" si="29"/>
        <v>-0.35404305885254839</v>
      </c>
    </row>
    <row r="389" spans="1:15" x14ac:dyDescent="0.4">
      <c r="A389">
        <v>12.9</v>
      </c>
      <c r="B389">
        <f t="shared" si="30"/>
        <v>166.41</v>
      </c>
      <c r="C389">
        <v>-11.240224615871446</v>
      </c>
      <c r="D389">
        <v>2.2563308469432797</v>
      </c>
      <c r="E389" cm="1">
        <f t="array" ref="E389">INDEX(LINEST(C360:C418,$A360:$B418),1)*2</f>
        <v>5.181845568427839E-2</v>
      </c>
      <c r="F389" cm="1">
        <f t="array" ref="F389">INDEX(LINEST(D360:D418,$A360:$B418),1)*2</f>
        <v>1.027056724813049E-2</v>
      </c>
      <c r="G389">
        <f t="shared" si="26"/>
        <v>3.0432979023376698</v>
      </c>
      <c r="H389">
        <f t="shared" si="27"/>
        <v>0.60319041448270361</v>
      </c>
      <c r="J389">
        <v>12.040257703745629</v>
      </c>
      <c r="K389">
        <v>2.3904206463114401</v>
      </c>
      <c r="L389" cm="1">
        <f t="array" ref="L389">INDEX(LINEST(J360:J418,$A360:$B418),1)*2</f>
        <v>-4.3511370914641731E-2</v>
      </c>
      <c r="M389" cm="1">
        <f t="array" ref="M389">INDEX(LINEST(K360:K418,$A360:$B418),1)*2</f>
        <v>2.4931616647846152E-3</v>
      </c>
      <c r="N389">
        <f t="shared" si="28"/>
        <v>3.4208639813091333</v>
      </c>
      <c r="O389">
        <f t="shared" si="29"/>
        <v>-0.19601237008536646</v>
      </c>
    </row>
    <row r="390" spans="1:15" x14ac:dyDescent="0.4">
      <c r="A390">
        <v>12.933333333333334</v>
      </c>
      <c r="B390">
        <f t="shared" si="30"/>
        <v>167.27111111111111</v>
      </c>
      <c r="C390">
        <v>-11.223708982514422</v>
      </c>
      <c r="D390">
        <v>2.2577393999131834</v>
      </c>
      <c r="E390" cm="1">
        <f t="array" ref="E390">INDEX(LINEST(C361:C419,$A361:$B419),1)*2</f>
        <v>5.288998282421585E-2</v>
      </c>
      <c r="F390" cm="1">
        <f t="array" ref="F390">INDEX(LINEST(D361:D419,$A361:$B419),1)*2</f>
        <v>1.141313573875696E-2</v>
      </c>
      <c r="G390">
        <f t="shared" si="26"/>
        <v>3.1062286912661969</v>
      </c>
      <c r="H390">
        <f t="shared" si="27"/>
        <v>0.67029346193719619</v>
      </c>
      <c r="J390">
        <v>12.025708251931439</v>
      </c>
      <c r="K390">
        <v>2.3900819720792139</v>
      </c>
      <c r="L390" cm="1">
        <f t="array" ref="L390">INDEX(LINEST(J361:J419,$A361:$B419),1)*2</f>
        <v>-4.1430398231299716E-2</v>
      </c>
      <c r="M390" cm="1">
        <f t="array" ref="M390">INDEX(LINEST(K361:K419,$A361:$B419),1)*2</f>
        <v>2.188159618584764E-3</v>
      </c>
      <c r="N390">
        <f t="shared" si="28"/>
        <v>3.257257908944784</v>
      </c>
      <c r="O390">
        <f t="shared" si="29"/>
        <v>-0.17203310921313417</v>
      </c>
    </row>
    <row r="391" spans="1:15" x14ac:dyDescent="0.4">
      <c r="A391">
        <v>12.966666666666667</v>
      </c>
      <c r="B391">
        <f t="shared" si="30"/>
        <v>168.13444444444445</v>
      </c>
      <c r="C391">
        <v>-11.20969667880208</v>
      </c>
      <c r="D391">
        <v>2.2559084776100207</v>
      </c>
      <c r="E391" cm="1">
        <f t="array" ref="E391">INDEX(LINEST(C362:C420,$A362:$B420),1)*2</f>
        <v>5.3688684912336943E-2</v>
      </c>
      <c r="F391" cm="1">
        <f t="array" ref="F391">INDEX(LINEST(D362:D420,$A362:$B420),1)*2</f>
        <v>1.0567868970073068E-2</v>
      </c>
      <c r="G391">
        <f t="shared" si="26"/>
        <v>3.1531364649015483</v>
      </c>
      <c r="H391">
        <f t="shared" si="27"/>
        <v>0.62065094461239123</v>
      </c>
      <c r="J391">
        <v>12.016139308613345</v>
      </c>
      <c r="K391">
        <v>2.3918063933506706</v>
      </c>
      <c r="L391" cm="1">
        <f t="array" ref="L391">INDEX(LINEST(J362:J420,$A362:$B420),1)*2</f>
        <v>-3.890831539959707E-2</v>
      </c>
      <c r="M391" cm="1">
        <f t="array" ref="M391">INDEX(LINEST(K362:K420,$A362:$B420),1)*2</f>
        <v>3.0778796229812824E-3</v>
      </c>
      <c r="N391">
        <f t="shared" si="28"/>
        <v>3.0589717567163217</v>
      </c>
      <c r="O391">
        <f t="shared" si="29"/>
        <v>-0.24198289595878844</v>
      </c>
    </row>
    <row r="392" spans="1:15" x14ac:dyDescent="0.4">
      <c r="A392">
        <v>13</v>
      </c>
      <c r="B392">
        <f t="shared" si="30"/>
        <v>169</v>
      </c>
      <c r="C392">
        <v>-11.195534004778807</v>
      </c>
      <c r="D392">
        <v>2.2560294662731177</v>
      </c>
      <c r="E392" cm="1">
        <f t="array" ref="E392">INDEX(LINEST(C363:C421,$A363:$B421),1)*2</f>
        <v>5.4382193859160446E-2</v>
      </c>
      <c r="F392" cm="1">
        <f t="array" ref="F392">INDEX(LINEST(D363:D421,$A363:$B421),1)*2</f>
        <v>9.9959468631809836E-3</v>
      </c>
      <c r="G392">
        <f t="shared" si="26"/>
        <v>3.1938662453484929</v>
      </c>
      <c r="H392">
        <f t="shared" si="27"/>
        <v>0.58706195927461913</v>
      </c>
      <c r="J392">
        <v>12.002489495314892</v>
      </c>
      <c r="K392">
        <v>2.3930641632913727</v>
      </c>
      <c r="L392" cm="1">
        <f t="array" ref="L392">INDEX(LINEST(J363:J421,$A363:$B421),1)*2</f>
        <v>-3.5797648868427109E-2</v>
      </c>
      <c r="M392" cm="1">
        <f t="array" ref="M392">INDEX(LINEST(K363:K421,$A363:$B421),1)*2</f>
        <v>3.2643269365032002E-3</v>
      </c>
      <c r="N392">
        <f t="shared" si="28"/>
        <v>2.8144111540357395</v>
      </c>
      <c r="O392">
        <f t="shared" si="29"/>
        <v>-0.25664138374788159</v>
      </c>
    </row>
    <row r="393" spans="1:15" x14ac:dyDescent="0.4">
      <c r="A393">
        <v>13.033333333333333</v>
      </c>
      <c r="B393">
        <f t="shared" si="30"/>
        <v>169.86777777777777</v>
      </c>
      <c r="C393">
        <v>-11.175880895011813</v>
      </c>
      <c r="D393">
        <v>2.2564378205653171</v>
      </c>
      <c r="E393" cm="1">
        <f t="array" ref="E393">INDEX(LINEST(C364:C422,$A364:$B422),1)*2</f>
        <v>5.6073474167127206E-2</v>
      </c>
      <c r="F393" cm="1">
        <f t="array" ref="F393">INDEX(LINEST(D364:D422,$A364:$B422),1)*2</f>
        <v>8.7508649607099653E-3</v>
      </c>
      <c r="G393">
        <f t="shared" si="26"/>
        <v>3.2931951378353808</v>
      </c>
      <c r="H393">
        <f t="shared" si="27"/>
        <v>0.51393829914249622</v>
      </c>
      <c r="J393">
        <v>11.985003069926051</v>
      </c>
      <c r="K393">
        <v>2.3966413083659024</v>
      </c>
      <c r="L393" cm="1">
        <f t="array" ref="L393">INDEX(LINEST(J364:J422,$A364:$B422),1)*2</f>
        <v>-3.2603143347235838E-2</v>
      </c>
      <c r="M393" cm="1">
        <f t="array" ref="M393">INDEX(LINEST(K364:K422,$A364:$B422),1)*2</f>
        <v>3.0969733728130047E-3</v>
      </c>
      <c r="N393">
        <f t="shared" si="28"/>
        <v>2.5632591299596816</v>
      </c>
      <c r="O393">
        <f t="shared" si="29"/>
        <v>-0.24348404657055844</v>
      </c>
    </row>
    <row r="394" spans="1:15" x14ac:dyDescent="0.4">
      <c r="A394">
        <v>13.066666666666666</v>
      </c>
      <c r="B394">
        <f t="shared" si="30"/>
        <v>170.73777777777778</v>
      </c>
      <c r="C394">
        <v>-11.15887597905717</v>
      </c>
      <c r="D394">
        <v>2.2589733577733435</v>
      </c>
      <c r="E394" cm="1">
        <f t="array" ref="E394">INDEX(LINEST(C365:C423,$A365:$B423),1)*2</f>
        <v>5.698541017102695E-2</v>
      </c>
      <c r="F394" cm="1">
        <f t="array" ref="F394">INDEX(LINEST(D365:D423,$A365:$B423),1)*2</f>
        <v>7.6247301848434727E-3</v>
      </c>
      <c r="G394">
        <f t="shared" si="26"/>
        <v>3.3467531393444125</v>
      </c>
      <c r="H394">
        <f t="shared" si="27"/>
        <v>0.44780040375585711</v>
      </c>
      <c r="J394">
        <v>11.974049976535756</v>
      </c>
      <c r="K394">
        <v>2.3974701119050472</v>
      </c>
      <c r="L394" cm="1">
        <f t="array" ref="L394">INDEX(LINEST(J365:J423,$A365:$B423),1)*2</f>
        <v>-3.0902269672295753E-2</v>
      </c>
      <c r="M394" cm="1">
        <f t="array" ref="M394">INDEX(LINEST(K365:K423,$A365:$B423),1)*2</f>
        <v>2.3458360769146478E-3</v>
      </c>
      <c r="N394">
        <f t="shared" si="28"/>
        <v>2.4295364416358924</v>
      </c>
      <c r="O394">
        <f t="shared" si="29"/>
        <v>-0.18442963236702961</v>
      </c>
    </row>
    <row r="395" spans="1:15" x14ac:dyDescent="0.4">
      <c r="A395">
        <v>13.1</v>
      </c>
      <c r="B395">
        <f t="shared" si="30"/>
        <v>171.60999999999999</v>
      </c>
      <c r="C395">
        <v>-11.139855692419733</v>
      </c>
      <c r="D395">
        <v>2.2564698582881593</v>
      </c>
      <c r="E395" cm="1">
        <f t="array" ref="E395">INDEX(LINEST(C366:C424,$A366:$B424),1)*2</f>
        <v>5.8395656785656204E-2</v>
      </c>
      <c r="F395" cm="1">
        <f t="array" ref="F395">INDEX(LINEST(D366:D424,$A366:$B424),1)*2</f>
        <v>6.5872337312625224E-3</v>
      </c>
      <c r="G395">
        <f t="shared" si="26"/>
        <v>3.4295769230215885</v>
      </c>
      <c r="H395">
        <f t="shared" si="27"/>
        <v>0.38686823703704792</v>
      </c>
      <c r="J395">
        <v>11.963586905288251</v>
      </c>
      <c r="K395">
        <v>2.397176599911111</v>
      </c>
      <c r="L395" cm="1">
        <f t="array" ref="L395">INDEX(LINEST(J366:J424,$A366:$B424),1)*2</f>
        <v>-2.822932869456762E-2</v>
      </c>
      <c r="M395" cm="1">
        <f t="array" ref="M395">INDEX(LINEST(K366:K424,$A366:$B424),1)*2</f>
        <v>2.0129873106301934E-3</v>
      </c>
      <c r="N395">
        <f t="shared" si="28"/>
        <v>2.2193898219669066</v>
      </c>
      <c r="O395">
        <f t="shared" si="29"/>
        <v>-0.15826106236174581</v>
      </c>
    </row>
    <row r="396" spans="1:15" x14ac:dyDescent="0.4">
      <c r="A396">
        <v>13.133333333333333</v>
      </c>
      <c r="B396">
        <f t="shared" si="30"/>
        <v>172.48444444444442</v>
      </c>
      <c r="C396">
        <v>-11.123723023350129</v>
      </c>
      <c r="D396">
        <v>2.2599800563739936</v>
      </c>
      <c r="E396" cm="1">
        <f t="array" ref="E396">INDEX(LINEST(C367:C425,$A367:$B425),1)*2</f>
        <v>5.8358890222532551E-2</v>
      </c>
      <c r="F396" cm="1">
        <f t="array" ref="F396">INDEX(LINEST(D367:D425,$A367:$B425),1)*2</f>
        <v>4.5833492985979324E-3</v>
      </c>
      <c r="G396">
        <f t="shared" si="26"/>
        <v>3.4274176227693367</v>
      </c>
      <c r="H396">
        <f t="shared" si="27"/>
        <v>0.26918010430665656</v>
      </c>
      <c r="J396">
        <v>11.950539346078845</v>
      </c>
      <c r="K396">
        <v>2.3958592782333046</v>
      </c>
      <c r="L396" cm="1">
        <f t="array" ref="L396">INDEX(LINEST(J367:J425,$A367:$B425),1)*2</f>
        <v>-2.6159615604409825E-2</v>
      </c>
      <c r="M396" cm="1">
        <f t="array" ref="M396">INDEX(LINEST(K367:K425,$A367:$B425),1)*2</f>
        <v>2.0769914173992422E-3</v>
      </c>
      <c r="N396">
        <f t="shared" si="28"/>
        <v>2.0566689788187005</v>
      </c>
      <c r="O396">
        <f t="shared" si="29"/>
        <v>-0.16329306523592843</v>
      </c>
    </row>
    <row r="397" spans="1:15" x14ac:dyDescent="0.4">
      <c r="A397">
        <v>13.166666666666666</v>
      </c>
      <c r="B397">
        <f t="shared" si="30"/>
        <v>173.36111111111109</v>
      </c>
      <c r="C397">
        <v>-11.103206327916698</v>
      </c>
      <c r="D397">
        <v>2.2611198150350922</v>
      </c>
      <c r="E397" cm="1">
        <f t="array" ref="E397">INDEX(LINEST(C368:C426,$A368:$B426),1)*2</f>
        <v>5.8413515595086715E-2</v>
      </c>
      <c r="F397" cm="1">
        <f t="array" ref="F397">INDEX(LINEST(D368:D426,$A368:$B426),1)*2</f>
        <v>3.4346661366523997E-3</v>
      </c>
      <c r="G397">
        <f t="shared" si="26"/>
        <v>3.4306257708994425</v>
      </c>
      <c r="H397">
        <f t="shared" si="27"/>
        <v>0.20171794220559541</v>
      </c>
      <c r="J397">
        <v>11.935508458270981</v>
      </c>
      <c r="K397">
        <v>2.3993197585625374</v>
      </c>
      <c r="L397" cm="1">
        <f t="array" ref="L397">INDEX(LINEST(J368:J426,$A368:$B426),1)*2</f>
        <v>-2.3188856571157667E-2</v>
      </c>
      <c r="M397" cm="1">
        <f t="array" ref="M397">INDEX(LINEST(K368:K426,$A368:$B426),1)*2</f>
        <v>2.7474070625130979E-3</v>
      </c>
      <c r="N397">
        <f t="shared" si="28"/>
        <v>1.823107903624416</v>
      </c>
      <c r="O397">
        <f t="shared" si="29"/>
        <v>-0.21600114325477976</v>
      </c>
    </row>
    <row r="398" spans="1:15" x14ac:dyDescent="0.4">
      <c r="A398">
        <v>13.2</v>
      </c>
      <c r="B398">
        <f t="shared" si="30"/>
        <v>174.23999999999998</v>
      </c>
      <c r="C398">
        <v>-11.090311832166549</v>
      </c>
      <c r="D398">
        <v>2.2633185999831733</v>
      </c>
      <c r="E398" cm="1">
        <f t="array" ref="E398">INDEX(LINEST(C369:C427,$A369:$B427),1)*2</f>
        <v>5.856413339747301E-2</v>
      </c>
      <c r="F398" cm="1">
        <f t="array" ref="F398">INDEX(LINEST(D369:D427,$A369:$B427),1)*2</f>
        <v>1.6608218507405455E-3</v>
      </c>
      <c r="G398">
        <f t="shared" si="26"/>
        <v>3.4394715544335899</v>
      </c>
      <c r="H398">
        <f t="shared" si="27"/>
        <v>9.7540067293992241E-2</v>
      </c>
      <c r="J398">
        <v>11.916305561534413</v>
      </c>
      <c r="K398">
        <v>2.4040809171265072</v>
      </c>
      <c r="L398" cm="1">
        <f t="array" ref="L398">INDEX(LINEST(J369:J427,$A369:$B427),1)*2</f>
        <v>-2.1825468160854195E-2</v>
      </c>
      <c r="M398" cm="1">
        <f t="array" ref="M398">INDEX(LINEST(K369:K427,$A369:$B427),1)*2</f>
        <v>2.8446149573013242E-3</v>
      </c>
      <c r="N398">
        <f t="shared" si="28"/>
        <v>1.7159183068063568</v>
      </c>
      <c r="O398">
        <f t="shared" si="29"/>
        <v>-0.22364362794303014</v>
      </c>
    </row>
    <row r="399" spans="1:15" x14ac:dyDescent="0.4">
      <c r="A399">
        <v>13.233333333333333</v>
      </c>
      <c r="B399">
        <f t="shared" si="30"/>
        <v>175.12111111111108</v>
      </c>
      <c r="C399">
        <v>-11.068889340320277</v>
      </c>
      <c r="D399">
        <v>2.2601635102210862</v>
      </c>
      <c r="E399" cm="1">
        <f t="array" ref="E399">INDEX(LINEST(C370:C428,$A370:$B428),1)*2</f>
        <v>5.8990425121239712E-2</v>
      </c>
      <c r="F399" cm="1">
        <f t="array" ref="F399">INDEX(LINEST(D370:D428,$A370:$B428),1)*2</f>
        <v>7.3953538246165733E-4</v>
      </c>
      <c r="G399">
        <f t="shared" si="26"/>
        <v>3.4645076673704081</v>
      </c>
      <c r="H399">
        <f t="shared" si="27"/>
        <v>4.3432913011973134E-2</v>
      </c>
      <c r="J399">
        <v>11.891909818945615</v>
      </c>
      <c r="K399">
        <v>2.4049557017576095</v>
      </c>
      <c r="L399" cm="1">
        <f t="array" ref="L399">INDEX(LINEST(J370:J428,$A370:$B428),1)*2</f>
        <v>-2.1245984396316669E-2</v>
      </c>
      <c r="M399" cm="1">
        <f t="array" ref="M399">INDEX(LINEST(K370:K428,$A370:$B428),1)*2</f>
        <v>2.070853835253848E-3</v>
      </c>
      <c r="N399">
        <f t="shared" si="28"/>
        <v>1.6703592932384166</v>
      </c>
      <c r="O399">
        <f t="shared" si="29"/>
        <v>-0.16281052852765754</v>
      </c>
    </row>
    <row r="400" spans="1:15" x14ac:dyDescent="0.4">
      <c r="A400">
        <v>13.266666666666667</v>
      </c>
      <c r="B400">
        <f t="shared" si="30"/>
        <v>176.00444444444446</v>
      </c>
      <c r="C400">
        <v>-11.047729298751817</v>
      </c>
      <c r="D400">
        <v>2.2596895010872946</v>
      </c>
      <c r="E400" cm="1">
        <f t="array" ref="E400">INDEX(LINEST(C371:C429,$A371:$B429),1)*2</f>
        <v>5.9821606976304779E-2</v>
      </c>
      <c r="F400" cm="1">
        <f t="array" ref="F400">INDEX(LINEST(D371:D429,$A371:$B429),1)*2</f>
        <v>-4.3967072941970869E-4</v>
      </c>
      <c r="G400">
        <f t="shared" si="26"/>
        <v>3.5133229777183796</v>
      </c>
      <c r="H400">
        <f t="shared" si="27"/>
        <v>-2.5821861938819489E-2</v>
      </c>
      <c r="J400">
        <v>11.87731382324114</v>
      </c>
      <c r="K400">
        <v>2.4052901716123523</v>
      </c>
      <c r="L400" cm="1">
        <f t="array" ref="L400">INDEX(LINEST(J371:J429,$A371:$B429),1)*2</f>
        <v>-2.0881343119064078E-2</v>
      </c>
      <c r="M400" cm="1">
        <f t="array" ref="M400">INDEX(LINEST(K371:K429,$A371:$B429),1)*2</f>
        <v>1.4991008379564178E-3</v>
      </c>
      <c r="N400">
        <f t="shared" si="28"/>
        <v>1.6416911960208178</v>
      </c>
      <c r="O400">
        <f t="shared" si="29"/>
        <v>-0.11785930788013357</v>
      </c>
    </row>
    <row r="401" spans="1:15" x14ac:dyDescent="0.4">
      <c r="A401">
        <v>13.3</v>
      </c>
      <c r="B401">
        <f t="shared" si="30"/>
        <v>176.89000000000001</v>
      </c>
      <c r="C401">
        <v>-11.029731645875506</v>
      </c>
      <c r="D401">
        <v>2.2601845876583995</v>
      </c>
      <c r="E401" cm="1">
        <f t="array" ref="E401">INDEX(LINEST(C372:C430,$A372:$B430),1)*2</f>
        <v>6.1473137954971252E-2</v>
      </c>
      <c r="F401" cm="1">
        <f t="array" ref="F401">INDEX(LINEST(D372:D430,$A372:$B430),1)*2</f>
        <v>-7.4988937576102289E-4</v>
      </c>
      <c r="G401">
        <f t="shared" si="26"/>
        <v>3.6103173920954617</v>
      </c>
      <c r="H401">
        <f t="shared" si="27"/>
        <v>-4.4041003038444874E-2</v>
      </c>
      <c r="J401">
        <v>11.861568366728156</v>
      </c>
      <c r="K401">
        <v>2.4066747147306806</v>
      </c>
      <c r="L401" cm="1">
        <f t="array" ref="L401">INDEX(LINEST(J372:J430,$A372:$B430),1)*2</f>
        <v>-2.0122632869142912E-2</v>
      </c>
      <c r="M401" cm="1">
        <f t="array" ref="M401">INDEX(LINEST(K372:K430,$A372:$B430),1)*2</f>
        <v>1.653024222630113E-3</v>
      </c>
      <c r="N401">
        <f t="shared" si="28"/>
        <v>1.5820413961720159</v>
      </c>
      <c r="O401">
        <f t="shared" si="29"/>
        <v>-0.12996076438317949</v>
      </c>
    </row>
    <row r="402" spans="1:15" x14ac:dyDescent="0.4">
      <c r="A402">
        <v>13.333333333333334</v>
      </c>
      <c r="B402">
        <f t="shared" si="30"/>
        <v>177.7777777777778</v>
      </c>
      <c r="C402">
        <v>-11.012825599370817</v>
      </c>
      <c r="D402">
        <v>2.2633586271555375</v>
      </c>
      <c r="E402" cm="1">
        <f t="array" ref="E402">INDEX(LINEST(C373:C431,$A373:$B431),1)*2</f>
        <v>6.3428015014321673E-2</v>
      </c>
      <c r="F402" cm="1">
        <f t="array" ref="F402">INDEX(LINEST(D373:D431,$A373:$B431),1)*2</f>
        <v>-2.155837252330808E-3</v>
      </c>
      <c r="G402">
        <f t="shared" si="26"/>
        <v>3.7251273217911116</v>
      </c>
      <c r="H402">
        <f t="shared" si="27"/>
        <v>-0.12661232182938834</v>
      </c>
      <c r="J402">
        <v>11.84399678644581</v>
      </c>
      <c r="K402">
        <v>2.4065513738558564</v>
      </c>
      <c r="L402" cm="1">
        <f t="array" ref="L402">INDEX(LINEST(J373:J431,$A373:$B431),1)*2</f>
        <v>-2.0693530236508849E-2</v>
      </c>
      <c r="M402" cm="1">
        <f t="array" ref="M402">INDEX(LINEST(K373:K431,$A373:$B431),1)*2</f>
        <v>2.4344582651965306E-3</v>
      </c>
      <c r="N402">
        <f t="shared" si="28"/>
        <v>1.6269253471943257</v>
      </c>
      <c r="O402">
        <f t="shared" si="29"/>
        <v>-0.19139710880975125</v>
      </c>
    </row>
    <row r="403" spans="1:15" x14ac:dyDescent="0.4">
      <c r="A403">
        <v>13.366666666666667</v>
      </c>
      <c r="B403">
        <f t="shared" si="30"/>
        <v>178.66777777777779</v>
      </c>
      <c r="C403">
        <v>-10.993614624913318</v>
      </c>
      <c r="D403">
        <v>2.2606112877859932</v>
      </c>
      <c r="E403" cm="1">
        <f t="array" ref="E403">INDEX(LINEST(C374:C432,$A374:$B432),1)*2</f>
        <v>6.4281887306374547E-2</v>
      </c>
      <c r="F403" cm="1">
        <f t="array" ref="F403">INDEX(LINEST(D374:D432,$A374:$B432),1)*2</f>
        <v>-4.9467467458403792E-3</v>
      </c>
      <c r="G403">
        <f t="shared" si="26"/>
        <v>3.775275241503377</v>
      </c>
      <c r="H403">
        <f t="shared" si="27"/>
        <v>-0.29052243638320546</v>
      </c>
      <c r="J403">
        <v>11.828043048248949</v>
      </c>
      <c r="K403">
        <v>2.4080617830856434</v>
      </c>
      <c r="L403" cm="1">
        <f t="array" ref="L403">INDEX(LINEST(J374:J432,$A374:$B432),1)*2</f>
        <v>-2.1189719454872583E-2</v>
      </c>
      <c r="M403" cm="1">
        <f t="array" ref="M403">INDEX(LINEST(K374:K432,$A374:$B432),1)*2</f>
        <v>2.7811819905396093E-3</v>
      </c>
      <c r="N403">
        <f t="shared" si="28"/>
        <v>1.6659357435420825</v>
      </c>
      <c r="O403">
        <f t="shared" si="29"/>
        <v>-0.2186565280962241</v>
      </c>
    </row>
    <row r="404" spans="1:15" x14ac:dyDescent="0.4">
      <c r="A404">
        <v>13.4</v>
      </c>
      <c r="B404">
        <f t="shared" si="30"/>
        <v>179.56</v>
      </c>
      <c r="C404">
        <v>-10.980520955038211</v>
      </c>
      <c r="D404">
        <v>2.2671787764717246</v>
      </c>
      <c r="E404" cm="1">
        <f t="array" ref="E404">INDEX(LINEST(C375:C433,$A375:$B433),1)*2</f>
        <v>6.600475644660829E-2</v>
      </c>
      <c r="F404" cm="1">
        <f t="array" ref="F404">INDEX(LINEST(D375:D433,$A375:$B433),1)*2</f>
        <v>-6.4559692483501831E-3</v>
      </c>
      <c r="G404">
        <f t="shared" si="26"/>
        <v>3.8764593461093049</v>
      </c>
      <c r="H404">
        <f t="shared" si="27"/>
        <v>-0.37915907395560622</v>
      </c>
      <c r="J404">
        <v>11.813670144686826</v>
      </c>
      <c r="K404">
        <v>2.4091407348284677</v>
      </c>
      <c r="L404" cm="1">
        <f t="array" ref="L404">INDEX(LINEST(J375:J433,$A375:$B433),1)*2</f>
        <v>-2.2557164199832353E-2</v>
      </c>
      <c r="M404" cm="1">
        <f t="array" ref="M404">INDEX(LINEST(K375:K433,$A375:$B433),1)*2</f>
        <v>2.3822339701595543E-3</v>
      </c>
      <c r="N404">
        <f t="shared" si="28"/>
        <v>1.7734442493908198</v>
      </c>
      <c r="O404">
        <f t="shared" si="29"/>
        <v>-0.18729123473394418</v>
      </c>
    </row>
    <row r="405" spans="1:15" x14ac:dyDescent="0.4">
      <c r="A405">
        <v>13.433333333333334</v>
      </c>
      <c r="B405">
        <f t="shared" si="30"/>
        <v>180.45444444444445</v>
      </c>
      <c r="C405">
        <v>-10.967130658790992</v>
      </c>
      <c r="D405">
        <v>2.2675656373208639</v>
      </c>
      <c r="E405" cm="1">
        <f t="array" ref="E405">INDEX(LINEST(C376:C434,$A376:$B434),1)*2</f>
        <v>6.7532300675065091E-2</v>
      </c>
      <c r="F405" cm="1">
        <f t="array" ref="F405">INDEX(LINEST(D376:D434,$A376:$B434),1)*2</f>
        <v>-7.3970848209908378E-3</v>
      </c>
      <c r="G405">
        <f t="shared" si="26"/>
        <v>3.9661720186465725</v>
      </c>
      <c r="H405">
        <f t="shared" si="27"/>
        <v>-0.43443079153679187</v>
      </c>
      <c r="J405">
        <v>11.803270364783664</v>
      </c>
      <c r="K405">
        <v>2.4106257480306637</v>
      </c>
      <c r="L405" cm="1">
        <f t="array" ref="L405">INDEX(LINEST(J376:J434,$A376:$B434),1)*2</f>
        <v>-2.5080103203769227E-2</v>
      </c>
      <c r="M405" cm="1">
        <f t="array" ref="M405">INDEX(LINEST(K376:K434,$A376:$B434),1)*2</f>
        <v>2.3076478240044028E-3</v>
      </c>
      <c r="N405">
        <f t="shared" si="28"/>
        <v>1.9717977138803366</v>
      </c>
      <c r="O405">
        <f t="shared" si="29"/>
        <v>-0.18142727192322616</v>
      </c>
    </row>
    <row r="406" spans="1:15" x14ac:dyDescent="0.4">
      <c r="A406">
        <v>13.466666666666667</v>
      </c>
      <c r="B406">
        <f t="shared" si="30"/>
        <v>181.35111111111112</v>
      </c>
      <c r="C406">
        <v>-10.953095497196259</v>
      </c>
      <c r="D406">
        <v>2.2725928321381978</v>
      </c>
      <c r="E406" cm="1">
        <f t="array" ref="E406">INDEX(LINEST(C377:C435,$A377:$B435),1)*2</f>
        <v>6.8170560394509014E-2</v>
      </c>
      <c r="F406" cm="1">
        <f t="array" ref="F406">INDEX(LINEST(D377:D435,$A377:$B435),1)*2</f>
        <v>-7.2755606702003348E-3</v>
      </c>
      <c r="G406">
        <f t="shared" si="26"/>
        <v>4.0036570119695138</v>
      </c>
      <c r="H406">
        <f t="shared" si="27"/>
        <v>-0.42729367816086566</v>
      </c>
      <c r="J406">
        <v>11.792952317621172</v>
      </c>
      <c r="K406">
        <v>2.411867303418584</v>
      </c>
      <c r="L406" cm="1">
        <f t="array" ref="L406">INDEX(LINEST(J377:J435,$A377:$B435),1)*2</f>
        <v>-2.7118776968216272E-2</v>
      </c>
      <c r="M406" cm="1">
        <f t="array" ref="M406">INDEX(LINEST(K377:K435,$A377:$B435),1)*2</f>
        <v>2.1821283587151589E-3</v>
      </c>
      <c r="N406">
        <f t="shared" si="28"/>
        <v>2.1320782452411633</v>
      </c>
      <c r="O406">
        <f t="shared" si="29"/>
        <v>-0.1715589315621858</v>
      </c>
    </row>
    <row r="407" spans="1:15" x14ac:dyDescent="0.4">
      <c r="A407">
        <v>13.5</v>
      </c>
      <c r="B407">
        <f t="shared" si="30"/>
        <v>182.25</v>
      </c>
      <c r="C407">
        <v>-10.934940472699967</v>
      </c>
      <c r="D407">
        <v>2.2771536093699045</v>
      </c>
      <c r="E407" cm="1">
        <f t="array" ref="E407">INDEX(LINEST(C378:C436,$A378:$B436),1)*2</f>
        <v>6.8195048370801106E-2</v>
      </c>
      <c r="F407" cm="1">
        <f t="array" ref="F407">INDEX(LINEST(D378:D436,$A378:$B436),1)*2</f>
        <v>-7.7246744279074629E-3</v>
      </c>
      <c r="G407">
        <f t="shared" si="26"/>
        <v>4.0050951908171486</v>
      </c>
      <c r="H407">
        <f t="shared" si="27"/>
        <v>-0.4536701291510053</v>
      </c>
      <c r="J407">
        <v>11.780228539061977</v>
      </c>
      <c r="K407">
        <v>2.4131590868531116</v>
      </c>
      <c r="L407" cm="1">
        <f t="array" ref="L407">INDEX(LINEST(J378:J436,$A378:$B436),1)*2</f>
        <v>-2.840590746762589E-2</v>
      </c>
      <c r="M407" cm="1">
        <f t="array" ref="M407">INDEX(LINEST(K378:K436,$A378:$B436),1)*2</f>
        <v>2.6179370904620964E-3</v>
      </c>
      <c r="N407">
        <f t="shared" si="28"/>
        <v>2.2332724451047476</v>
      </c>
      <c r="O407">
        <f t="shared" si="29"/>
        <v>-0.20582221405213003</v>
      </c>
    </row>
    <row r="408" spans="1:15" x14ac:dyDescent="0.4">
      <c r="A408">
        <v>13.533333333333333</v>
      </c>
      <c r="B408">
        <f t="shared" si="30"/>
        <v>183.15111111111111</v>
      </c>
      <c r="C408">
        <v>-10.916124707180211</v>
      </c>
      <c r="D408">
        <v>2.2809160641250976</v>
      </c>
      <c r="E408" cm="1">
        <f t="array" ref="E408">INDEX(LINEST(C379:C437,$A379:$B437),1)*2</f>
        <v>6.8420632798519759E-2</v>
      </c>
      <c r="F408" cm="1">
        <f t="array" ref="F408">INDEX(LINEST(D379:D437,$A379:$B437),1)*2</f>
        <v>-7.2123577058852261E-3</v>
      </c>
      <c r="G408">
        <f t="shared" si="26"/>
        <v>4.0183437642570654</v>
      </c>
      <c r="H408">
        <f t="shared" si="27"/>
        <v>-0.42358176806663933</v>
      </c>
      <c r="J408">
        <v>11.766388913362515</v>
      </c>
      <c r="K408">
        <v>2.4136887846032233</v>
      </c>
      <c r="L408" cm="1">
        <f t="array" ref="L408">INDEX(LINEST(J379:J437,$A379:$B437),1)*2</f>
        <v>-2.9301014543423799E-2</v>
      </c>
      <c r="M408" cm="1">
        <f t="array" ref="M408">INDEX(LINEST(K379:K437,$A379:$B437),1)*2</f>
        <v>1.9109016046901192E-3</v>
      </c>
      <c r="N408">
        <f t="shared" si="28"/>
        <v>2.3036457634039791</v>
      </c>
      <c r="O408">
        <f t="shared" si="29"/>
        <v>-0.15023508416073716</v>
      </c>
    </row>
    <row r="409" spans="1:15" x14ac:dyDescent="0.4">
      <c r="A409">
        <v>13.566666666666666</v>
      </c>
      <c r="B409">
        <f t="shared" si="30"/>
        <v>184.05444444444444</v>
      </c>
      <c r="C409">
        <v>-10.897829063292008</v>
      </c>
      <c r="D409">
        <v>2.2832974311238847</v>
      </c>
      <c r="E409" cm="1">
        <f t="array" ref="E409">INDEX(LINEST(C380:C438,$A380:$B438),1)*2</f>
        <v>6.7823186346437886E-2</v>
      </c>
      <c r="F409" cm="1">
        <f t="array" ref="F409">INDEX(LINEST(D380:D438,$A380:$B438),1)*2</f>
        <v>-5.8310040408699679E-3</v>
      </c>
      <c r="G409">
        <f t="shared" si="26"/>
        <v>3.9832557341262969</v>
      </c>
      <c r="H409">
        <f t="shared" si="27"/>
        <v>-0.34245486732029318</v>
      </c>
      <c r="J409">
        <v>11.749053977406765</v>
      </c>
      <c r="K409">
        <v>2.413362160030831</v>
      </c>
      <c r="L409" cm="1">
        <f t="array" ref="L409">INDEX(LINEST(J380:J438,$A380:$B438),1)*2</f>
        <v>-3.1345037401345595E-2</v>
      </c>
      <c r="M409" cm="1">
        <f t="array" ref="M409">INDEX(LINEST(K380:K438,$A380:$B438),1)*2</f>
        <v>2.6462193429366903E-3</v>
      </c>
      <c r="N409">
        <f t="shared" si="28"/>
        <v>2.4643468404937909</v>
      </c>
      <c r="O409">
        <f t="shared" si="29"/>
        <v>-0.2080457647416826</v>
      </c>
    </row>
    <row r="410" spans="1:15" x14ac:dyDescent="0.4">
      <c r="A410">
        <v>13.6</v>
      </c>
      <c r="B410">
        <f t="shared" si="30"/>
        <v>184.95999999999998</v>
      </c>
      <c r="C410">
        <v>-10.879541146300072</v>
      </c>
      <c r="D410">
        <v>2.2843846567681174</v>
      </c>
      <c r="E410" cm="1">
        <f t="array" ref="E410">INDEX(LINEST(C381:C439,$A381:$B439),1)*2</f>
        <v>6.6932593020122541E-2</v>
      </c>
      <c r="F410" cm="1">
        <f t="array" ref="F410">INDEX(LINEST(D381:D439,$A381:$B439),1)*2</f>
        <v>-4.7103573094974312E-3</v>
      </c>
      <c r="G410">
        <f t="shared" si="26"/>
        <v>3.9309511880717967</v>
      </c>
      <c r="H410">
        <f t="shared" si="27"/>
        <v>-0.27663928478678412</v>
      </c>
      <c r="J410">
        <v>11.730790559768366</v>
      </c>
      <c r="K410">
        <v>2.4141108077247244</v>
      </c>
      <c r="L410" cm="1">
        <f t="array" ref="L410">INDEX(LINEST(J381:J439,$A381:$B439),1)*2</f>
        <v>-3.3903588818150962E-2</v>
      </c>
      <c r="M410" cm="1">
        <f t="array" ref="M410">INDEX(LINEST(K381:K439,$A381:$B439),1)*2</f>
        <v>3.51416052220683E-3</v>
      </c>
      <c r="N410">
        <f t="shared" si="28"/>
        <v>2.6655001528830287</v>
      </c>
      <c r="O410">
        <f t="shared" si="29"/>
        <v>-0.27628330025590098</v>
      </c>
    </row>
    <row r="411" spans="1:15" x14ac:dyDescent="0.4">
      <c r="A411">
        <v>13.633333333333333</v>
      </c>
      <c r="B411">
        <f t="shared" si="30"/>
        <v>185.86777777777777</v>
      </c>
      <c r="C411">
        <v>-10.86065179304763</v>
      </c>
      <c r="D411">
        <v>2.283666729822635</v>
      </c>
      <c r="E411" cm="1">
        <f t="array" ref="E411">INDEX(LINEST(C382:C440,$A382:$B440),1)*2</f>
        <v>6.5934184371233467E-2</v>
      </c>
      <c r="F411" cm="1">
        <f t="array" ref="F411">INDEX(LINEST(D382:D440,$A382:$B440),1)*2</f>
        <v>-2.9086128681891921E-3</v>
      </c>
      <c r="G411">
        <f t="shared" si="26"/>
        <v>3.8723146481225412</v>
      </c>
      <c r="H411">
        <f t="shared" si="27"/>
        <v>-0.17082283374875123</v>
      </c>
      <c r="J411">
        <v>11.71494173623298</v>
      </c>
      <c r="K411">
        <v>2.415727671328848</v>
      </c>
      <c r="L411" cm="1">
        <f t="array" ref="L411">INDEX(LINEST(J382:J440,$A382:$B440),1)*2</f>
        <v>-3.6373627364377957E-2</v>
      </c>
      <c r="M411" cm="1">
        <f t="array" ref="M411">INDEX(LINEST(K382:K440,$A382:$B440),1)*2</f>
        <v>4.8599540726613887E-3</v>
      </c>
      <c r="N411">
        <f t="shared" si="28"/>
        <v>2.859694583387395</v>
      </c>
      <c r="O411">
        <f t="shared" si="29"/>
        <v>-0.38208958919263841</v>
      </c>
    </row>
    <row r="412" spans="1:15" x14ac:dyDescent="0.4">
      <c r="A412">
        <v>13.666666666666666</v>
      </c>
      <c r="B412">
        <f t="shared" si="30"/>
        <v>186.77777777777777</v>
      </c>
      <c r="C412">
        <v>-10.840962056025308</v>
      </c>
      <c r="D412">
        <v>2.2849991580955273</v>
      </c>
      <c r="E412" cm="1">
        <f t="array" ref="E412">INDEX(LINEST(C383:C441,$A383:$B441),1)*2</f>
        <v>6.4046193448294583E-2</v>
      </c>
      <c r="F412" cm="1">
        <f t="array" ref="F412">INDEX(LINEST(D383:D441,$A383:$B441),1)*2</f>
        <v>-7.869761865869634E-6</v>
      </c>
      <c r="G412">
        <f t="shared" si="26"/>
        <v>3.7614329412183407</v>
      </c>
      <c r="H412">
        <f t="shared" si="27"/>
        <v>-4.6219111438252356E-4</v>
      </c>
      <c r="J412">
        <v>11.700405772470729</v>
      </c>
      <c r="K412">
        <v>2.4166580329522294</v>
      </c>
      <c r="L412" cm="1">
        <f t="array" ref="L412">INDEX(LINEST(J383:J441,$A383:$B441),1)*2</f>
        <v>-3.74654477099104E-2</v>
      </c>
      <c r="M412" cm="1">
        <f t="array" ref="M412">INDEX(LINEST(K383:K441,$A383:$B441),1)*2</f>
        <v>6.6257235516596893E-3</v>
      </c>
      <c r="N412">
        <f t="shared" si="28"/>
        <v>2.9455334989531559</v>
      </c>
      <c r="O412">
        <f t="shared" si="29"/>
        <v>-0.52091438563148484</v>
      </c>
    </row>
    <row r="413" spans="1:15" x14ac:dyDescent="0.4">
      <c r="A413">
        <v>13.7</v>
      </c>
      <c r="B413">
        <f t="shared" si="30"/>
        <v>187.68999999999997</v>
      </c>
      <c r="C413">
        <v>-10.82567962698092</v>
      </c>
      <c r="D413">
        <v>2.2875728075841155</v>
      </c>
      <c r="E413" cm="1">
        <f t="array" ref="E413">INDEX(LINEST(C384:C442,$A384:$B442),1)*2</f>
        <v>6.2279341018759184E-2</v>
      </c>
      <c r="F413" cm="1">
        <f t="array" ref="F413">INDEX(LINEST(D384:D442,$A384:$B442),1)*2</f>
        <v>2.9026223511110826E-3</v>
      </c>
      <c r="G413">
        <f t="shared" si="26"/>
        <v>3.6576656980317268</v>
      </c>
      <c r="H413">
        <f t="shared" si="27"/>
        <v>0.17047101068075388</v>
      </c>
      <c r="J413">
        <v>11.686288450590055</v>
      </c>
      <c r="K413">
        <v>2.4235290983044053</v>
      </c>
      <c r="L413" cm="1">
        <f t="array" ref="L413">INDEX(LINEST(J384:J442,$A384:$B442),1)*2</f>
        <v>-3.9847665990963142E-2</v>
      </c>
      <c r="M413" cm="1">
        <f t="array" ref="M413">INDEX(LINEST(K384:K442,$A384:$B442),1)*2</f>
        <v>8.3903028863906871E-3</v>
      </c>
      <c r="N413">
        <f t="shared" si="28"/>
        <v>3.1328235002095224</v>
      </c>
      <c r="O413">
        <f t="shared" si="29"/>
        <v>-0.65964561292803581</v>
      </c>
    </row>
    <row r="414" spans="1:15" x14ac:dyDescent="0.4">
      <c r="A414">
        <v>13.733333333333333</v>
      </c>
      <c r="B414">
        <f t="shared" si="30"/>
        <v>188.60444444444443</v>
      </c>
      <c r="C414">
        <v>-10.804733381589147</v>
      </c>
      <c r="D414">
        <v>2.2908411719525632</v>
      </c>
      <c r="E414" cm="1">
        <f t="array" ref="E414">INDEX(LINEST(C385:C443,$A385:$B443),1)*2</f>
        <v>5.9352862564816561E-2</v>
      </c>
      <c r="F414" cm="1">
        <f t="array" ref="F414">INDEX(LINEST(D385:D443,$A385:$B443),1)*2</f>
        <v>4.5840645553427472E-3</v>
      </c>
      <c r="G414">
        <f t="shared" si="26"/>
        <v>3.4857936184316762</v>
      </c>
      <c r="H414">
        <f t="shared" si="27"/>
        <v>0.26922211133527951</v>
      </c>
      <c r="J414">
        <v>11.673352521447622</v>
      </c>
      <c r="K414">
        <v>2.4221374570568264</v>
      </c>
      <c r="L414" cm="1">
        <f t="array" ref="L414">INDEX(LINEST(J385:J443,$A385:$B443),1)*2</f>
        <v>-4.3356208475543112E-2</v>
      </c>
      <c r="M414" cm="1">
        <f t="array" ref="M414">INDEX(LINEST(K385:K443,$A385:$B443),1)*2</f>
        <v>8.9925238793984782E-3</v>
      </c>
      <c r="N414">
        <f t="shared" si="28"/>
        <v>3.4086651103471999</v>
      </c>
      <c r="O414">
        <f t="shared" si="29"/>
        <v>-0.70699222739830836</v>
      </c>
    </row>
    <row r="415" spans="1:15" x14ac:dyDescent="0.4">
      <c r="A415">
        <v>13.766666666666667</v>
      </c>
      <c r="B415">
        <f t="shared" si="30"/>
        <v>189.52111111111114</v>
      </c>
      <c r="C415">
        <v>-10.785166307318596</v>
      </c>
      <c r="D415">
        <v>2.2987451988638528</v>
      </c>
      <c r="E415" cm="1">
        <f t="array" ref="E415">INDEX(LINEST(C386:C444,$A386:$B444),1)*2</f>
        <v>5.8108075324344574E-2</v>
      </c>
      <c r="F415" cm="1">
        <f t="array" ref="F415">INDEX(LINEST(D386:D444,$A386:$B444),1)*2</f>
        <v>5.6374979500143207E-3</v>
      </c>
      <c r="G415">
        <f t="shared" si="26"/>
        <v>3.4126872637987566</v>
      </c>
      <c r="H415">
        <f t="shared" si="27"/>
        <v>0.33109025460434105</v>
      </c>
      <c r="J415">
        <v>11.66058331282145</v>
      </c>
      <c r="K415">
        <v>2.4224010016192628</v>
      </c>
      <c r="L415" cm="1">
        <f t="array" ref="L415">INDEX(LINEST(J386:J444,$A386:$B444),1)*2</f>
        <v>-4.5893233226364238E-2</v>
      </c>
      <c r="M415" cm="1">
        <f t="array" ref="M415">INDEX(LINEST(K386:K444,$A386:$B444),1)*2</f>
        <v>9.0448508203023244E-3</v>
      </c>
      <c r="N415">
        <f t="shared" si="28"/>
        <v>3.6081259962567565</v>
      </c>
      <c r="O415">
        <f t="shared" si="29"/>
        <v>-0.71110617149216881</v>
      </c>
    </row>
    <row r="416" spans="1:15" x14ac:dyDescent="0.4">
      <c r="A416">
        <v>13.8</v>
      </c>
      <c r="B416">
        <f t="shared" si="30"/>
        <v>190.44000000000003</v>
      </c>
      <c r="C416">
        <v>-10.769427077944954</v>
      </c>
      <c r="D416">
        <v>2.3018025193591956</v>
      </c>
      <c r="E416" cm="1">
        <f t="array" ref="E416">INDEX(LINEST(C387:C445,$A387:$B445),1)*2</f>
        <v>5.7301541416535227E-2</v>
      </c>
      <c r="F416" cm="1">
        <f t="array" ref="F416">INDEX(LINEST(D387:D445,$A387:$B445),1)*2</f>
        <v>5.8440222860089777E-3</v>
      </c>
      <c r="G416">
        <f t="shared" ref="G416:G479" si="31">E416*58.73</f>
        <v>3.3653195273931136</v>
      </c>
      <c r="H416">
        <f t="shared" ref="H416:H479" si="32">F416*58.73</f>
        <v>0.34321942885730722</v>
      </c>
      <c r="J416">
        <v>11.647109847560584</v>
      </c>
      <c r="K416">
        <v>2.4221317944965928</v>
      </c>
      <c r="L416" cm="1">
        <f t="array" ref="L416">INDEX(LINEST(J387:J445,$A387:$B445),1)*2</f>
        <v>-5.0118948784379502E-2</v>
      </c>
      <c r="M416" cm="1">
        <f t="array" ref="M416">INDEX(LINEST(K387:K445,$A387:$B445),1)*2</f>
        <v>7.7306635682645175E-3</v>
      </c>
      <c r="N416">
        <f t="shared" ref="N416:N479" si="33">-L416*78.62</f>
        <v>3.9403517534279167</v>
      </c>
      <c r="O416">
        <f t="shared" ref="O416:O479" si="34">-M416*78.62</f>
        <v>-0.60778476973695639</v>
      </c>
    </row>
    <row r="417" spans="1:15" x14ac:dyDescent="0.4">
      <c r="A417">
        <v>13.833333333333334</v>
      </c>
      <c r="B417">
        <f t="shared" si="30"/>
        <v>191.36111111111111</v>
      </c>
      <c r="C417">
        <v>-10.750145139555361</v>
      </c>
      <c r="D417">
        <v>2.3016318029353684</v>
      </c>
      <c r="E417" cm="1">
        <f t="array" ref="E417">INDEX(LINEST(C388:C446,$A388:$B446),1)*2</f>
        <v>5.8443015144778315E-2</v>
      </c>
      <c r="F417" cm="1">
        <f t="array" ref="F417">INDEX(LINEST(D388:D446,$A388:$B446),1)*2</f>
        <v>7.2354238183006672E-3</v>
      </c>
      <c r="G417">
        <f t="shared" si="31"/>
        <v>3.4323582794528305</v>
      </c>
      <c r="H417">
        <f t="shared" si="32"/>
        <v>0.42493644084879817</v>
      </c>
      <c r="J417">
        <v>11.633781053669994</v>
      </c>
      <c r="K417">
        <v>2.4252264082498898</v>
      </c>
      <c r="L417" cm="1">
        <f t="array" ref="L417">INDEX(LINEST(J388:J446,$A388:$B446),1)*2</f>
        <v>-5.2572449244952246E-2</v>
      </c>
      <c r="M417" cm="1">
        <f t="array" ref="M417">INDEX(LINEST(K388:K446,$A388:$B446),1)*2</f>
        <v>6.4102788759636863E-3</v>
      </c>
      <c r="N417">
        <f t="shared" si="33"/>
        <v>4.1332459596381455</v>
      </c>
      <c r="O417">
        <f t="shared" si="34"/>
        <v>-0.50397612522826507</v>
      </c>
    </row>
    <row r="418" spans="1:15" x14ac:dyDescent="0.4">
      <c r="A418">
        <v>13.866666666666667</v>
      </c>
      <c r="B418">
        <f t="shared" si="30"/>
        <v>192.28444444444446</v>
      </c>
      <c r="C418">
        <v>-10.72817160259155</v>
      </c>
      <c r="D418">
        <v>2.3025710777736297</v>
      </c>
      <c r="E418" cm="1">
        <f t="array" ref="E418">INDEX(LINEST(C389:C447,$A389:$B447),1)*2</f>
        <v>5.956948391603701E-2</v>
      </c>
      <c r="F418" cm="1">
        <f t="array" ref="F418">INDEX(LINEST(D389:D447,$A389:$B447),1)*2</f>
        <v>7.6437774662717044E-3</v>
      </c>
      <c r="G418">
        <f t="shared" si="31"/>
        <v>3.4985157903888533</v>
      </c>
      <c r="H418">
        <f t="shared" si="32"/>
        <v>0.44891905059413717</v>
      </c>
      <c r="J418">
        <v>11.622664534210942</v>
      </c>
      <c r="K418">
        <v>2.4270379445528896</v>
      </c>
      <c r="L418" cm="1">
        <f t="array" ref="L418">INDEX(LINEST(J389:J447,$A389:$B447),1)*2</f>
        <v>-5.3357445456688711E-2</v>
      </c>
      <c r="M418" cm="1">
        <f t="array" ref="M418">INDEX(LINEST(K389:K447,$A389:$B447),1)*2</f>
        <v>6.9484574688411177E-3</v>
      </c>
      <c r="N418">
        <f t="shared" si="33"/>
        <v>4.1949623618048664</v>
      </c>
      <c r="O418">
        <f t="shared" si="34"/>
        <v>-0.54628772620028876</v>
      </c>
    </row>
    <row r="419" spans="1:15" x14ac:dyDescent="0.4">
      <c r="A419">
        <v>13.9</v>
      </c>
      <c r="B419">
        <f t="shared" si="30"/>
        <v>193.21</v>
      </c>
      <c r="C419">
        <v>-10.708084209456118</v>
      </c>
      <c r="D419">
        <v>2.3010464250565472</v>
      </c>
      <c r="E419" cm="1">
        <f t="array" ref="E419">INDEX(LINEST(C390:C448,$A390:$B448),1)*2</f>
        <v>5.9906288124633146E-2</v>
      </c>
      <c r="F419" cm="1">
        <f t="array" ref="F419">INDEX(LINEST(D390:D448,$A390:$B448),1)*2</f>
        <v>6.2250865372742584E-3</v>
      </c>
      <c r="G419">
        <f t="shared" si="31"/>
        <v>3.5182963015597046</v>
      </c>
      <c r="H419">
        <f t="shared" si="32"/>
        <v>0.36559933233411718</v>
      </c>
      <c r="J419">
        <v>11.606908249235307</v>
      </c>
      <c r="K419">
        <v>2.43014526823087</v>
      </c>
      <c r="L419" cm="1">
        <f t="array" ref="L419">INDEX(LINEST(J390:J448,$A390:$B448),1)*2</f>
        <v>-5.5584577967325202E-2</v>
      </c>
      <c r="M419" cm="1">
        <f t="array" ref="M419">INDEX(LINEST(K390:K448,$A390:$B448),1)*2</f>
        <v>7.0360483704474059E-3</v>
      </c>
      <c r="N419">
        <f t="shared" si="33"/>
        <v>4.3700595197911074</v>
      </c>
      <c r="O419">
        <f t="shared" si="34"/>
        <v>-0.55317412288457513</v>
      </c>
    </row>
    <row r="420" spans="1:15" x14ac:dyDescent="0.4">
      <c r="A420">
        <v>13.933333333333334</v>
      </c>
      <c r="B420">
        <f t="shared" si="30"/>
        <v>194.13777777777779</v>
      </c>
      <c r="C420">
        <v>-10.689949522312233</v>
      </c>
      <c r="D420">
        <v>2.2973772475727992</v>
      </c>
      <c r="E420" cm="1">
        <f t="array" ref="E420">INDEX(LINEST(C391:C449,$A391:$B449),1)*2</f>
        <v>6.0939125785644067E-2</v>
      </c>
      <c r="F420" cm="1">
        <f t="array" ref="F420">INDEX(LINEST(D391:D449,$A391:$B449),1)*2</f>
        <v>4.6683048021649472E-3</v>
      </c>
      <c r="G420">
        <f t="shared" si="31"/>
        <v>3.578954857390876</v>
      </c>
      <c r="H420">
        <f t="shared" si="32"/>
        <v>0.27416954103114732</v>
      </c>
      <c r="J420">
        <v>11.590244309800875</v>
      </c>
      <c r="K420">
        <v>2.4309042587781531</v>
      </c>
      <c r="L420" cm="1">
        <f t="array" ref="L420">INDEX(LINEST(J391:J449,$A391:$B449),1)*2</f>
        <v>-5.6816874330698632E-2</v>
      </c>
      <c r="M420" cm="1">
        <f t="array" ref="M420">INDEX(LINEST(K391:K449,$A391:$B449),1)*2</f>
        <v>7.2542819863071492E-3</v>
      </c>
      <c r="N420">
        <f t="shared" si="33"/>
        <v>4.4669426598795265</v>
      </c>
      <c r="O420">
        <f t="shared" si="34"/>
        <v>-0.57033164976346806</v>
      </c>
    </row>
    <row r="421" spans="1:15" x14ac:dyDescent="0.4">
      <c r="A421">
        <v>13.966666666666667</v>
      </c>
      <c r="B421">
        <f t="shared" si="30"/>
        <v>195.06777777777779</v>
      </c>
      <c r="C421">
        <v>-10.672857322143795</v>
      </c>
      <c r="D421">
        <v>2.3005401291960506</v>
      </c>
      <c r="E421" cm="1">
        <f t="array" ref="E421">INDEX(LINEST(C392:C450,$A392:$B450),1)*2</f>
        <v>6.2429292555718184E-2</v>
      </c>
      <c r="F421" cm="1">
        <f t="array" ref="F421">INDEX(LINEST(D392:D450,$A392:$B450),1)*2</f>
        <v>3.2830872647389704E-3</v>
      </c>
      <c r="G421">
        <f t="shared" si="31"/>
        <v>3.6664723517973288</v>
      </c>
      <c r="H421">
        <f t="shared" si="32"/>
        <v>0.19281571505811973</v>
      </c>
      <c r="J421">
        <v>11.576025950940622</v>
      </c>
      <c r="K421">
        <v>2.42973999372794</v>
      </c>
      <c r="L421" cm="1">
        <f t="array" ref="L421">INDEX(LINEST(J392:J450,$A392:$B450),1)*2</f>
        <v>-5.8659077568729991E-2</v>
      </c>
      <c r="M421" cm="1">
        <f t="array" ref="M421">INDEX(LINEST(K392:K450,$A392:$B450),1)*2</f>
        <v>6.2325627915759962E-3</v>
      </c>
      <c r="N421">
        <f t="shared" si="33"/>
        <v>4.6117766784535519</v>
      </c>
      <c r="O421">
        <f t="shared" si="34"/>
        <v>-0.49000408667370488</v>
      </c>
    </row>
    <row r="422" spans="1:15" x14ac:dyDescent="0.4">
      <c r="A422">
        <v>14</v>
      </c>
      <c r="B422">
        <f t="shared" si="30"/>
        <v>196</v>
      </c>
      <c r="C422">
        <v>-10.649476289905362</v>
      </c>
      <c r="D422">
        <v>2.3006201939693884</v>
      </c>
      <c r="E422" cm="1">
        <f t="array" ref="E422">INDEX(LINEST(C393:C451,$A393:$B451),1)*2</f>
        <v>6.3993364217190915E-2</v>
      </c>
      <c r="F422" cm="1">
        <f t="array" ref="F422">INDEX(LINEST(D393:D451,$A393:$B451),1)*2</f>
        <v>2.5545272281447566E-3</v>
      </c>
      <c r="G422">
        <f t="shared" si="31"/>
        <v>3.7583302804756222</v>
      </c>
      <c r="H422">
        <f t="shared" si="32"/>
        <v>0.15002738410894154</v>
      </c>
      <c r="J422">
        <v>11.559722698670694</v>
      </c>
      <c r="K422">
        <v>2.4308429134251095</v>
      </c>
      <c r="L422" cm="1">
        <f t="array" ref="L422">INDEX(LINEST(J393:J451,$A393:$B451),1)*2</f>
        <v>-6.0459243615123962E-2</v>
      </c>
      <c r="M422" cm="1">
        <f t="array" ref="M422">INDEX(LINEST(K393:K451,$A393:$B451),1)*2</f>
        <v>5.3297811984318747E-3</v>
      </c>
      <c r="N422">
        <f t="shared" si="33"/>
        <v>4.7533057330210458</v>
      </c>
      <c r="O422">
        <f t="shared" si="34"/>
        <v>-0.41902739782071402</v>
      </c>
    </row>
    <row r="423" spans="1:15" x14ac:dyDescent="0.4">
      <c r="A423">
        <v>14.033333333333333</v>
      </c>
      <c r="B423">
        <f t="shared" si="30"/>
        <v>196.93444444444444</v>
      </c>
      <c r="C423">
        <v>-10.63282860793586</v>
      </c>
      <c r="D423">
        <v>2.3018032637606223</v>
      </c>
      <c r="E423" cm="1">
        <f t="array" ref="E423">INDEX(LINEST(C394:C452,$A394:$B452),1)*2</f>
        <v>6.4408974351011575E-2</v>
      </c>
      <c r="F423" cm="1">
        <f t="array" ref="F423">INDEX(LINEST(D394:D452,$A394:$B452),1)*2</f>
        <v>2.4948844146298835E-3</v>
      </c>
      <c r="G423">
        <f t="shared" si="31"/>
        <v>3.7827390636349096</v>
      </c>
      <c r="H423">
        <f t="shared" si="32"/>
        <v>0.14652456167121305</v>
      </c>
      <c r="J423">
        <v>11.541550441117034</v>
      </c>
      <c r="K423">
        <v>2.430679988770982</v>
      </c>
      <c r="L423" cm="1">
        <f t="array" ref="L423">INDEX(LINEST(J394:J452,$A394:$B452),1)*2</f>
        <v>-6.1862484913843566E-2</v>
      </c>
      <c r="M423" cm="1">
        <f t="array" ref="M423">INDEX(LINEST(K394:K452,$A394:$B452),1)*2</f>
        <v>4.1052964457495818E-3</v>
      </c>
      <c r="N423">
        <f t="shared" si="33"/>
        <v>4.8636285639263814</v>
      </c>
      <c r="O423">
        <f t="shared" si="34"/>
        <v>-0.32275840656483212</v>
      </c>
    </row>
    <row r="424" spans="1:15" x14ac:dyDescent="0.4">
      <c r="A424">
        <v>14.066666666666666</v>
      </c>
      <c r="B424">
        <f t="shared" si="30"/>
        <v>197.87111111111111</v>
      </c>
      <c r="C424">
        <v>-10.612087339445493</v>
      </c>
      <c r="D424">
        <v>2.3050220991920614</v>
      </c>
      <c r="E424" cm="1">
        <f t="array" ref="E424">INDEX(LINEST(C395:C453,$A395:$B453),1)*2</f>
        <v>6.4311279634951549E-2</v>
      </c>
      <c r="F424" cm="1">
        <f t="array" ref="F424">INDEX(LINEST(D395:D453,$A395:$B453),1)*2</f>
        <v>1.4715724369331886E-3</v>
      </c>
      <c r="G424">
        <f t="shared" si="31"/>
        <v>3.7770014529607043</v>
      </c>
      <c r="H424">
        <f t="shared" si="32"/>
        <v>8.6425449221086165E-2</v>
      </c>
      <c r="J424">
        <v>11.527971501171914</v>
      </c>
      <c r="K424">
        <v>2.431302557602335</v>
      </c>
      <c r="L424" cm="1">
        <f t="array" ref="L424">INDEX(LINEST(J395:J453,$A395:$B453),1)*2</f>
        <v>-6.4579586601088895E-2</v>
      </c>
      <c r="M424" cm="1">
        <f t="array" ref="M424">INDEX(LINEST(K395:K453,$A395:$B453),1)*2</f>
        <v>3.1098853760897064E-3</v>
      </c>
      <c r="N424">
        <f t="shared" si="33"/>
        <v>5.077247098577609</v>
      </c>
      <c r="O424">
        <f t="shared" si="34"/>
        <v>-0.24449918826817274</v>
      </c>
    </row>
    <row r="425" spans="1:15" x14ac:dyDescent="0.4">
      <c r="A425">
        <v>14.1</v>
      </c>
      <c r="B425">
        <f t="shared" si="30"/>
        <v>198.81</v>
      </c>
      <c r="C425">
        <v>-10.598290364835684</v>
      </c>
      <c r="D425">
        <v>2.3054203751638833</v>
      </c>
      <c r="E425" cm="1">
        <f t="array" ref="E425">INDEX(LINEST(C396:C454,$A396:$B454),1)*2</f>
        <v>6.5163895000435929E-2</v>
      </c>
      <c r="F425" cm="1">
        <f t="array" ref="F425">INDEX(LINEST(D396:D454,$A396:$B454),1)*2</f>
        <v>9.0176586075649105E-4</v>
      </c>
      <c r="G425">
        <f t="shared" si="31"/>
        <v>3.827075553375602</v>
      </c>
      <c r="H425">
        <f t="shared" si="32"/>
        <v>5.2960709002228719E-2</v>
      </c>
      <c r="J425">
        <v>11.511113061720982</v>
      </c>
      <c r="K425">
        <v>2.4357431109517584</v>
      </c>
      <c r="L425" cm="1">
        <f t="array" ref="L425">INDEX(LINEST(J396:J454,$A396:$B454),1)*2</f>
        <v>-6.6701845488809045E-2</v>
      </c>
      <c r="M425" cm="1">
        <f t="array" ref="M425">INDEX(LINEST(K396:K454,$A396:$B454),1)*2</f>
        <v>1.8376076952226106E-3</v>
      </c>
      <c r="N425">
        <f t="shared" si="33"/>
        <v>5.2440990923301678</v>
      </c>
      <c r="O425">
        <f t="shared" si="34"/>
        <v>-0.14447271699840164</v>
      </c>
    </row>
    <row r="426" spans="1:15" x14ac:dyDescent="0.4">
      <c r="A426">
        <v>14.133333333333333</v>
      </c>
      <c r="B426">
        <f t="shared" si="30"/>
        <v>199.7511111111111</v>
      </c>
      <c r="C426">
        <v>-10.580319362723191</v>
      </c>
      <c r="D426">
        <v>2.3090522719514128</v>
      </c>
      <c r="E426" cm="1">
        <f t="array" ref="E426">INDEX(LINEST(C397:C455,$A397:$B455),1)*2</f>
        <v>6.6147470870824662E-2</v>
      </c>
      <c r="F426" cm="1">
        <f t="array" ref="F426">INDEX(LINEST(D397:D455,$A397:$B455),1)*2</f>
        <v>2.7615294905769896E-4</v>
      </c>
      <c r="G426">
        <f t="shared" si="31"/>
        <v>3.8848409642435322</v>
      </c>
      <c r="H426">
        <f t="shared" si="32"/>
        <v>1.6218462698158659E-2</v>
      </c>
      <c r="J426">
        <v>11.497874441700072</v>
      </c>
      <c r="K426">
        <v>2.4360536199436313</v>
      </c>
      <c r="L426" cm="1">
        <f t="array" ref="L426">INDEX(LINEST(J397:J455,$A397:$B455),1)*2</f>
        <v>-6.8778066517210787E-2</v>
      </c>
      <c r="M426" cm="1">
        <f t="array" ref="M426">INDEX(LINEST(K397:K455,$A397:$B455),1)*2</f>
        <v>6.7502585703167067E-4</v>
      </c>
      <c r="N426">
        <f t="shared" si="33"/>
        <v>5.4073315895831122</v>
      </c>
      <c r="O426">
        <f t="shared" si="34"/>
        <v>-5.3070532879829949E-2</v>
      </c>
    </row>
    <row r="427" spans="1:15" x14ac:dyDescent="0.4">
      <c r="A427">
        <v>14.166666666666666</v>
      </c>
      <c r="B427">
        <f t="shared" si="30"/>
        <v>200.69444444444443</v>
      </c>
      <c r="C427">
        <v>-10.562998436695569</v>
      </c>
      <c r="D427">
        <v>2.3084841661800803</v>
      </c>
      <c r="E427" cm="1">
        <f t="array" ref="E427">INDEX(LINEST(C398:C456,$A398:$B456),1)*2</f>
        <v>6.6421029127318038E-2</v>
      </c>
      <c r="F427" cm="1">
        <f t="array" ref="F427">INDEX(LINEST(D398:D456,$A398:$B456),1)*2</f>
        <v>-8.382424699439221E-4</v>
      </c>
      <c r="G427">
        <f t="shared" si="31"/>
        <v>3.9009070406473882</v>
      </c>
      <c r="H427">
        <f t="shared" si="32"/>
        <v>-4.9229980259806544E-2</v>
      </c>
      <c r="J427">
        <v>11.481070719911314</v>
      </c>
      <c r="K427">
        <v>2.436641913786191</v>
      </c>
      <c r="L427" cm="1">
        <f t="array" ref="L427">INDEX(LINEST(J398:J456,$A398:$B456),1)*2</f>
        <v>-7.0650670715999647E-2</v>
      </c>
      <c r="M427" cm="1">
        <f t="array" ref="M427">INDEX(LINEST(K398:K456,$A398:$B456),1)*2</f>
        <v>-7.1386726654174915E-4</v>
      </c>
      <c r="N427">
        <f t="shared" si="33"/>
        <v>5.5545557316918925</v>
      </c>
      <c r="O427">
        <f t="shared" si="34"/>
        <v>5.6124244495512322E-2</v>
      </c>
    </row>
    <row r="428" spans="1:15" x14ac:dyDescent="0.4">
      <c r="A428">
        <v>14.2</v>
      </c>
      <c r="B428">
        <f t="shared" si="30"/>
        <v>201.64</v>
      </c>
      <c r="C428">
        <v>-10.543561300095675</v>
      </c>
      <c r="D428">
        <v>2.3125320588322889</v>
      </c>
      <c r="E428" cm="1">
        <f t="array" ref="E428">INDEX(LINEST(C399:C457,$A399:$B457),1)*2</f>
        <v>6.8263373626671481E-2</v>
      </c>
      <c r="F428" cm="1">
        <f t="array" ref="F428">INDEX(LINEST(D399:D457,$A399:$B457),1)*2</f>
        <v>-8.8566251579547865E-4</v>
      </c>
      <c r="G428">
        <f t="shared" si="31"/>
        <v>4.0091079330944162</v>
      </c>
      <c r="H428">
        <f t="shared" si="32"/>
        <v>-5.2014959552668459E-2</v>
      </c>
      <c r="J428">
        <v>11.465883005020467</v>
      </c>
      <c r="K428">
        <v>2.4352372514858907</v>
      </c>
      <c r="L428" cm="1">
        <f t="array" ref="L428">INDEX(LINEST(J399:J457,$A399:$B457),1)*2</f>
        <v>-7.2150335037717492E-2</v>
      </c>
      <c r="M428" cm="1">
        <f t="array" ref="M428">INDEX(LINEST(K399:K457,$A399:$B457),1)*2</f>
        <v>-2.705826738945788E-3</v>
      </c>
      <c r="N428">
        <f t="shared" si="33"/>
        <v>5.6724593406653492</v>
      </c>
      <c r="O428">
        <f t="shared" si="34"/>
        <v>0.21273209821591788</v>
      </c>
    </row>
    <row r="429" spans="1:15" x14ac:dyDescent="0.4">
      <c r="A429">
        <v>14.233333333333333</v>
      </c>
      <c r="B429">
        <f t="shared" si="30"/>
        <v>202.58777777777775</v>
      </c>
      <c r="C429">
        <v>-10.523446021442254</v>
      </c>
      <c r="D429">
        <v>2.3123218813335642</v>
      </c>
      <c r="E429" cm="1">
        <f t="array" ref="E429">INDEX(LINEST(C400:C458,$A400:$B458),1)*2</f>
        <v>6.8397549828600232E-2</v>
      </c>
      <c r="F429" cm="1">
        <f t="array" ref="F429">INDEX(LINEST(D400:D458,$A400:$B458),1)*2</f>
        <v>-3.7852738964252395E-4</v>
      </c>
      <c r="G429">
        <f t="shared" si="31"/>
        <v>4.0169881014336912</v>
      </c>
      <c r="H429">
        <f t="shared" si="32"/>
        <v>-2.223091359370543E-2</v>
      </c>
      <c r="J429">
        <v>11.451287062629767</v>
      </c>
      <c r="K429">
        <v>2.4374289702287193</v>
      </c>
      <c r="L429" cm="1">
        <f t="array" ref="L429">INDEX(LINEST(J400:J458,$A400:$B458),1)*2</f>
        <v>-7.0811434658343803E-2</v>
      </c>
      <c r="M429" cm="1">
        <f t="array" ref="M429">INDEX(LINEST(K400:K458,$A400:$B458),1)*2</f>
        <v>-3.7182478976822454E-3</v>
      </c>
      <c r="N429">
        <f t="shared" si="33"/>
        <v>5.5671949928389903</v>
      </c>
      <c r="O429">
        <f t="shared" si="34"/>
        <v>0.29232864971577815</v>
      </c>
    </row>
    <row r="430" spans="1:15" x14ac:dyDescent="0.4">
      <c r="A430">
        <v>14.266666666666667</v>
      </c>
      <c r="B430">
        <f t="shared" si="30"/>
        <v>203.53777777777779</v>
      </c>
      <c r="C430">
        <v>-10.502112981593251</v>
      </c>
      <c r="D430">
        <v>2.3161895522252172</v>
      </c>
      <c r="E430" cm="1">
        <f t="array" ref="E430">INDEX(LINEST(C401:C459,$A401:$B459),1)*2</f>
        <v>6.6286260628415722E-2</v>
      </c>
      <c r="F430" cm="1">
        <f t="array" ref="F430">INDEX(LINEST(D401:D459,$A401:$B459),1)*2</f>
        <v>1.2817391485599125E-3</v>
      </c>
      <c r="G430">
        <f t="shared" si="31"/>
        <v>3.892992086706855</v>
      </c>
      <c r="H430">
        <f t="shared" si="32"/>
        <v>7.527654019492365E-2</v>
      </c>
      <c r="J430">
        <v>11.434978161415158</v>
      </c>
      <c r="K430">
        <v>2.4403960300268506</v>
      </c>
      <c r="L430" cm="1">
        <f t="array" ref="L430">INDEX(LINEST(J401:J459,$A401:$B459),1)*2</f>
        <v>-7.0192407335234352E-2</v>
      </c>
      <c r="M430" cm="1">
        <f t="array" ref="M430">INDEX(LINEST(K401:K459,$A401:$B459),1)*2</f>
        <v>-4.3074319298816435E-3</v>
      </c>
      <c r="N430">
        <f t="shared" si="33"/>
        <v>5.5185270646961255</v>
      </c>
      <c r="O430">
        <f t="shared" si="34"/>
        <v>0.33865029832729482</v>
      </c>
    </row>
    <row r="431" spans="1:15" x14ac:dyDescent="0.4">
      <c r="A431">
        <v>14.3</v>
      </c>
      <c r="B431">
        <f t="shared" si="30"/>
        <v>204.49</v>
      </c>
      <c r="C431">
        <v>-10.483160088387855</v>
      </c>
      <c r="D431">
        <v>2.3118855420431381</v>
      </c>
      <c r="E431" cm="1">
        <f t="array" ref="E431">INDEX(LINEST(C402:C460,$A402:$B460),1)*2</f>
        <v>6.4434571998406465E-2</v>
      </c>
      <c r="F431" cm="1">
        <f t="array" ref="F431">INDEX(LINEST(D402:D460,$A402:$B460),1)*2</f>
        <v>2.403730706517085E-3</v>
      </c>
      <c r="G431">
        <f t="shared" si="31"/>
        <v>3.7842424134664117</v>
      </c>
      <c r="H431">
        <f t="shared" si="32"/>
        <v>0.14117110439374839</v>
      </c>
      <c r="J431">
        <v>11.415258363929706</v>
      </c>
      <c r="K431">
        <v>2.4431911881429498</v>
      </c>
      <c r="L431" cm="1">
        <f t="array" ref="L431">INDEX(LINEST(J402:J460,$A402:$B460),1)*2</f>
        <v>-6.8912237142780677E-2</v>
      </c>
      <c r="M431" cm="1">
        <f t="array" ref="M431">INDEX(LINEST(K402:K460,$A402:$B460),1)*2</f>
        <v>-4.2730828245526866E-3</v>
      </c>
      <c r="N431">
        <f t="shared" si="33"/>
        <v>5.4178800841654171</v>
      </c>
      <c r="O431">
        <f t="shared" si="34"/>
        <v>0.33594977166633222</v>
      </c>
    </row>
    <row r="432" spans="1:15" x14ac:dyDescent="0.4">
      <c r="A432">
        <v>14.333333333333334</v>
      </c>
      <c r="B432">
        <f t="shared" si="30"/>
        <v>205.44444444444446</v>
      </c>
      <c r="C432">
        <v>-10.461298848645335</v>
      </c>
      <c r="D432">
        <v>2.3102016471219118</v>
      </c>
      <c r="E432" cm="1">
        <f t="array" ref="E432">INDEX(LINEST(C403:C461,$A403:$B461),1)*2</f>
        <v>6.3249583505779278E-2</v>
      </c>
      <c r="F432" cm="1">
        <f t="array" ref="F432">INDEX(LINEST(D403:D461,$A403:$B461),1)*2</f>
        <v>3.9777954892861013E-3</v>
      </c>
      <c r="G432">
        <f t="shared" si="31"/>
        <v>3.7146480392944166</v>
      </c>
      <c r="H432">
        <f t="shared" si="32"/>
        <v>0.23361592908577272</v>
      </c>
      <c r="J432">
        <v>11.399481494460229</v>
      </c>
      <c r="K432">
        <v>2.4437537424316909</v>
      </c>
      <c r="L432" cm="1">
        <f t="array" ref="L432">INDEX(LINEST(J403:J461,$A403:$B461),1)*2</f>
        <v>-6.6848932515236409E-2</v>
      </c>
      <c r="M432" cm="1">
        <f t="array" ref="M432">INDEX(LINEST(K403:K461,$A403:$B461),1)*2</f>
        <v>-3.3136967646686423E-3</v>
      </c>
      <c r="N432">
        <f t="shared" si="33"/>
        <v>5.2556630743478872</v>
      </c>
      <c r="O432">
        <f t="shared" si="34"/>
        <v>0.26052283963824868</v>
      </c>
    </row>
    <row r="433" spans="1:15" x14ac:dyDescent="0.4">
      <c r="A433">
        <v>14.366666666666667</v>
      </c>
      <c r="B433">
        <f t="shared" si="30"/>
        <v>206.40111111111113</v>
      </c>
      <c r="C433">
        <v>-10.439068509199243</v>
      </c>
      <c r="D433">
        <v>2.3136522620094246</v>
      </c>
      <c r="E433" cm="1">
        <f t="array" ref="E433">INDEX(LINEST(C404:C462,$A404:$B462),1)*2</f>
        <v>6.1633700593433538E-2</v>
      </c>
      <c r="F433" cm="1">
        <f t="array" ref="F433">INDEX(LINEST(D404:D462,$A404:$B462),1)*2</f>
        <v>5.5483131153933251E-3</v>
      </c>
      <c r="G433">
        <f t="shared" si="31"/>
        <v>3.6197472358523517</v>
      </c>
      <c r="H433">
        <f t="shared" si="32"/>
        <v>0.32585242926704999</v>
      </c>
      <c r="J433">
        <v>11.377909955484874</v>
      </c>
      <c r="K433">
        <v>2.4430771055579545</v>
      </c>
      <c r="L433" cm="1">
        <f t="array" ref="L433">INDEX(LINEST(J404:J462,$A404:$B462),1)*2</f>
        <v>-6.3167274791289293E-2</v>
      </c>
      <c r="M433" cm="1">
        <f t="array" ref="M433">INDEX(LINEST(K404:K462,$A404:$B462),1)*2</f>
        <v>-2.2693576137528875E-3</v>
      </c>
      <c r="N433">
        <f t="shared" si="33"/>
        <v>4.9662111440911643</v>
      </c>
      <c r="O433">
        <f t="shared" si="34"/>
        <v>0.17841689559325202</v>
      </c>
    </row>
    <row r="434" spans="1:15" x14ac:dyDescent="0.4">
      <c r="A434">
        <v>14.4</v>
      </c>
      <c r="B434">
        <f t="shared" si="30"/>
        <v>207.36</v>
      </c>
      <c r="C434">
        <v>-10.419787462404987</v>
      </c>
      <c r="D434">
        <v>2.3138927438037085</v>
      </c>
      <c r="E434" cm="1">
        <f t="array" ref="E434">INDEX(LINEST(C405:C463,$A405:$B463),1)*2</f>
        <v>6.2000619222200626E-2</v>
      </c>
      <c r="F434" cm="1">
        <f t="array" ref="F434">INDEX(LINEST(D405:D463,$A405:$B463),1)*2</f>
        <v>6.464478217525502E-3</v>
      </c>
      <c r="G434">
        <f t="shared" si="31"/>
        <v>3.6412963669198426</v>
      </c>
      <c r="H434">
        <f t="shared" si="32"/>
        <v>0.37965880571527272</v>
      </c>
      <c r="J434">
        <v>11.356836578331732</v>
      </c>
      <c r="K434">
        <v>2.4462673391183891</v>
      </c>
      <c r="L434" cm="1">
        <f t="array" ref="L434">INDEX(LINEST(J405:J463,$A405:$B463),1)*2</f>
        <v>-6.0254870077919319E-2</v>
      </c>
      <c r="M434" cm="1">
        <f t="array" ref="M434">INDEX(LINEST(K405:K463,$A405:$B463),1)*2</f>
        <v>-1.1475567774599251E-3</v>
      </c>
      <c r="N434">
        <f t="shared" si="33"/>
        <v>4.7372378855260173</v>
      </c>
      <c r="O434">
        <f t="shared" si="34"/>
        <v>9.0220913843899311E-2</v>
      </c>
    </row>
    <row r="435" spans="1:15" x14ac:dyDescent="0.4">
      <c r="A435">
        <v>14.433333333333334</v>
      </c>
      <c r="B435">
        <f t="shared" si="30"/>
        <v>208.32111111111112</v>
      </c>
      <c r="C435">
        <v>-10.400113638836364</v>
      </c>
      <c r="D435">
        <v>2.3161265075926205</v>
      </c>
      <c r="E435" cm="1">
        <f t="array" ref="E435">INDEX(LINEST(C406:C464,$A406:$B464),1)*2</f>
        <v>6.2926121107142158E-2</v>
      </c>
      <c r="F435" cm="1">
        <f t="array" ref="F435">INDEX(LINEST(D406:D464,$A406:$B464),1)*2</f>
        <v>7.1173507422800774E-3</v>
      </c>
      <c r="G435">
        <f t="shared" si="31"/>
        <v>3.6956510926224588</v>
      </c>
      <c r="H435">
        <f t="shared" si="32"/>
        <v>0.41800200909410895</v>
      </c>
      <c r="J435">
        <v>11.34130764176437</v>
      </c>
      <c r="K435">
        <v>2.4467450454600863</v>
      </c>
      <c r="L435" cm="1">
        <f t="array" ref="L435">INDEX(LINEST(J406:J464,$A406:$B464),1)*2</f>
        <v>-5.7908159995654643E-2</v>
      </c>
      <c r="M435" cm="1">
        <f t="array" ref="M435">INDEX(LINEST(K406:K464,$A406:$B464),1)*2</f>
        <v>-4.9343150807284925E-5</v>
      </c>
      <c r="N435">
        <f t="shared" si="33"/>
        <v>4.5527395388583685</v>
      </c>
      <c r="O435">
        <f t="shared" si="34"/>
        <v>3.8793585164687409E-3</v>
      </c>
    </row>
    <row r="436" spans="1:15" x14ac:dyDescent="0.4">
      <c r="A436">
        <v>14.466666666666667</v>
      </c>
      <c r="B436">
        <f t="shared" si="30"/>
        <v>209.28444444444446</v>
      </c>
      <c r="C436">
        <v>-10.37786519061431</v>
      </c>
      <c r="D436">
        <v>2.3161075494574734</v>
      </c>
      <c r="E436" cm="1">
        <f t="array" ref="E436">INDEX(LINEST(C407:C465,$A407:$B465),1)*2</f>
        <v>6.4039018006533333E-2</v>
      </c>
      <c r="F436" cm="1">
        <f t="array" ref="F436">INDEX(LINEST(D407:D465,$A407:$B465),1)*2</f>
        <v>6.6990606977121673E-3</v>
      </c>
      <c r="G436">
        <f t="shared" si="31"/>
        <v>3.7610115275237024</v>
      </c>
      <c r="H436">
        <f t="shared" si="32"/>
        <v>0.39343583477663557</v>
      </c>
      <c r="J436">
        <v>11.327441473777663</v>
      </c>
      <c r="K436">
        <v>2.4487279296241864</v>
      </c>
      <c r="L436" cm="1">
        <f t="array" ref="L436">INDEX(LINEST(J407:J465,$A407:$B465),1)*2</f>
        <v>-5.7038857483095326E-2</v>
      </c>
      <c r="M436" cm="1">
        <f t="array" ref="M436">INDEX(LINEST(K407:K465,$A407:$B465),1)*2</f>
        <v>7.0087466233737536E-4</v>
      </c>
      <c r="N436">
        <f t="shared" si="33"/>
        <v>4.4843949753209547</v>
      </c>
      <c r="O436">
        <f t="shared" si="34"/>
        <v>-5.5102765952964455E-2</v>
      </c>
    </row>
    <row r="437" spans="1:15" x14ac:dyDescent="0.4">
      <c r="A437">
        <v>14.5</v>
      </c>
      <c r="B437">
        <f t="shared" si="30"/>
        <v>210.25</v>
      </c>
      <c r="C437">
        <v>-10.359687407350057</v>
      </c>
      <c r="D437">
        <v>2.3192785258673334</v>
      </c>
      <c r="E437" cm="1">
        <f t="array" ref="E437">INDEX(LINEST(C408:C466,$A408:$B466),1)*2</f>
        <v>6.5698047373799473E-2</v>
      </c>
      <c r="F437" cm="1">
        <f t="array" ref="F437">INDEX(LINEST(D408:D466,$A408:$B466),1)*2</f>
        <v>6.479015685853926E-3</v>
      </c>
      <c r="G437">
        <f t="shared" si="31"/>
        <v>3.858446322263243</v>
      </c>
      <c r="H437">
        <f t="shared" si="32"/>
        <v>0.38051259123020104</v>
      </c>
      <c r="J437">
        <v>11.311072466216071</v>
      </c>
      <c r="K437">
        <v>2.4472192426450743</v>
      </c>
      <c r="L437" cm="1">
        <f t="array" ref="L437">INDEX(LINEST(J408:J466,$A408:$B466),1)*2</f>
        <v>-5.7407284232491369E-2</v>
      </c>
      <c r="M437" cm="1">
        <f t="array" ref="M437">INDEX(LINEST(K408:K466,$A408:$B466),1)*2</f>
        <v>1.5916245614750943E-3</v>
      </c>
      <c r="N437">
        <f t="shared" si="33"/>
        <v>4.5133606863584719</v>
      </c>
      <c r="O437">
        <f t="shared" si="34"/>
        <v>-0.12513352302317193</v>
      </c>
    </row>
    <row r="438" spans="1:15" x14ac:dyDescent="0.4">
      <c r="A438">
        <v>14.533333333333333</v>
      </c>
      <c r="B438">
        <f t="shared" si="30"/>
        <v>211.21777777777777</v>
      </c>
      <c r="C438">
        <v>-10.342635559637626</v>
      </c>
      <c r="D438">
        <v>2.3228929271255123</v>
      </c>
      <c r="E438" cm="1">
        <f t="array" ref="E438">INDEX(LINEST(C409:C467,$A409:$B467),1)*2</f>
        <v>6.7790589434815723E-2</v>
      </c>
      <c r="F438" cm="1">
        <f t="array" ref="F438">INDEX(LINEST(D409:D467,$A409:$B467),1)*2</f>
        <v>6.1338938099587187E-3</v>
      </c>
      <c r="G438">
        <f t="shared" si="31"/>
        <v>3.9813413175067272</v>
      </c>
      <c r="H438">
        <f t="shared" si="32"/>
        <v>0.36024358345887553</v>
      </c>
      <c r="J438">
        <v>11.293026621704643</v>
      </c>
      <c r="K438">
        <v>2.4527328495430774</v>
      </c>
      <c r="L438" cm="1">
        <f t="array" ref="L438">INDEX(LINEST(J409:J467,$A409:$B467),1)*2</f>
        <v>-5.8215901073322772E-2</v>
      </c>
      <c r="M438" cm="1">
        <f t="array" ref="M438">INDEX(LINEST(K409:K467,$A409:$B467),1)*2</f>
        <v>3.3807960009980143E-3</v>
      </c>
      <c r="N438">
        <f t="shared" si="33"/>
        <v>4.576934142384637</v>
      </c>
      <c r="O438">
        <f t="shared" si="34"/>
        <v>-0.26579818159846391</v>
      </c>
    </row>
    <row r="439" spans="1:15" x14ac:dyDescent="0.4">
      <c r="A439">
        <v>14.566666666666666</v>
      </c>
      <c r="B439">
        <f t="shared" si="30"/>
        <v>212.18777777777777</v>
      </c>
      <c r="C439">
        <v>-10.324028371136777</v>
      </c>
      <c r="D439">
        <v>2.3256787515342996</v>
      </c>
      <c r="E439" cm="1">
        <f t="array" ref="E439">INDEX(LINEST(C410:C468,$A410:$B468),1)*2</f>
        <v>6.8682480904592294E-2</v>
      </c>
      <c r="F439" cm="1">
        <f t="array" ref="F439">INDEX(LINEST(D410:D468,$A410:$B468),1)*2</f>
        <v>5.4687214470719794E-3</v>
      </c>
      <c r="G439">
        <f t="shared" si="31"/>
        <v>4.0337221035267055</v>
      </c>
      <c r="H439">
        <f t="shared" si="32"/>
        <v>0.32117801058653733</v>
      </c>
      <c r="J439">
        <v>11.276856477549119</v>
      </c>
      <c r="K439">
        <v>2.4553439461313986</v>
      </c>
      <c r="L439" cm="1">
        <f t="array" ref="L439">INDEX(LINEST(J410:J468,$A410:$B468),1)*2</f>
        <v>-5.911128398509486E-2</v>
      </c>
      <c r="M439" cm="1">
        <f t="array" ref="M439">INDEX(LINEST(K410:K468,$A410:$B468),1)*2</f>
        <v>4.9543112660717622E-3</v>
      </c>
      <c r="N439">
        <f t="shared" si="33"/>
        <v>4.6473291469081586</v>
      </c>
      <c r="O439">
        <f t="shared" si="34"/>
        <v>-0.38950795173856195</v>
      </c>
    </row>
    <row r="440" spans="1:15" x14ac:dyDescent="0.4">
      <c r="A440">
        <v>14.6</v>
      </c>
      <c r="B440">
        <f t="shared" si="30"/>
        <v>213.16</v>
      </c>
      <c r="C440">
        <v>-10.307040711819134</v>
      </c>
      <c r="D440">
        <v>2.3323616070324582</v>
      </c>
      <c r="E440" cm="1">
        <f t="array" ref="E440">INDEX(LINEST(C411:C469,$A411:$B469),1)*2</f>
        <v>7.029415238156754E-2</v>
      </c>
      <c r="F440" cm="1">
        <f t="array" ref="F440">INDEX(LINEST(D411:D469,$A411:$B469),1)*2</f>
        <v>5.5585138719763637E-3</v>
      </c>
      <c r="G440">
        <f t="shared" si="31"/>
        <v>4.128375569369461</v>
      </c>
      <c r="H440">
        <f t="shared" si="32"/>
        <v>0.32645151970117181</v>
      </c>
      <c r="J440">
        <v>11.259202414402376</v>
      </c>
      <c r="K440">
        <v>2.4580449230948926</v>
      </c>
      <c r="L440" cm="1">
        <f t="array" ref="L440">INDEX(LINEST(J411:J469,$A411:$B469),1)*2</f>
        <v>-5.9876104952359406E-2</v>
      </c>
      <c r="M440" cm="1">
        <f t="array" ref="M440">INDEX(LINEST(K411:K469,$A411:$B469),1)*2</f>
        <v>5.5327245335807769E-3</v>
      </c>
      <c r="N440">
        <f t="shared" si="33"/>
        <v>4.7074593713544965</v>
      </c>
      <c r="O440">
        <f t="shared" si="34"/>
        <v>-0.4349828028301207</v>
      </c>
    </row>
    <row r="441" spans="1:15" x14ac:dyDescent="0.4">
      <c r="A441">
        <v>14.633333333333333</v>
      </c>
      <c r="B441">
        <f t="shared" si="30"/>
        <v>214.13444444444443</v>
      </c>
      <c r="C441">
        <v>-10.286807233936834</v>
      </c>
      <c r="D441">
        <v>2.3384453530841798</v>
      </c>
      <c r="E441" cm="1">
        <f t="array" ref="E441">INDEX(LINEST(C412:C470,$A412:$B470),1)*2</f>
        <v>7.2137631472245389E-2</v>
      </c>
      <c r="F441" cm="1">
        <f t="array" ref="F441">INDEX(LINEST(D412:D470,$A412:$B470),1)*2</f>
        <v>5.6725134861226392E-3</v>
      </c>
      <c r="G441">
        <f t="shared" si="31"/>
        <v>4.2366430963649711</v>
      </c>
      <c r="H441">
        <f t="shared" si="32"/>
        <v>0.33314671703998261</v>
      </c>
      <c r="J441">
        <v>11.244923006210138</v>
      </c>
      <c r="K441">
        <v>2.4596324594005683</v>
      </c>
      <c r="L441" cm="1">
        <f t="array" ref="L441">INDEX(LINEST(J412:J470,$A412:$B470),1)*2</f>
        <v>-6.0943433375634626E-2</v>
      </c>
      <c r="M441" cm="1">
        <f t="array" ref="M441">INDEX(LINEST(K412:K470,$A412:$B470),1)*2</f>
        <v>6.1704837698323238E-3</v>
      </c>
      <c r="N441">
        <f t="shared" si="33"/>
        <v>4.7913727319923947</v>
      </c>
      <c r="O441">
        <f t="shared" si="34"/>
        <v>-0.48512343398421731</v>
      </c>
    </row>
    <row r="442" spans="1:15" x14ac:dyDescent="0.4">
      <c r="A442">
        <v>14.666666666666666</v>
      </c>
      <c r="B442">
        <f t="shared" si="30"/>
        <v>215.11111111111109</v>
      </c>
      <c r="C442">
        <v>-10.267838163687438</v>
      </c>
      <c r="D442">
        <v>2.3420844153386184</v>
      </c>
      <c r="E442" cm="1">
        <f t="array" ref="E442">INDEX(LINEST(C413:C471,$A413:$B471),1)*2</f>
        <v>7.2878509997362784E-2</v>
      </c>
      <c r="F442" cm="1">
        <f t="array" ref="F442">INDEX(LINEST(D413:D471,$A413:$B471),1)*2</f>
        <v>7.0740526126109255E-3</v>
      </c>
      <c r="G442">
        <f t="shared" si="31"/>
        <v>4.2801548921451165</v>
      </c>
      <c r="H442">
        <f t="shared" si="32"/>
        <v>0.4154591099386396</v>
      </c>
      <c r="J442">
        <v>11.226999924205179</v>
      </c>
      <c r="K442">
        <v>2.4627300590482935</v>
      </c>
      <c r="L442" cm="1">
        <f t="array" ref="L442">INDEX(LINEST(J413:J471,$A413:$B471),1)*2</f>
        <v>-6.1518815080529317E-2</v>
      </c>
      <c r="M442" cm="1">
        <f t="array" ref="M442">INDEX(LINEST(K413:K471,$A413:$B471),1)*2</f>
        <v>5.6900479177686043E-3</v>
      </c>
      <c r="N442">
        <f t="shared" si="33"/>
        <v>4.8366092416312148</v>
      </c>
      <c r="O442">
        <f t="shared" si="34"/>
        <v>-0.44735156729496772</v>
      </c>
    </row>
    <row r="443" spans="1:15" x14ac:dyDescent="0.4">
      <c r="A443">
        <v>14.7</v>
      </c>
      <c r="B443">
        <f t="shared" si="30"/>
        <v>216.08999999999997</v>
      </c>
      <c r="C443">
        <v>-10.246638532625452</v>
      </c>
      <c r="D443">
        <v>2.3404720964618035</v>
      </c>
      <c r="E443" cm="1">
        <f t="array" ref="E443">INDEX(LINEST(C414:C472,$A414:$B472),1)*2</f>
        <v>7.4721582911519896E-2</v>
      </c>
      <c r="F443" cm="1">
        <f t="array" ref="F443">INDEX(LINEST(D414:D472,$A414:$B472),1)*2</f>
        <v>7.7141262179470406E-3</v>
      </c>
      <c r="G443">
        <f t="shared" si="31"/>
        <v>4.3883985643935635</v>
      </c>
      <c r="H443">
        <f t="shared" si="32"/>
        <v>0.45305063278002966</v>
      </c>
      <c r="J443">
        <v>11.207857758519904</v>
      </c>
      <c r="K443">
        <v>2.4628609320490078</v>
      </c>
      <c r="L443" cm="1">
        <f t="array" ref="L443">INDEX(LINEST(J414:J472,$A414:$B472),1)*2</f>
        <v>-6.282259954212227E-2</v>
      </c>
      <c r="M443" cm="1">
        <f t="array" ref="M443">INDEX(LINEST(K414:K472,$A414:$B472),1)*2</f>
        <v>2.6252631514660147E-3</v>
      </c>
      <c r="N443">
        <f t="shared" si="33"/>
        <v>4.9391127760016529</v>
      </c>
      <c r="O443">
        <f t="shared" si="34"/>
        <v>-0.2063981889682581</v>
      </c>
    </row>
    <row r="444" spans="1:15" x14ac:dyDescent="0.4">
      <c r="A444">
        <v>14.733333333333333</v>
      </c>
      <c r="B444">
        <f t="shared" si="30"/>
        <v>217.07111111111109</v>
      </c>
      <c r="C444">
        <v>-10.223893217603269</v>
      </c>
      <c r="D444">
        <v>2.3426812134617863</v>
      </c>
      <c r="E444" cm="1">
        <f t="array" ref="E444">INDEX(LINEST(C415:C473,$A415:$B473),1)*2</f>
        <v>7.634762421952887E-2</v>
      </c>
      <c r="F444" cm="1">
        <f t="array" ref="F444">INDEX(LINEST(D415:D473,$A415:$B473),1)*2</f>
        <v>7.4897483716755905E-3</v>
      </c>
      <c r="G444">
        <f t="shared" si="31"/>
        <v>4.48389597041293</v>
      </c>
      <c r="H444">
        <f t="shared" si="32"/>
        <v>0.4398729218685074</v>
      </c>
      <c r="J444">
        <v>11.194068983573276</v>
      </c>
      <c r="K444">
        <v>2.4628648639247723</v>
      </c>
      <c r="L444" cm="1">
        <f t="array" ref="L444">INDEX(LINEST(J415:J473,$A415:$B473),1)*2</f>
        <v>-6.4385744248073154E-2</v>
      </c>
      <c r="M444" cm="1">
        <f t="array" ref="M444">INDEX(LINEST(K415:K473,$A415:$B473),1)*2</f>
        <v>-2.5080822333548237E-4</v>
      </c>
      <c r="N444">
        <f t="shared" si="33"/>
        <v>5.0620072127835121</v>
      </c>
      <c r="O444">
        <f t="shared" si="34"/>
        <v>1.9718542518635626E-2</v>
      </c>
    </row>
    <row r="445" spans="1:15" x14ac:dyDescent="0.4">
      <c r="A445">
        <v>14.766666666666667</v>
      </c>
      <c r="B445">
        <f t="shared" si="30"/>
        <v>218.05444444444447</v>
      </c>
      <c r="C445">
        <v>-10.204640443975407</v>
      </c>
      <c r="D445">
        <v>2.3405160164812457</v>
      </c>
      <c r="E445" cm="1">
        <f t="array" ref="E445">INDEX(LINEST(C416:C474,$A416:$B474),1)*2</f>
        <v>7.6356408411307905E-2</v>
      </c>
      <c r="F445" cm="1">
        <f t="array" ref="F445">INDEX(LINEST(D416:D474,$A416:$B474),1)*2</f>
        <v>4.515558764630969E-3</v>
      </c>
      <c r="G445">
        <f t="shared" si="31"/>
        <v>4.4844118659961127</v>
      </c>
      <c r="H445">
        <f t="shared" si="32"/>
        <v>0.2651987662467768</v>
      </c>
      <c r="J445">
        <v>11.175183556156195</v>
      </c>
      <c r="K445">
        <v>2.463532548661493</v>
      </c>
      <c r="L445" cm="1">
        <f t="array" ref="L445">INDEX(LINEST(J416:J474,$A416:$B474),1)*2</f>
        <v>-6.7361007184557037E-2</v>
      </c>
      <c r="M445" cm="1">
        <f t="array" ref="M445">INDEX(LINEST(K416:K474,$A416:$B474),1)*2</f>
        <v>-2.3384313148645409E-3</v>
      </c>
      <c r="N445">
        <f t="shared" si="33"/>
        <v>5.2959223848498747</v>
      </c>
      <c r="O445">
        <f t="shared" si="34"/>
        <v>0.18384746997465021</v>
      </c>
    </row>
    <row r="446" spans="1:15" x14ac:dyDescent="0.4">
      <c r="A446">
        <v>14.8</v>
      </c>
      <c r="B446">
        <f t="shared" si="30"/>
        <v>219.04000000000002</v>
      </c>
      <c r="C446">
        <v>-10.178554588184799</v>
      </c>
      <c r="D446">
        <v>2.346218983769786</v>
      </c>
      <c r="E446" cm="1">
        <f t="array" ref="E446">INDEX(LINEST(C417:C475,$A417:$B475),1)*2</f>
        <v>7.6758963460487009E-2</v>
      </c>
      <c r="F446" cm="1">
        <f t="array" ref="F446">INDEX(LINEST(D417:D475,$A417:$B475),1)*2</f>
        <v>1.4223444871533308E-3</v>
      </c>
      <c r="G446">
        <f t="shared" si="31"/>
        <v>4.5080539240344022</v>
      </c>
      <c r="H446">
        <f t="shared" si="32"/>
        <v>8.3534291730515117E-2</v>
      </c>
      <c r="J446">
        <v>11.160111380734136</v>
      </c>
      <c r="K446">
        <v>2.4648722007789008</v>
      </c>
      <c r="L446" cm="1">
        <f t="array" ref="L446">INDEX(LINEST(J417:J475,$A417:$B475),1)*2</f>
        <v>-6.9891849563971264E-2</v>
      </c>
      <c r="M446" cm="1">
        <f t="array" ref="M446">INDEX(LINEST(K417:K475,$A417:$B475),1)*2</f>
        <v>-2.9168413837580265E-3</v>
      </c>
      <c r="N446">
        <f t="shared" si="33"/>
        <v>5.4948972127194216</v>
      </c>
      <c r="O446">
        <f t="shared" si="34"/>
        <v>0.22932206959105605</v>
      </c>
    </row>
    <row r="447" spans="1:15" x14ac:dyDescent="0.4">
      <c r="A447">
        <v>14.833333333333334</v>
      </c>
      <c r="B447">
        <f t="shared" si="30"/>
        <v>220.0277777777778</v>
      </c>
      <c r="C447">
        <v>-10.161199221447115</v>
      </c>
      <c r="D447">
        <v>2.3472993446501902</v>
      </c>
      <c r="E447" cm="1">
        <f t="array" ref="E447">INDEX(LINEST(C418:C476,$A418:$B476),1)*2</f>
        <v>7.7364773411340765E-2</v>
      </c>
      <c r="F447" cm="1">
        <f t="array" ref="F447">INDEX(LINEST(D418:D476,$A418:$B476),1)*2</f>
        <v>-2.1419303743130374E-3</v>
      </c>
      <c r="G447">
        <f t="shared" si="31"/>
        <v>4.5436331424480425</v>
      </c>
      <c r="H447">
        <f t="shared" si="32"/>
        <v>-0.12579557088340468</v>
      </c>
      <c r="J447">
        <v>11.143248495129424</v>
      </c>
      <c r="K447">
        <v>2.4678428084232853</v>
      </c>
      <c r="L447" cm="1">
        <f t="array" ref="L447">INDEX(LINEST(J418:J476,$A418:$B476),1)*2</f>
        <v>-7.150934137446581E-2</v>
      </c>
      <c r="M447" cm="1">
        <f t="array" ref="M447">INDEX(LINEST(K418:K476,$A418:$B476),1)*2</f>
        <v>-3.5757687134804397E-3</v>
      </c>
      <c r="N447">
        <f t="shared" si="33"/>
        <v>5.6220644188605027</v>
      </c>
      <c r="O447">
        <f t="shared" si="34"/>
        <v>0.28112693625383217</v>
      </c>
    </row>
    <row r="448" spans="1:15" x14ac:dyDescent="0.4">
      <c r="A448">
        <v>14.866666666666667</v>
      </c>
      <c r="B448">
        <f t="shared" si="30"/>
        <v>221.01777777777778</v>
      </c>
      <c r="C448">
        <v>-10.138588812516028</v>
      </c>
      <c r="D448">
        <v>2.3469395708507723</v>
      </c>
      <c r="E448" cm="1">
        <f t="array" ref="E448">INDEX(LINEST(C419:C477,$A419:$B477),1)*2</f>
        <v>7.9008135153485162E-2</v>
      </c>
      <c r="F448" cm="1">
        <f t="array" ref="F448">INDEX(LINEST(D419:D477,$A419:$B477),1)*2</f>
        <v>-4.2406300640038929E-3</v>
      </c>
      <c r="G448">
        <f t="shared" si="31"/>
        <v>4.6401477775641835</v>
      </c>
      <c r="H448">
        <f t="shared" si="32"/>
        <v>-0.24905220365894862</v>
      </c>
      <c r="J448">
        <v>11.120287627386212</v>
      </c>
      <c r="K448">
        <v>2.4672871803248961</v>
      </c>
      <c r="L448" cm="1">
        <f t="array" ref="L448">INDEX(LINEST(J419:J477,$A419:$B477),1)*2</f>
        <v>-7.2670930800985675E-2</v>
      </c>
      <c r="M448" cm="1">
        <f t="array" ref="M448">INDEX(LINEST(K419:K477,$A419:$B477),1)*2</f>
        <v>-5.1274671285300184E-3</v>
      </c>
      <c r="N448">
        <f t="shared" si="33"/>
        <v>5.7133885795734942</v>
      </c>
      <c r="O448">
        <f t="shared" si="34"/>
        <v>0.40312146564503004</v>
      </c>
    </row>
    <row r="449" spans="1:15" x14ac:dyDescent="0.4">
      <c r="A449">
        <v>14.9</v>
      </c>
      <c r="B449">
        <f t="shared" si="30"/>
        <v>222.01000000000002</v>
      </c>
      <c r="C449">
        <v>-10.1150111391627</v>
      </c>
      <c r="D449">
        <v>2.3489791484260598</v>
      </c>
      <c r="E449" cm="1">
        <f t="array" ref="E449">INDEX(LINEST(C420:C478,$A420:$B478),1)*2</f>
        <v>7.9581804991724833E-2</v>
      </c>
      <c r="F449" cm="1">
        <f t="array" ref="F449">INDEX(LINEST(D420:D478,$A420:$B478),1)*2</f>
        <v>-6.4676498897478793E-3</v>
      </c>
      <c r="G449">
        <f t="shared" si="31"/>
        <v>4.6738394071639995</v>
      </c>
      <c r="H449">
        <f t="shared" si="32"/>
        <v>-0.37984507802489292</v>
      </c>
      <c r="J449">
        <v>11.105663893387222</v>
      </c>
      <c r="K449">
        <v>2.4675896594596547</v>
      </c>
      <c r="L449" cm="1">
        <f t="array" ref="L449">INDEX(LINEST(J420:J478,$A420:$B478),1)*2</f>
        <v>-7.3302980192945497E-2</v>
      </c>
      <c r="M449" cm="1">
        <f t="array" ref="M449">INDEX(LINEST(K420:K478,$A420:$B478),1)*2</f>
        <v>-6.4638472116542089E-3</v>
      </c>
      <c r="N449">
        <f t="shared" si="33"/>
        <v>5.7630803027693753</v>
      </c>
      <c r="O449">
        <f t="shared" si="34"/>
        <v>0.50818766778025393</v>
      </c>
    </row>
    <row r="450" spans="1:15" x14ac:dyDescent="0.4">
      <c r="A450">
        <v>14.933333333333334</v>
      </c>
      <c r="B450">
        <f t="shared" si="30"/>
        <v>223.00444444444446</v>
      </c>
      <c r="C450">
        <v>-10.09489059812641</v>
      </c>
      <c r="D450">
        <v>2.3487086903194214</v>
      </c>
      <c r="E450" cm="1">
        <f t="array" ref="E450">INDEX(LINEST(C421:C479,$A421:$B479),1)*2</f>
        <v>7.9887572550623231E-2</v>
      </c>
      <c r="F450" cm="1">
        <f t="array" ref="F450">INDEX(LINEST(D421:D479,$A421:$B479),1)*2</f>
        <v>-6.6629977606383461E-3</v>
      </c>
      <c r="G450">
        <f t="shared" si="31"/>
        <v>4.6917971358981019</v>
      </c>
      <c r="H450">
        <f t="shared" si="32"/>
        <v>-0.39131785848229006</v>
      </c>
      <c r="J450">
        <v>11.090352518327888</v>
      </c>
      <c r="K450">
        <v>2.4644100767868213</v>
      </c>
      <c r="L450" cm="1">
        <f t="array" ref="L450">INDEX(LINEST(J421:J479,$A421:$B479),1)*2</f>
        <v>-7.3826908879333034E-2</v>
      </c>
      <c r="M450" cm="1">
        <f t="array" ref="M450">INDEX(LINEST(K421:K479,$A421:$B479),1)*2</f>
        <v>-7.0379203652875533E-3</v>
      </c>
      <c r="N450">
        <f t="shared" si="33"/>
        <v>5.8042715760931634</v>
      </c>
      <c r="O450">
        <f t="shared" si="34"/>
        <v>0.55332129911890748</v>
      </c>
    </row>
    <row r="451" spans="1:15" x14ac:dyDescent="0.4">
      <c r="A451">
        <v>14.966666666666667</v>
      </c>
      <c r="B451">
        <f t="shared" ref="B451:B514" si="35">A451^2</f>
        <v>224.0011111111111</v>
      </c>
      <c r="C451">
        <v>-10.076528461203418</v>
      </c>
      <c r="D451">
        <v>2.3519771296266878</v>
      </c>
      <c r="E451" cm="1">
        <f t="array" ref="E451">INDEX(LINEST(C422:C480,$A422:$B480),1)*2</f>
        <v>8.03263087687862E-2</v>
      </c>
      <c r="F451" cm="1">
        <f t="array" ref="F451">INDEX(LINEST(D422:D480,$A422:$B480),1)*2</f>
        <v>-7.3653098413518983E-3</v>
      </c>
      <c r="G451">
        <f t="shared" si="31"/>
        <v>4.7175641139908135</v>
      </c>
      <c r="H451">
        <f t="shared" si="32"/>
        <v>-0.43256464698259695</v>
      </c>
      <c r="J451">
        <v>11.073826605511316</v>
      </c>
      <c r="K451">
        <v>2.4657285763720953</v>
      </c>
      <c r="L451" cm="1">
        <f t="array" ref="L451">INDEX(LINEST(J422:J480,$A422:$B480),1)*2</f>
        <v>-7.4803902742579864E-2</v>
      </c>
      <c r="M451" cm="1">
        <f t="array" ref="M451">INDEX(LINEST(K422:K480,$A422:$B480),1)*2</f>
        <v>-7.6107727573719889E-3</v>
      </c>
      <c r="N451">
        <f t="shared" si="33"/>
        <v>5.8810828336216296</v>
      </c>
      <c r="O451">
        <f t="shared" si="34"/>
        <v>0.59835895418458585</v>
      </c>
    </row>
    <row r="452" spans="1:15" x14ac:dyDescent="0.4">
      <c r="A452">
        <v>15</v>
      </c>
      <c r="B452">
        <f t="shared" si="35"/>
        <v>225</v>
      </c>
      <c r="C452">
        <v>-10.057555124036053</v>
      </c>
      <c r="D452">
        <v>2.355627396301387</v>
      </c>
      <c r="E452" cm="1">
        <f t="array" ref="E452">INDEX(LINEST(C423:C481,$A423:$B481),1)*2</f>
        <v>7.9775813061417969E-2</v>
      </c>
      <c r="F452" cm="1">
        <f t="array" ref="F452">INDEX(LINEST(D423:D481,$A423:$B481),1)*2</f>
        <v>-6.7267215057775307E-3</v>
      </c>
      <c r="G452">
        <f t="shared" si="31"/>
        <v>4.6852335010970769</v>
      </c>
      <c r="H452">
        <f t="shared" si="32"/>
        <v>-0.39506035403431433</v>
      </c>
      <c r="J452">
        <v>11.054612089186824</v>
      </c>
      <c r="K452">
        <v>2.4678648390064679</v>
      </c>
      <c r="L452" cm="1">
        <f t="array" ref="L452">INDEX(LINEST(J423:J481,$A423:$B481),1)*2</f>
        <v>-7.868880688856604E-2</v>
      </c>
      <c r="M452" cm="1">
        <f t="array" ref="M452">INDEX(LINEST(K423:K481,$A423:$B481),1)*2</f>
        <v>-8.6009694224064188E-3</v>
      </c>
      <c r="N452">
        <f t="shared" si="33"/>
        <v>6.1865139975790626</v>
      </c>
      <c r="O452">
        <f t="shared" si="34"/>
        <v>0.67620821598959269</v>
      </c>
    </row>
    <row r="453" spans="1:15" x14ac:dyDescent="0.4">
      <c r="A453">
        <v>15.033333333333333</v>
      </c>
      <c r="B453">
        <f t="shared" si="35"/>
        <v>226.0011111111111</v>
      </c>
      <c r="C453">
        <v>-10.038896837572103</v>
      </c>
      <c r="D453">
        <v>2.3551786433252189</v>
      </c>
      <c r="E453" cm="1">
        <f t="array" ref="E453">INDEX(LINEST(C424:C482,$A424:$B482),1)*2</f>
        <v>8.0386564083527248E-2</v>
      </c>
      <c r="F453" cm="1">
        <f t="array" ref="F453">INDEX(LINEST(D424:D482,$A424:$B482),1)*2</f>
        <v>-6.8064696112814533E-3</v>
      </c>
      <c r="G453">
        <f t="shared" si="31"/>
        <v>4.7211029086255554</v>
      </c>
      <c r="H453">
        <f t="shared" si="32"/>
        <v>-0.39974396027055975</v>
      </c>
      <c r="J453">
        <v>11.035236476419497</v>
      </c>
      <c r="K453">
        <v>2.4695142243634174</v>
      </c>
      <c r="L453" cm="1">
        <f t="array" ref="L453">INDEX(LINEST(J424:J482,$A424:$B482),1)*2</f>
        <v>-8.0867349052319806E-2</v>
      </c>
      <c r="M453" cm="1">
        <f t="array" ref="M453">INDEX(LINEST(K424:K482,$A424:$B482),1)*2</f>
        <v>-8.4893720842531013E-3</v>
      </c>
      <c r="N453">
        <f t="shared" si="33"/>
        <v>6.3577909824933831</v>
      </c>
      <c r="O453">
        <f t="shared" si="34"/>
        <v>0.66743443326397889</v>
      </c>
    </row>
    <row r="454" spans="1:15" x14ac:dyDescent="0.4">
      <c r="A454">
        <v>15.066666666666666</v>
      </c>
      <c r="B454">
        <f t="shared" si="35"/>
        <v>227.00444444444443</v>
      </c>
      <c r="C454">
        <v>-10.012401059225201</v>
      </c>
      <c r="D454">
        <v>2.354692653384916</v>
      </c>
      <c r="E454" cm="1">
        <f t="array" ref="E454">INDEX(LINEST(C425:C483,$A425:$B483),1)*2</f>
        <v>7.9527047855449631E-2</v>
      </c>
      <c r="F454" cm="1">
        <f t="array" ref="F454">INDEX(LINEST(D425:D483,$A425:$B483),1)*2</f>
        <v>-8.0708965135055672E-3</v>
      </c>
      <c r="G454">
        <f t="shared" si="31"/>
        <v>4.6706235205505564</v>
      </c>
      <c r="H454">
        <f t="shared" si="32"/>
        <v>-0.47400375223818192</v>
      </c>
      <c r="J454">
        <v>11.024196181474295</v>
      </c>
      <c r="K454">
        <v>2.4679017762978308</v>
      </c>
      <c r="L454" cm="1">
        <f t="array" ref="L454">INDEX(LINEST(J425:J483,$A425:$B483),1)*2</f>
        <v>-8.2936836349713772E-2</v>
      </c>
      <c r="M454" cm="1">
        <f t="array" ref="M454">INDEX(LINEST(K425:K483,$A425:$B483),1)*2</f>
        <v>-7.9278597041790872E-3</v>
      </c>
      <c r="N454">
        <f t="shared" si="33"/>
        <v>6.520494073814497</v>
      </c>
      <c r="O454">
        <f t="shared" si="34"/>
        <v>0.62328832994255989</v>
      </c>
    </row>
    <row r="455" spans="1:15" x14ac:dyDescent="0.4">
      <c r="A455">
        <v>15.1</v>
      </c>
      <c r="B455">
        <f t="shared" si="35"/>
        <v>228.01</v>
      </c>
      <c r="C455">
        <v>-9.9915972100826345</v>
      </c>
      <c r="D455">
        <v>2.3581509806779111</v>
      </c>
      <c r="E455" cm="1">
        <f t="array" ref="E455">INDEX(LINEST(C426:C484,$A426:$B484),1)*2</f>
        <v>7.993376394083121E-2</v>
      </c>
      <c r="F455" cm="1">
        <f t="array" ref="F455">INDEX(LINEST(D426:D484,$A426:$B484),1)*2</f>
        <v>-9.3082761942759884E-3</v>
      </c>
      <c r="G455">
        <f t="shared" si="31"/>
        <v>4.6945099562450165</v>
      </c>
      <c r="H455">
        <f t="shared" si="32"/>
        <v>-0.54667506088982876</v>
      </c>
      <c r="J455">
        <v>11.00920727507331</v>
      </c>
      <c r="K455">
        <v>2.4662409091447448</v>
      </c>
      <c r="L455" cm="1">
        <f t="array" ref="L455">INDEX(LINEST(J426:J484,$A426:$B484),1)*2</f>
        <v>-8.3257141772311277E-2</v>
      </c>
      <c r="M455" cm="1">
        <f t="array" ref="M455">INDEX(LINEST(K426:K484,$A426:$B484),1)*2</f>
        <v>-9.1721512084781305E-3</v>
      </c>
      <c r="N455">
        <f t="shared" si="33"/>
        <v>6.5456764861391132</v>
      </c>
      <c r="O455">
        <f t="shared" si="34"/>
        <v>0.72111452801055065</v>
      </c>
    </row>
    <row r="456" spans="1:15" x14ac:dyDescent="0.4">
      <c r="A456">
        <v>15.133333333333333</v>
      </c>
      <c r="B456">
        <f t="shared" si="35"/>
        <v>229.01777777777775</v>
      </c>
      <c r="C456">
        <v>-9.9694571393038114</v>
      </c>
      <c r="D456">
        <v>2.3576434616817652</v>
      </c>
      <c r="E456" cm="1">
        <f t="array" ref="E456">INDEX(LINEST(C427:C485,$A427:$B485),1)*2</f>
        <v>7.953398074526348E-2</v>
      </c>
      <c r="F456" cm="1">
        <f t="array" ref="F456">INDEX(LINEST(D427:D485,$A427:$B485),1)*2</f>
        <v>-1.1144186446597074E-2</v>
      </c>
      <c r="G456">
        <f t="shared" si="31"/>
        <v>4.6710306891693243</v>
      </c>
      <c r="H456">
        <f t="shared" si="32"/>
        <v>-0.65449807000864613</v>
      </c>
      <c r="J456">
        <v>10.993067533469276</v>
      </c>
      <c r="K456">
        <v>2.4679514191645042</v>
      </c>
      <c r="L456" cm="1">
        <f t="array" ref="L456">INDEX(LINEST(J427:J485,$A427:$B485),1)*2</f>
        <v>-8.4457432329408125E-2</v>
      </c>
      <c r="M456" cm="1">
        <f t="array" ref="M456">INDEX(LINEST(K427:K485,$A427:$B485),1)*2</f>
        <v>-9.3728845311962603E-3</v>
      </c>
      <c r="N456">
        <f t="shared" si="33"/>
        <v>6.6400433297380674</v>
      </c>
      <c r="O456">
        <f t="shared" si="34"/>
        <v>0.73689618184265004</v>
      </c>
    </row>
    <row r="457" spans="1:15" x14ac:dyDescent="0.4">
      <c r="A457">
        <v>15.166666666666666</v>
      </c>
      <c r="B457">
        <f t="shared" si="35"/>
        <v>230.02777777777777</v>
      </c>
      <c r="C457">
        <v>-9.9461903941358418</v>
      </c>
      <c r="D457">
        <v>2.3642470112536236</v>
      </c>
      <c r="E457" cm="1">
        <f t="array" ref="E457">INDEX(LINEST(C428:C486,$A428:$B486),1)*2</f>
        <v>8.0000887999216744E-2</v>
      </c>
      <c r="F457" cm="1">
        <f t="array" ref="F457">INDEX(LINEST(D428:D486,$A428:$B486),1)*2</f>
        <v>-1.1060933877234835E-2</v>
      </c>
      <c r="G457">
        <f t="shared" si="31"/>
        <v>4.6984521521939993</v>
      </c>
      <c r="H457">
        <f t="shared" si="32"/>
        <v>-0.64960864661000184</v>
      </c>
      <c r="J457">
        <v>10.97306930475283</v>
      </c>
      <c r="K457">
        <v>2.4698998626335551</v>
      </c>
      <c r="L457" cm="1">
        <f t="array" ref="L457">INDEX(LINEST(J428:J486,$A428:$B486),1)*2</f>
        <v>-8.6073025235516784E-2</v>
      </c>
      <c r="M457" cm="1">
        <f t="array" ref="M457">INDEX(LINEST(K428:K486,$A428:$B486),1)*2</f>
        <v>-9.3276037956502005E-3</v>
      </c>
      <c r="N457">
        <f t="shared" si="33"/>
        <v>6.7670612440163298</v>
      </c>
      <c r="O457">
        <f t="shared" si="34"/>
        <v>0.73333621041401875</v>
      </c>
    </row>
    <row r="458" spans="1:15" x14ac:dyDescent="0.4">
      <c r="A458">
        <v>15.2</v>
      </c>
      <c r="B458">
        <f t="shared" si="35"/>
        <v>231.04</v>
      </c>
      <c r="C458">
        <v>-9.9268674849490939</v>
      </c>
      <c r="D458">
        <v>2.3634504826633069</v>
      </c>
      <c r="E458" cm="1">
        <f t="array" ref="E458">INDEX(LINEST(C429:C487,$A429:$B487),1)*2</f>
        <v>8.1824400508304793E-2</v>
      </c>
      <c r="F458" cm="1">
        <f t="array" ref="F458">INDEX(LINEST(D429:D487,$A429:$B487),1)*2</f>
        <v>-1.1863693834626597E-2</v>
      </c>
      <c r="G458">
        <f t="shared" si="31"/>
        <v>4.8055470418527406</v>
      </c>
      <c r="H458">
        <f t="shared" si="32"/>
        <v>-0.69675473890761996</v>
      </c>
      <c r="J458">
        <v>10.956408095535121</v>
      </c>
      <c r="K458">
        <v>2.474353990858118</v>
      </c>
      <c r="L458" cm="1">
        <f t="array" ref="L458">INDEX(LINEST(J429:J487,$A429:$B487),1)*2</f>
        <v>-8.7308655792216583E-2</v>
      </c>
      <c r="M458" cm="1">
        <f t="array" ref="M458">INDEX(LINEST(K429:K487,$A429:$B487),1)*2</f>
        <v>-7.9735214299088749E-3</v>
      </c>
      <c r="N458">
        <f t="shared" si="33"/>
        <v>6.8642065183840684</v>
      </c>
      <c r="O458">
        <f t="shared" si="34"/>
        <v>0.62687825481943582</v>
      </c>
    </row>
    <row r="459" spans="1:15" x14ac:dyDescent="0.4">
      <c r="A459">
        <v>15.233333333333333</v>
      </c>
      <c r="B459">
        <f t="shared" si="35"/>
        <v>232.05444444444441</v>
      </c>
      <c r="C459">
        <v>-9.9097660523372326</v>
      </c>
      <c r="D459">
        <v>2.3672177205466154</v>
      </c>
      <c r="E459" cm="1">
        <f t="array" ref="E459">INDEX(LINEST(C430:C488,$A430:$B488),1)*2</f>
        <v>8.3615955368745554E-2</v>
      </c>
      <c r="F459" cm="1">
        <f t="array" ref="F459">INDEX(LINEST(D430:D488,$A430:$B488),1)*2</f>
        <v>-1.217415253100783E-2</v>
      </c>
      <c r="G459">
        <f t="shared" si="31"/>
        <v>4.910765058806426</v>
      </c>
      <c r="H459">
        <f t="shared" si="32"/>
        <v>-0.71498797814608983</v>
      </c>
      <c r="J459">
        <v>10.93536552629406</v>
      </c>
      <c r="K459">
        <v>2.476304071950588</v>
      </c>
      <c r="L459" cm="1">
        <f t="array" ref="L459">INDEX(LINEST(J430:J488,$A430:$B488),1)*2</f>
        <v>-8.826467114017561E-2</v>
      </c>
      <c r="M459" cm="1">
        <f t="array" ref="M459">INDEX(LINEST(K430:K488,$A430:$B488),1)*2</f>
        <v>-6.5083757361704044E-3</v>
      </c>
      <c r="N459">
        <f t="shared" si="33"/>
        <v>6.939368445040607</v>
      </c>
      <c r="O459">
        <f t="shared" si="34"/>
        <v>0.51168850037771718</v>
      </c>
    </row>
    <row r="460" spans="1:15" x14ac:dyDescent="0.4">
      <c r="A460">
        <v>15.266666666666667</v>
      </c>
      <c r="B460">
        <f t="shared" si="35"/>
        <v>233.07111111111112</v>
      </c>
      <c r="C460">
        <v>-9.8861817247571988</v>
      </c>
      <c r="D460">
        <v>2.365256407187188</v>
      </c>
      <c r="E460" cm="1">
        <f t="array" ref="E460">INDEX(LINEST(C431:C489,$A431:$B489),1)*2</f>
        <v>8.5085067757507793E-2</v>
      </c>
      <c r="F460" cm="1">
        <f t="array" ref="F460">INDEX(LINEST(D431:D489,$A431:$B489),1)*2</f>
        <v>-1.2727457411137401E-2</v>
      </c>
      <c r="G460">
        <f t="shared" si="31"/>
        <v>4.9970460293984322</v>
      </c>
      <c r="H460">
        <f t="shared" si="32"/>
        <v>-0.74748357375609953</v>
      </c>
      <c r="J460">
        <v>10.918175885873906</v>
      </c>
      <c r="K460">
        <v>2.4802044891202857</v>
      </c>
      <c r="L460" cm="1">
        <f t="array" ref="L460">INDEX(LINEST(J431:J489,$A431:$B489),1)*2</f>
        <v>-8.8653924994137781E-2</v>
      </c>
      <c r="M460" cm="1">
        <f t="array" ref="M460">INDEX(LINEST(K431:K489,$A431:$B489),1)*2</f>
        <v>-6.0141602120615274E-3</v>
      </c>
      <c r="N460">
        <f t="shared" si="33"/>
        <v>6.9699715830391131</v>
      </c>
      <c r="O460">
        <f t="shared" si="34"/>
        <v>0.4728332758722773</v>
      </c>
    </row>
    <row r="461" spans="1:15" x14ac:dyDescent="0.4">
      <c r="A461">
        <v>15.3</v>
      </c>
      <c r="B461">
        <f t="shared" si="35"/>
        <v>234.09000000000003</v>
      </c>
      <c r="C461">
        <v>-9.8618762441304817</v>
      </c>
      <c r="D461">
        <v>2.3696828096101172</v>
      </c>
      <c r="E461" cm="1">
        <f t="array" ref="E461">INDEX(LINEST(C432:C490,$A432:$B490),1)*2</f>
        <v>8.7278041580101051E-2</v>
      </c>
      <c r="F461" cm="1">
        <f t="array" ref="F461">INDEX(LINEST(D432:D490,$A432:$B490),1)*2</f>
        <v>-1.1972798161400774E-2</v>
      </c>
      <c r="G461">
        <f t="shared" si="31"/>
        <v>5.1258393819993344</v>
      </c>
      <c r="H461">
        <f t="shared" si="32"/>
        <v>-0.70316243601906747</v>
      </c>
      <c r="J461">
        <v>10.899350081149397</v>
      </c>
      <c r="K461">
        <v>2.4839402487541964</v>
      </c>
      <c r="L461" cm="1">
        <f t="array" ref="L461">INDEX(LINEST(J432:J490,$A432:$B490),1)*2</f>
        <v>-8.8944349062311648E-2</v>
      </c>
      <c r="M461" cm="1">
        <f t="array" ref="M461">INDEX(LINEST(K432:K490,$A432:$B490),1)*2</f>
        <v>-6.6232392488626713E-3</v>
      </c>
      <c r="N461">
        <f t="shared" si="33"/>
        <v>6.9928047232789421</v>
      </c>
      <c r="O461">
        <f t="shared" si="34"/>
        <v>0.52071906974558324</v>
      </c>
    </row>
    <row r="462" spans="1:15" x14ac:dyDescent="0.4">
      <c r="A462">
        <v>15.333333333333334</v>
      </c>
      <c r="B462">
        <f t="shared" si="35"/>
        <v>235.11111111111114</v>
      </c>
      <c r="C462">
        <v>-9.8391730121255172</v>
      </c>
      <c r="D462">
        <v>2.3661597169692574</v>
      </c>
      <c r="E462" cm="1">
        <f t="array" ref="E462">INDEX(LINEST(C433:C491,$A433:$B491),1)*2</f>
        <v>8.8687118054850966E-2</v>
      </c>
      <c r="F462" cm="1">
        <f t="array" ref="F462">INDEX(LINEST(D433:D491,$A433:$B491),1)*2</f>
        <v>-1.0287890225685721E-2</v>
      </c>
      <c r="G462">
        <f t="shared" si="31"/>
        <v>5.2085944433613971</v>
      </c>
      <c r="H462">
        <f t="shared" si="32"/>
        <v>-0.60420779295452232</v>
      </c>
      <c r="J462">
        <v>10.885186784514616</v>
      </c>
      <c r="K462">
        <v>2.4862312025870299</v>
      </c>
      <c r="L462" cm="1">
        <f t="array" ref="L462">INDEX(LINEST(J433:J491,$A433:$B491),1)*2</f>
        <v>-8.9557152358206604E-2</v>
      </c>
      <c r="M462" cm="1">
        <f t="array" ref="M462">INDEX(LINEST(K433:K491,$A433:$B491),1)*2</f>
        <v>-6.2524650004413896E-3</v>
      </c>
      <c r="N462">
        <f t="shared" si="33"/>
        <v>7.0409833184022039</v>
      </c>
      <c r="O462">
        <f t="shared" si="34"/>
        <v>0.49156879833470207</v>
      </c>
    </row>
    <row r="463" spans="1:15" x14ac:dyDescent="0.4">
      <c r="A463">
        <v>15.366666666666667</v>
      </c>
      <c r="B463">
        <f t="shared" si="35"/>
        <v>236.13444444444445</v>
      </c>
      <c r="C463">
        <v>-9.8132922713368522</v>
      </c>
      <c r="D463">
        <v>2.3692918260973439</v>
      </c>
      <c r="E463" cm="1">
        <f t="array" ref="E463">INDEX(LINEST(C434:C492,$A434:$B492),1)*2</f>
        <v>8.9330518321147259E-2</v>
      </c>
      <c r="F463" cm="1">
        <f t="array" ref="F463">INDEX(LINEST(D434:D492,$A434:$B492),1)*2</f>
        <v>-9.6665510918498322E-3</v>
      </c>
      <c r="G463">
        <f t="shared" si="31"/>
        <v>5.2463813410009781</v>
      </c>
      <c r="H463">
        <f t="shared" si="32"/>
        <v>-0.5677165456243406</v>
      </c>
      <c r="J463">
        <v>10.86342329638315</v>
      </c>
      <c r="K463">
        <v>2.4881378479679341</v>
      </c>
      <c r="L463" cm="1">
        <f t="array" ref="L463">INDEX(LINEST(J434:J492,$A434:$B492),1)*2</f>
        <v>-8.8320456911913814E-2</v>
      </c>
      <c r="M463" cm="1">
        <f t="array" ref="M463">INDEX(LINEST(K434:K492,$A434:$B492),1)*2</f>
        <v>-4.8224189196348416E-3</v>
      </c>
      <c r="N463">
        <f t="shared" si="33"/>
        <v>6.9437543224146641</v>
      </c>
      <c r="O463">
        <f t="shared" si="34"/>
        <v>0.37913857546169127</v>
      </c>
    </row>
    <row r="464" spans="1:15" x14ac:dyDescent="0.4">
      <c r="A464">
        <v>15.4</v>
      </c>
      <c r="B464">
        <f t="shared" si="35"/>
        <v>237.16000000000003</v>
      </c>
      <c r="C464">
        <v>-9.7928418939114792</v>
      </c>
      <c r="D464">
        <v>2.3678132707937642</v>
      </c>
      <c r="E464" cm="1">
        <f t="array" ref="E464">INDEX(LINEST(C435:C493,$A435:$B493),1)*2</f>
        <v>9.057307652302235E-2</v>
      </c>
      <c r="F464" cm="1">
        <f t="array" ref="F464">INDEX(LINEST(D435:D493,$A435:$B493),1)*2</f>
        <v>-8.6399304035853584E-3</v>
      </c>
      <c r="G464">
        <f t="shared" si="31"/>
        <v>5.3193567841971019</v>
      </c>
      <c r="H464">
        <f t="shared" si="32"/>
        <v>-0.50742311260256812</v>
      </c>
      <c r="J464">
        <v>10.846452131416918</v>
      </c>
      <c r="K464">
        <v>2.4901229027753327</v>
      </c>
      <c r="L464" cm="1">
        <f t="array" ref="L464">INDEX(LINEST(J435:J493,$A435:$B493),1)*2</f>
        <v>-8.5445057066874594E-2</v>
      </c>
      <c r="M464" cm="1">
        <f t="array" ref="M464">INDEX(LINEST(K435:K493,$A435:$B493),1)*2</f>
        <v>-3.7294210301100101E-3</v>
      </c>
      <c r="N464">
        <f t="shared" si="33"/>
        <v>6.7176903865976811</v>
      </c>
      <c r="O464">
        <f t="shared" si="34"/>
        <v>0.29320708138724899</v>
      </c>
    </row>
    <row r="465" spans="1:15" x14ac:dyDescent="0.4">
      <c r="A465">
        <v>15.433333333333334</v>
      </c>
      <c r="B465">
        <f t="shared" si="35"/>
        <v>238.1877777777778</v>
      </c>
      <c r="C465">
        <v>-9.7738007389110901</v>
      </c>
      <c r="D465">
        <v>2.3677605732298521</v>
      </c>
      <c r="E465" cm="1">
        <f t="array" ref="E465">INDEX(LINEST(C436:C494,$A436:$B494),1)*2</f>
        <v>9.1386062785110717E-2</v>
      </c>
      <c r="F465" cm="1">
        <f t="array" ref="F465">INDEX(LINEST(D436:D494,$A436:$B494),1)*2</f>
        <v>-7.0348722655215867E-3</v>
      </c>
      <c r="G465">
        <f t="shared" si="31"/>
        <v>5.3671034673695521</v>
      </c>
      <c r="H465">
        <f t="shared" si="32"/>
        <v>-0.41315804815408275</v>
      </c>
      <c r="J465">
        <v>10.826467809545958</v>
      </c>
      <c r="K465">
        <v>2.4906241689867255</v>
      </c>
      <c r="L465" cm="1">
        <f t="array" ref="L465">INDEX(LINEST(J436:J494,$A436:$B494),1)*2</f>
        <v>-8.2616764240263471E-2</v>
      </c>
      <c r="M465" cm="1">
        <f t="array" ref="M465">INDEX(LINEST(K436:K494,$A436:$B494),1)*2</f>
        <v>-2.1222481094829234E-3</v>
      </c>
      <c r="N465">
        <f t="shared" si="33"/>
        <v>6.4953300045695146</v>
      </c>
      <c r="O465">
        <f t="shared" si="34"/>
        <v>0.16685114636754744</v>
      </c>
    </row>
    <row r="466" spans="1:15" x14ac:dyDescent="0.4">
      <c r="A466">
        <v>15.466666666666667</v>
      </c>
      <c r="B466">
        <f t="shared" si="35"/>
        <v>239.21777777777777</v>
      </c>
      <c r="C466">
        <v>-9.7495028375353687</v>
      </c>
      <c r="D466">
        <v>2.3724549579234226</v>
      </c>
      <c r="E466" cm="1">
        <f t="array" ref="E466">INDEX(LINEST(C437:C495,$A437:$B495),1)*2</f>
        <v>9.1203650004247835E-2</v>
      </c>
      <c r="F466" cm="1">
        <f t="array" ref="F466">INDEX(LINEST(D437:D495,$A437:$B495),1)*2</f>
        <v>-3.8627475927667187E-3</v>
      </c>
      <c r="G466">
        <f t="shared" si="31"/>
        <v>5.3563903647494753</v>
      </c>
      <c r="H466">
        <f t="shared" si="32"/>
        <v>-0.22685916612318938</v>
      </c>
      <c r="J466">
        <v>10.805041994653365</v>
      </c>
      <c r="K466">
        <v>2.4930353594349919</v>
      </c>
      <c r="L466" cm="1">
        <f t="array" ref="L466">INDEX(LINEST(J437:J495,$A437:$B495),1)*2</f>
        <v>-8.0295576250033585E-2</v>
      </c>
      <c r="M466" cm="1">
        <f t="array" ref="M466">INDEX(LINEST(K437:K495,$A437:$B495),1)*2</f>
        <v>1.7055992173514647E-4</v>
      </c>
      <c r="N466">
        <f t="shared" si="33"/>
        <v>6.3128382047776403</v>
      </c>
      <c r="O466">
        <f t="shared" si="34"/>
        <v>-1.3409421046817216E-2</v>
      </c>
    </row>
    <row r="467" spans="1:15" x14ac:dyDescent="0.4">
      <c r="A467">
        <v>15.5</v>
      </c>
      <c r="B467">
        <f t="shared" si="35"/>
        <v>240.25</v>
      </c>
      <c r="C467">
        <v>-9.7246808810841756</v>
      </c>
      <c r="D467">
        <v>2.3756177121818407</v>
      </c>
      <c r="E467" cm="1">
        <f t="array" ref="E467">INDEX(LINEST(C438:C496,$A438:$B496),1)*2</f>
        <v>9.1907490980335155E-2</v>
      </c>
      <c r="F467" cm="1">
        <f t="array" ref="F467">INDEX(LINEST(D438:D496,$A438:$B496),1)*2</f>
        <v>-1.1257159831632611E-3</v>
      </c>
      <c r="G467">
        <f t="shared" si="31"/>
        <v>5.3977269452750836</v>
      </c>
      <c r="H467">
        <f t="shared" si="32"/>
        <v>-6.6113299691178323E-2</v>
      </c>
      <c r="J467">
        <v>10.785453145968077</v>
      </c>
      <c r="K467">
        <v>2.4977401524370548</v>
      </c>
      <c r="L467" cm="1">
        <f t="array" ref="L467">INDEX(LINEST(J438:J496,$A438:$B496),1)*2</f>
        <v>-7.8575882994083732E-2</v>
      </c>
      <c r="M467" cm="1">
        <f t="array" ref="M467">INDEX(LINEST(K438:K496,$A438:$B496),1)*2</f>
        <v>2.556080641992543E-3</v>
      </c>
      <c r="N467">
        <f t="shared" si="33"/>
        <v>6.177635920994863</v>
      </c>
      <c r="O467">
        <f t="shared" si="34"/>
        <v>-0.20095906007345374</v>
      </c>
    </row>
    <row r="468" spans="1:15" x14ac:dyDescent="0.4">
      <c r="A468">
        <v>15.533333333333333</v>
      </c>
      <c r="B468">
        <f t="shared" si="35"/>
        <v>241.28444444444443</v>
      </c>
      <c r="C468">
        <v>-9.7066215955226269</v>
      </c>
      <c r="D468">
        <v>2.3768696098276898</v>
      </c>
      <c r="E468" cm="1">
        <f t="array" ref="E468">INDEX(LINEST(C439:C497,$A439:$B497),1)*2</f>
        <v>9.375254919490969E-2</v>
      </c>
      <c r="F468" cm="1">
        <f t="array" ref="F468">INDEX(LINEST(D439:D497,$A439:$B497),1)*2</f>
        <v>1.2057132976920593E-3</v>
      </c>
      <c r="G468">
        <f t="shared" si="31"/>
        <v>5.5060872142170458</v>
      </c>
      <c r="H468">
        <f t="shared" si="32"/>
        <v>7.0811541973454642E-2</v>
      </c>
      <c r="J468">
        <v>10.763389129327951</v>
      </c>
      <c r="K468">
        <v>2.4972972691807187</v>
      </c>
      <c r="L468" cm="1">
        <f t="array" ref="L468">INDEX(LINEST(J439:J497,$A439:$B497),1)*2</f>
        <v>-7.6075618243036255E-2</v>
      </c>
      <c r="M468" cm="1">
        <f t="array" ref="M468">INDEX(LINEST(K439:K497,$A439:$B497),1)*2</f>
        <v>3.625948562630685E-3</v>
      </c>
      <c r="N468">
        <f t="shared" si="33"/>
        <v>5.9810651062675104</v>
      </c>
      <c r="O468">
        <f t="shared" si="34"/>
        <v>-0.28507207599402445</v>
      </c>
    </row>
    <row r="469" spans="1:15" x14ac:dyDescent="0.4">
      <c r="A469">
        <v>15.566666666666666</v>
      </c>
      <c r="B469">
        <f t="shared" si="35"/>
        <v>242.32111111111109</v>
      </c>
      <c r="C469">
        <v>-9.6813222631299549</v>
      </c>
      <c r="D469">
        <v>2.3810370565619765</v>
      </c>
      <c r="E469" cm="1">
        <f t="array" ref="E469">INDEX(LINEST(C440:C498,$A440:$B498),1)*2</f>
        <v>9.3943977935860873E-2</v>
      </c>
      <c r="F469" cm="1">
        <f t="array" ref="F469">INDEX(LINEST(D440:D498,$A440:$B498),1)*2</f>
        <v>3.8415052068687828E-3</v>
      </c>
      <c r="G469">
        <f t="shared" si="31"/>
        <v>5.5173298241731086</v>
      </c>
      <c r="H469">
        <f t="shared" si="32"/>
        <v>0.22561160079940359</v>
      </c>
      <c r="J469">
        <v>10.740525249819564</v>
      </c>
      <c r="K469">
        <v>2.494540816962763</v>
      </c>
      <c r="L469" cm="1">
        <f t="array" ref="L469">INDEX(LINEST(J440:J498,$A440:$B498),1)*2</f>
        <v>-7.5670442318530609E-2</v>
      </c>
      <c r="M469" cm="1">
        <f t="array" ref="M469">INDEX(LINEST(K440:K498,$A440:$B498),1)*2</f>
        <v>3.5659944772642197E-3</v>
      </c>
      <c r="N469">
        <f t="shared" si="33"/>
        <v>5.949210175082877</v>
      </c>
      <c r="O469">
        <f t="shared" si="34"/>
        <v>-0.28035848580251299</v>
      </c>
    </row>
    <row r="470" spans="1:15" x14ac:dyDescent="0.4">
      <c r="A470">
        <v>15.6</v>
      </c>
      <c r="B470">
        <f t="shared" si="35"/>
        <v>243.35999999999999</v>
      </c>
      <c r="C470">
        <v>-9.6569904558579172</v>
      </c>
      <c r="D470">
        <v>2.380495674675311</v>
      </c>
      <c r="E470" cm="1">
        <f t="array" ref="E470">INDEX(LINEST(C441:C499,$A441:$B499),1)*2</f>
        <v>9.5174207443387726E-2</v>
      </c>
      <c r="F470" cm="1">
        <f t="array" ref="F470">INDEX(LINEST(D441:D499,$A441:$B499),1)*2</f>
        <v>6.4807081621538198E-3</v>
      </c>
      <c r="G470">
        <f t="shared" si="31"/>
        <v>5.5895812031501606</v>
      </c>
      <c r="H470">
        <f t="shared" si="32"/>
        <v>0.3806119903632938</v>
      </c>
      <c r="J470">
        <v>10.71779331707533</v>
      </c>
      <c r="K470">
        <v>2.4964552340390127</v>
      </c>
      <c r="L470" cm="1">
        <f t="array" ref="L470">INDEX(LINEST(J441:J499,$A441:$B499),1)*2</f>
        <v>-7.4085514832786858E-2</v>
      </c>
      <c r="M470" cm="1">
        <f t="array" ref="M470">INDEX(LINEST(K441:K499,$A441:$B499),1)*2</f>
        <v>4.0019119035898595E-3</v>
      </c>
      <c r="N470">
        <f t="shared" si="33"/>
        <v>5.8246031761537029</v>
      </c>
      <c r="O470">
        <f t="shared" si="34"/>
        <v>-0.31463031386023477</v>
      </c>
    </row>
    <row r="471" spans="1:15" x14ac:dyDescent="0.4">
      <c r="A471">
        <v>15.633333333333333</v>
      </c>
      <c r="B471">
        <f t="shared" si="35"/>
        <v>244.40111111111111</v>
      </c>
      <c r="C471">
        <v>-9.6368496808482345</v>
      </c>
      <c r="D471">
        <v>2.3867898110688603</v>
      </c>
      <c r="E471" cm="1">
        <f t="array" ref="E471">INDEX(LINEST(C442:C500,$A442:$B500),1)*2</f>
        <v>9.6710403695526706E-2</v>
      </c>
      <c r="F471" cm="1">
        <f t="array" ref="F471">INDEX(LINEST(D442:D500,$A442:$B500),1)*2</f>
        <v>6.3174834891449802E-3</v>
      </c>
      <c r="G471">
        <f t="shared" si="31"/>
        <v>5.6798020090382835</v>
      </c>
      <c r="H471">
        <f t="shared" si="32"/>
        <v>0.37102580531748469</v>
      </c>
      <c r="J471">
        <v>10.699180018264464</v>
      </c>
      <c r="K471">
        <v>2.4929858846062198</v>
      </c>
      <c r="L471" cm="1">
        <f t="array" ref="L471">INDEX(LINEST(J442:J500,$A442:$B500),1)*2</f>
        <v>-7.4668681342770729E-2</v>
      </c>
      <c r="M471" cm="1">
        <f t="array" ref="M471">INDEX(LINEST(K442:K500,$A442:$B500),1)*2</f>
        <v>4.4652484237681523E-3</v>
      </c>
      <c r="N471">
        <f t="shared" si="33"/>
        <v>5.8704517271686347</v>
      </c>
      <c r="O471">
        <f t="shared" si="34"/>
        <v>-0.35105783107665217</v>
      </c>
    </row>
    <row r="472" spans="1:15" x14ac:dyDescent="0.4">
      <c r="A472">
        <v>15.666666666666666</v>
      </c>
      <c r="B472">
        <f t="shared" si="35"/>
        <v>245.44444444444443</v>
      </c>
      <c r="C472">
        <v>-9.6128770803422476</v>
      </c>
      <c r="D472">
        <v>2.3867114942927921</v>
      </c>
      <c r="E472" cm="1">
        <f t="array" ref="E472">INDEX(LINEST(C443:C501,$A443:$B501),1)*2</f>
        <v>9.6975953328892889E-2</v>
      </c>
      <c r="F472" cm="1">
        <f t="array" ref="F472">INDEX(LINEST(D443:D501,$A443:$B501),1)*2</f>
        <v>5.5591825446847896E-3</v>
      </c>
      <c r="G472">
        <f t="shared" si="31"/>
        <v>5.6953977390058794</v>
      </c>
      <c r="H472">
        <f t="shared" si="32"/>
        <v>0.32649079084933769</v>
      </c>
      <c r="J472">
        <v>10.67623480193337</v>
      </c>
      <c r="K472">
        <v>2.4896814496382529</v>
      </c>
      <c r="L472" cm="1">
        <f t="array" ref="L472">INDEX(LINEST(J443:J501,$A443:$B501),1)*2</f>
        <v>-7.4723887570435299E-2</v>
      </c>
      <c r="M472" cm="1">
        <f t="array" ref="M472">INDEX(LINEST(K443:K501,$A443:$B501),1)*2</f>
        <v>4.3746309166354082E-3</v>
      </c>
      <c r="N472">
        <f t="shared" si="33"/>
        <v>5.8747920407876233</v>
      </c>
      <c r="O472">
        <f t="shared" si="34"/>
        <v>-0.34393348266587581</v>
      </c>
    </row>
    <row r="473" spans="1:15" x14ac:dyDescent="0.4">
      <c r="A473">
        <v>15.7</v>
      </c>
      <c r="B473">
        <f t="shared" si="35"/>
        <v>246.48999999999998</v>
      </c>
      <c r="C473">
        <v>-9.5881084667905636</v>
      </c>
      <c r="D473">
        <v>2.3868977971045422</v>
      </c>
      <c r="E473" cm="1">
        <f t="array" ref="E473">INDEX(LINEST(C444:C502,$A444:$B502),1)*2</f>
        <v>9.8328070843686277E-2</v>
      </c>
      <c r="F473" cm="1">
        <f t="array" ref="F473">INDEX(LINEST(D444:D502,$A444:$B502),1)*2</f>
        <v>5.559619163257948E-3</v>
      </c>
      <c r="G473">
        <f t="shared" si="31"/>
        <v>5.7748076006496945</v>
      </c>
      <c r="H473">
        <f t="shared" si="32"/>
        <v>0.32651643345813924</v>
      </c>
      <c r="J473">
        <v>10.656170800941833</v>
      </c>
      <c r="K473">
        <v>2.4884605120489316</v>
      </c>
      <c r="L473" cm="1">
        <f t="array" ref="L473">INDEX(LINEST(J444:J502,$A444:$B502),1)*2</f>
        <v>-7.5318513982787078E-2</v>
      </c>
      <c r="M473" cm="1">
        <f t="array" ref="M473">INDEX(LINEST(K444:K502,$A444:$B502),1)*2</f>
        <v>4.6820814047589055E-3</v>
      </c>
      <c r="N473">
        <f t="shared" si="33"/>
        <v>5.9215415693267204</v>
      </c>
      <c r="O473">
        <f t="shared" si="34"/>
        <v>-0.36810524004214518</v>
      </c>
    </row>
    <row r="474" spans="1:15" x14ac:dyDescent="0.4">
      <c r="A474">
        <v>15.733333333333333</v>
      </c>
      <c r="B474">
        <f t="shared" si="35"/>
        <v>247.53777777777776</v>
      </c>
      <c r="C474">
        <v>-9.5699870534402045</v>
      </c>
      <c r="D474">
        <v>2.3846980498301549</v>
      </c>
      <c r="E474" cm="1">
        <f t="array" ref="E474">INDEX(LINEST(C445:C503,$A445:$B503),1)*2</f>
        <v>9.9009532438329731E-2</v>
      </c>
      <c r="F474" cm="1">
        <f t="array" ref="F474">INDEX(LINEST(D445:D503,$A445:$B503),1)*2</f>
        <v>4.7858568296184944E-3</v>
      </c>
      <c r="G474">
        <f t="shared" si="31"/>
        <v>5.8148298401031049</v>
      </c>
      <c r="H474">
        <f t="shared" si="32"/>
        <v>0.28107337160349416</v>
      </c>
      <c r="J474">
        <v>10.631840183290681</v>
      </c>
      <c r="K474">
        <v>2.4909497806541365</v>
      </c>
      <c r="L474" cm="1">
        <f t="array" ref="L474">INDEX(LINEST(J445:J503,$A445:$B503),1)*2</f>
        <v>-7.7850984310070578E-2</v>
      </c>
      <c r="M474" cm="1">
        <f t="array" ref="M474">INDEX(LINEST(K445:K503,$A445:$B503),1)*2</f>
        <v>5.1263087925649403E-3</v>
      </c>
      <c r="N474">
        <f t="shared" si="33"/>
        <v>6.1206443864577489</v>
      </c>
      <c r="O474">
        <f t="shared" si="34"/>
        <v>-0.40303039727145562</v>
      </c>
    </row>
    <row r="475" spans="1:15" x14ac:dyDescent="0.4">
      <c r="A475">
        <v>15.766666666666667</v>
      </c>
      <c r="B475">
        <f t="shared" si="35"/>
        <v>248.5877777777778</v>
      </c>
      <c r="C475">
        <v>-9.5484366903028519</v>
      </c>
      <c r="D475">
        <v>2.3879516600942567</v>
      </c>
      <c r="E475" cm="1">
        <f t="array" ref="E475">INDEX(LINEST(C446:C504,$A446:$B504),1)*2</f>
        <v>9.9829745502761427E-2</v>
      </c>
      <c r="F475" cm="1">
        <f t="array" ref="F475">INDEX(LINEST(D446:D504,$A446:$B504),1)*2</f>
        <v>4.0493995250605874E-3</v>
      </c>
      <c r="G475">
        <f t="shared" si="31"/>
        <v>5.8630009533771785</v>
      </c>
      <c r="H475">
        <f t="shared" si="32"/>
        <v>0.23782123410680828</v>
      </c>
      <c r="J475">
        <v>10.613915509078929</v>
      </c>
      <c r="K475">
        <v>2.4957774596191813</v>
      </c>
      <c r="L475" cm="1">
        <f t="array" ref="L475">INDEX(LINEST(J446:J504,$A446:$B504),1)*2</f>
        <v>-8.026206826456031E-2</v>
      </c>
      <c r="M475" cm="1">
        <f t="array" ref="M475">INDEX(LINEST(K446:K504,$A446:$B504),1)*2</f>
        <v>5.0492948253580156E-3</v>
      </c>
      <c r="N475">
        <f t="shared" si="33"/>
        <v>6.3102038069597324</v>
      </c>
      <c r="O475">
        <f t="shared" si="34"/>
        <v>-0.39697555916964722</v>
      </c>
    </row>
    <row r="476" spans="1:15" x14ac:dyDescent="0.4">
      <c r="A476">
        <v>15.8</v>
      </c>
      <c r="B476">
        <f t="shared" si="35"/>
        <v>249.64000000000001</v>
      </c>
      <c r="C476">
        <v>-9.5241651345080172</v>
      </c>
      <c r="D476">
        <v>2.3865868901104044</v>
      </c>
      <c r="E476" cm="1">
        <f t="array" ref="E476">INDEX(LINEST(C447:C505,$A447:$B505),1)*2</f>
        <v>9.9170407869387495E-2</v>
      </c>
      <c r="F476" cm="1">
        <f t="array" ref="F476">INDEX(LINEST(D447:D505,$A447:$B505),1)*2</f>
        <v>2.3957688099877951E-3</v>
      </c>
      <c r="G476">
        <f t="shared" si="31"/>
        <v>5.8242780541691275</v>
      </c>
      <c r="H476">
        <f t="shared" si="32"/>
        <v>0.1407035022105832</v>
      </c>
      <c r="J476">
        <v>10.598414396828506</v>
      </c>
      <c r="K476">
        <v>2.4981927918804985</v>
      </c>
      <c r="L476" cm="1">
        <f t="array" ref="L476">INDEX(LINEST(J447:J505,$A447:$B505),1)*2</f>
        <v>-8.3974318009316581E-2</v>
      </c>
      <c r="M476" cm="1">
        <f t="array" ref="M476">INDEX(LINEST(K447:K505,$A447:$B505),1)*2</f>
        <v>4.7887676505025609E-3</v>
      </c>
      <c r="N476">
        <f t="shared" si="33"/>
        <v>6.60206088189247</v>
      </c>
      <c r="O476">
        <f t="shared" si="34"/>
        <v>-0.37649291268251134</v>
      </c>
    </row>
    <row r="477" spans="1:15" x14ac:dyDescent="0.4">
      <c r="A477">
        <v>15.833333333333334</v>
      </c>
      <c r="B477">
        <f t="shared" si="35"/>
        <v>250.69444444444446</v>
      </c>
      <c r="C477">
        <v>-9.4933639038553252</v>
      </c>
      <c r="D477">
        <v>2.3937225744854054</v>
      </c>
      <c r="E477" cm="1">
        <f t="array" ref="E477">INDEX(LINEST(C448:C506,$A448:$B506),1)*2</f>
        <v>9.992462887776131E-2</v>
      </c>
      <c r="F477" cm="1">
        <f t="array" ref="F477">INDEX(LINEST(D448:D506,$A448:$B506),1)*2</f>
        <v>9.0663284225581012E-4</v>
      </c>
      <c r="G477">
        <f t="shared" si="31"/>
        <v>5.8685734539909218</v>
      </c>
      <c r="H477">
        <f t="shared" si="32"/>
        <v>5.3246546825683728E-2</v>
      </c>
      <c r="J477">
        <v>10.584204247400093</v>
      </c>
      <c r="K477">
        <v>2.4962646879413937</v>
      </c>
      <c r="L477" cm="1">
        <f t="array" ref="L477">INDEX(LINEST(J448:J506,$A448:$B506),1)*2</f>
        <v>-8.7280415787734919E-2</v>
      </c>
      <c r="M477" cm="1">
        <f t="array" ref="M477">INDEX(LINEST(K448:K506,$A448:$B506),1)*2</f>
        <v>3.6963249812740477E-3</v>
      </c>
      <c r="N477">
        <f t="shared" si="33"/>
        <v>6.8619862892317194</v>
      </c>
      <c r="O477">
        <f t="shared" si="34"/>
        <v>-0.29060507002776564</v>
      </c>
    </row>
    <row r="478" spans="1:15" x14ac:dyDescent="0.4">
      <c r="A478">
        <v>15.866666666666667</v>
      </c>
      <c r="B478">
        <f t="shared" si="35"/>
        <v>251.75111111111113</v>
      </c>
      <c r="C478">
        <v>-9.471908456952546</v>
      </c>
      <c r="D478">
        <v>2.3922904809131702</v>
      </c>
      <c r="E478" cm="1">
        <f t="array" ref="E478">INDEX(LINEST(C449:C507,$A449:$B507),1)*2</f>
        <v>0.10104224720848218</v>
      </c>
      <c r="F478" cm="1">
        <f t="array" ref="F478">INDEX(LINEST(D449:D507,$A449:$B507),1)*2</f>
        <v>2.4372563885692116E-3</v>
      </c>
      <c r="G478">
        <f t="shared" si="31"/>
        <v>5.9342111785541576</v>
      </c>
      <c r="H478">
        <f t="shared" si="32"/>
        <v>0.14314006770066978</v>
      </c>
      <c r="J478">
        <v>10.566209420010569</v>
      </c>
      <c r="K478">
        <v>2.4999384896285859</v>
      </c>
      <c r="L478" cm="1">
        <f t="array" ref="L478">INDEX(LINEST(J449:J507,$A449:$B507),1)*2</f>
        <v>-8.7199901855690598E-2</v>
      </c>
      <c r="M478" cm="1">
        <f t="array" ref="M478">INDEX(LINEST(K449:K507,$A449:$B507),1)*2</f>
        <v>3.1732242765421487E-3</v>
      </c>
      <c r="N478">
        <f t="shared" si="33"/>
        <v>6.8556562838943949</v>
      </c>
      <c r="O478">
        <f t="shared" si="34"/>
        <v>-0.24947889262174375</v>
      </c>
    </row>
    <row r="479" spans="1:15" x14ac:dyDescent="0.4">
      <c r="A479">
        <v>15.9</v>
      </c>
      <c r="B479">
        <f t="shared" si="35"/>
        <v>252.81</v>
      </c>
      <c r="C479">
        <v>-9.4494472407911179</v>
      </c>
      <c r="D479">
        <v>2.3964740024457445</v>
      </c>
      <c r="E479" cm="1">
        <f t="array" ref="E479">INDEX(LINEST(C450:C508,$A450:$B508),1)*2</f>
        <v>0.10186721926941204</v>
      </c>
      <c r="F479" cm="1">
        <f t="array" ref="F479">INDEX(LINEST(D450:D508,$A450:$B508),1)*2</f>
        <v>3.332548025934033E-3</v>
      </c>
      <c r="G479">
        <f t="shared" si="31"/>
        <v>5.9826617876925692</v>
      </c>
      <c r="H479">
        <f t="shared" si="32"/>
        <v>0.19572054556310575</v>
      </c>
      <c r="J479">
        <v>10.545688027485342</v>
      </c>
      <c r="K479">
        <v>2.5036726265870741</v>
      </c>
      <c r="L479" cm="1">
        <f t="array" ref="L479">INDEX(LINEST(J450:J508,$A450:$B508),1)*2</f>
        <v>-8.7258007876709315E-2</v>
      </c>
      <c r="M479" cm="1">
        <f t="array" ref="M479">INDEX(LINEST(K450:K508,$A450:$B508),1)*2</f>
        <v>3.3531348101534372E-3</v>
      </c>
      <c r="N479">
        <f t="shared" si="33"/>
        <v>6.8602245792668866</v>
      </c>
      <c r="O479">
        <f t="shared" si="34"/>
        <v>-0.26362345877426324</v>
      </c>
    </row>
    <row r="480" spans="1:15" x14ac:dyDescent="0.4">
      <c r="A480">
        <v>15.933333333333334</v>
      </c>
      <c r="B480">
        <f t="shared" si="35"/>
        <v>253.87111111111111</v>
      </c>
      <c r="C480">
        <v>-9.4266929015742686</v>
      </c>
      <c r="D480">
        <v>2.3977647997440776</v>
      </c>
      <c r="E480" cm="1">
        <f t="array" ref="E480">INDEX(LINEST(C451:C509,$A451:$B509),1)*2</f>
        <v>0.10271934609260439</v>
      </c>
      <c r="F480" cm="1">
        <f t="array" ref="F480">INDEX(LINEST(D451:D509,$A451:$B509),1)*2</f>
        <v>5.2213055663554355E-3</v>
      </c>
      <c r="G480">
        <f t="shared" ref="G480:G543" si="36">E480*58.73</f>
        <v>6.0327071960186549</v>
      </c>
      <c r="H480">
        <f t="shared" ref="H480:H543" si="37">F480*58.73</f>
        <v>0.30664727591205471</v>
      </c>
      <c r="J480">
        <v>10.525439723916289</v>
      </c>
      <c r="K480">
        <v>2.5024510537678331</v>
      </c>
      <c r="L480" cm="1">
        <f t="array" ref="L480">INDEX(LINEST(J451:J509,$A451:$B509),1)*2</f>
        <v>-8.6921252424958115E-2</v>
      </c>
      <c r="M480" cm="1">
        <f t="array" ref="M480">INDEX(LINEST(K451:K509,$A451:$B509),1)*2</f>
        <v>4.8956426335243922E-3</v>
      </c>
      <c r="N480">
        <f t="shared" ref="N480:N543" si="38">-L480*78.62</f>
        <v>6.8337488656502074</v>
      </c>
      <c r="O480">
        <f t="shared" ref="O480:O543" si="39">-M480*78.62</f>
        <v>-0.38489542384768771</v>
      </c>
    </row>
    <row r="481" spans="1:15" x14ac:dyDescent="0.4">
      <c r="A481">
        <v>15.966666666666667</v>
      </c>
      <c r="B481">
        <f t="shared" si="35"/>
        <v>254.93444444444444</v>
      </c>
      <c r="C481">
        <v>-9.4017204834235919</v>
      </c>
      <c r="D481">
        <v>2.4031560721222474</v>
      </c>
      <c r="E481" cm="1">
        <f t="array" ref="E481">INDEX(LINEST(C452:C510,$A452:$B510),1)*2</f>
        <v>0.10261432527776355</v>
      </c>
      <c r="F481" cm="1">
        <f t="array" ref="F481">INDEX(LINEST(D452:D510,$A452:$B510),1)*2</f>
        <v>6.4628072881051588E-3</v>
      </c>
      <c r="G481">
        <f t="shared" si="36"/>
        <v>6.0265393235630533</v>
      </c>
      <c r="H481">
        <f t="shared" si="37"/>
        <v>0.37956067203041594</v>
      </c>
      <c r="J481">
        <v>10.493189385298562</v>
      </c>
      <c r="K481">
        <v>2.5015462414936107</v>
      </c>
      <c r="L481" cm="1">
        <f t="array" ref="L481">INDEX(LINEST(J452:J510,$A452:$B510),1)*2</f>
        <v>-8.5872280793219999E-2</v>
      </c>
      <c r="M481" cm="1">
        <f t="array" ref="M481">INDEX(LINEST(K452:K510,$A452:$B510),1)*2</f>
        <v>7.0348081704784413E-3</v>
      </c>
      <c r="N481">
        <f t="shared" si="38"/>
        <v>6.7512787159629566</v>
      </c>
      <c r="O481">
        <f t="shared" si="39"/>
        <v>-0.55307661836301514</v>
      </c>
    </row>
    <row r="482" spans="1:15" x14ac:dyDescent="0.4">
      <c r="A482">
        <v>16</v>
      </c>
      <c r="B482">
        <f t="shared" si="35"/>
        <v>256</v>
      </c>
      <c r="C482">
        <v>-9.3749543507887765</v>
      </c>
      <c r="D482">
        <v>2.4017474767571869</v>
      </c>
      <c r="E482" cm="1">
        <f t="array" ref="E482">INDEX(LINEST(C453:C511,$A453:$B511),1)*2</f>
        <v>0.10223870568690208</v>
      </c>
      <c r="F482" cm="1">
        <f t="array" ref="F482">INDEX(LINEST(D453:D511,$A453:$B511),1)*2</f>
        <v>6.9429427099521202E-3</v>
      </c>
      <c r="G482">
        <f t="shared" si="36"/>
        <v>6.0044791849917587</v>
      </c>
      <c r="H482">
        <f t="shared" si="37"/>
        <v>0.40775902535548803</v>
      </c>
      <c r="J482">
        <v>10.475994115017093</v>
      </c>
      <c r="K482">
        <v>2.5050794824642573</v>
      </c>
      <c r="L482" cm="1">
        <f t="array" ref="L482">INDEX(LINEST(J453:J511,$A453:$B511),1)*2</f>
        <v>-8.4904411172336033E-2</v>
      </c>
      <c r="M482" cm="1">
        <f t="array" ref="M482">INDEX(LINEST(K453:K511,$A453:$B511),1)*2</f>
        <v>8.7968409152641737E-3</v>
      </c>
      <c r="N482">
        <f t="shared" si="38"/>
        <v>6.6751848063690593</v>
      </c>
      <c r="O482">
        <f t="shared" si="39"/>
        <v>-0.69160763275806936</v>
      </c>
    </row>
    <row r="483" spans="1:15" x14ac:dyDescent="0.4">
      <c r="A483">
        <v>16.033333333333335</v>
      </c>
      <c r="B483">
        <f t="shared" si="35"/>
        <v>257.06777777777785</v>
      </c>
      <c r="C483">
        <v>-9.3540965510300982</v>
      </c>
      <c r="D483">
        <v>2.4003408588131685</v>
      </c>
      <c r="E483" cm="1">
        <f t="array" ref="E483">INDEX(LINEST(C454:C512,$A454:$B512),1)*2</f>
        <v>0.1039061528289329</v>
      </c>
      <c r="F483" cm="1">
        <f t="array" ref="F483">INDEX(LINEST(D454:D512,$A454:$B512),1)*2</f>
        <v>7.7947129341369341E-3</v>
      </c>
      <c r="G483">
        <f t="shared" si="36"/>
        <v>6.1024083556432283</v>
      </c>
      <c r="H483">
        <f t="shared" si="37"/>
        <v>0.45778349062186213</v>
      </c>
      <c r="J483">
        <v>10.45757718461704</v>
      </c>
      <c r="K483">
        <v>2.5069663687444934</v>
      </c>
      <c r="L483" cm="1">
        <f t="array" ref="L483">INDEX(LINEST(J454:J512,$A454:$B512),1)*2</f>
        <v>-8.3338926798350782E-2</v>
      </c>
      <c r="M483" cm="1">
        <f t="array" ref="M483">INDEX(LINEST(K454:K512,$A454:$B512),1)*2</f>
        <v>8.8095856603347643E-3</v>
      </c>
      <c r="N483">
        <f t="shared" si="38"/>
        <v>6.5521064248863388</v>
      </c>
      <c r="O483">
        <f t="shared" si="39"/>
        <v>-0.69260962461551923</v>
      </c>
    </row>
    <row r="484" spans="1:15" x14ac:dyDescent="0.4">
      <c r="A484">
        <v>16.066666666666666</v>
      </c>
      <c r="B484">
        <f t="shared" si="35"/>
        <v>258.13777777777779</v>
      </c>
      <c r="C484">
        <v>-9.3300955318972765</v>
      </c>
      <c r="D484">
        <v>2.4005052832296023</v>
      </c>
      <c r="E484" cm="1">
        <f t="array" ref="E484">INDEX(LINEST(C455:C513,$A455:$B513),1)*2</f>
        <v>0.10441872186798797</v>
      </c>
      <c r="F484" cm="1">
        <f t="array" ref="F484">INDEX(LINEST(D455:D513,$A455:$B513),1)*2</f>
        <v>9.2522161541247084E-3</v>
      </c>
      <c r="G484">
        <f t="shared" si="36"/>
        <v>6.132511535306933</v>
      </c>
      <c r="H484">
        <f t="shared" si="37"/>
        <v>0.54338265473174407</v>
      </c>
      <c r="J484">
        <v>10.442547501746198</v>
      </c>
      <c r="K484">
        <v>2.5040537582425615</v>
      </c>
      <c r="L484" cm="1">
        <f t="array" ref="L484">INDEX(LINEST(J455:J513,$A455:$B513),1)*2</f>
        <v>-8.223967884406265E-2</v>
      </c>
      <c r="M484" cm="1">
        <f t="array" ref="M484">INDEX(LINEST(K455:K513,$A455:$B513),1)*2</f>
        <v>9.8354526433595841E-3</v>
      </c>
      <c r="N484">
        <f t="shared" si="38"/>
        <v>6.4656835507202057</v>
      </c>
      <c r="O484">
        <f t="shared" si="39"/>
        <v>-0.7732632868209306</v>
      </c>
    </row>
    <row r="485" spans="1:15" x14ac:dyDescent="0.4">
      <c r="A485">
        <v>16.100000000000001</v>
      </c>
      <c r="B485">
        <f t="shared" si="35"/>
        <v>259.21000000000004</v>
      </c>
      <c r="C485">
        <v>-9.3103180748700058</v>
      </c>
      <c r="D485">
        <v>2.4014630792271654</v>
      </c>
      <c r="E485" cm="1">
        <f t="array" ref="E485">INDEX(LINEST(C456:C514,$A456:$B514),1)*2</f>
        <v>0.10620719709563366</v>
      </c>
      <c r="F485" cm="1">
        <f t="array" ref="F485">INDEX(LINEST(D456:D514,$A456:$B514),1)*2</f>
        <v>9.3514908135947337E-3</v>
      </c>
      <c r="G485">
        <f t="shared" si="36"/>
        <v>6.2375486854265647</v>
      </c>
      <c r="H485">
        <f t="shared" si="37"/>
        <v>0.54921305548241872</v>
      </c>
      <c r="J485">
        <v>10.421475617970197</v>
      </c>
      <c r="K485">
        <v>2.5078788062268385</v>
      </c>
      <c r="L485" cm="1">
        <f t="array" ref="L485">INDEX(LINEST(J456:J514,$A456:$B514),1)*2</f>
        <v>-8.3042724247934616E-2</v>
      </c>
      <c r="M485" cm="1">
        <f t="array" ref="M485">INDEX(LINEST(K456:K514,$A456:$B514),1)*2</f>
        <v>1.0975598929069361E-2</v>
      </c>
      <c r="N485">
        <f t="shared" si="38"/>
        <v>6.5288189803726198</v>
      </c>
      <c r="O485">
        <f t="shared" si="39"/>
        <v>-0.86290158780343318</v>
      </c>
    </row>
    <row r="486" spans="1:15" x14ac:dyDescent="0.4">
      <c r="A486">
        <v>16.133333333333333</v>
      </c>
      <c r="B486">
        <f t="shared" si="35"/>
        <v>260.28444444444443</v>
      </c>
      <c r="C486">
        <v>-9.2851371770010136</v>
      </c>
      <c r="D486">
        <v>2.4079951466398049</v>
      </c>
      <c r="E486" cm="1">
        <f t="array" ref="E486">INDEX(LINEST(C457:C515,$A457:$B515),1)*2</f>
        <v>0.10863997212140292</v>
      </c>
      <c r="F486" cm="1">
        <f t="array" ref="F486">INDEX(LINEST(D457:D515,$A457:$B515),1)*2</f>
        <v>1.0214820599625718E-2</v>
      </c>
      <c r="G486">
        <f t="shared" si="36"/>
        <v>6.3804255626899931</v>
      </c>
      <c r="H486">
        <f t="shared" si="37"/>
        <v>0.59991641381601846</v>
      </c>
      <c r="J486">
        <v>10.398548275419506</v>
      </c>
      <c r="K486">
        <v>2.5090042122408636</v>
      </c>
      <c r="L486" cm="1">
        <f t="array" ref="L486">INDEX(LINEST(J457:J515,$A457:$B515),1)*2</f>
        <v>-8.4253720996674983E-2</v>
      </c>
      <c r="M486" cm="1">
        <f t="array" ref="M486">INDEX(LINEST(K457:K515,$A457:$B515),1)*2</f>
        <v>1.2692033267263885E-2</v>
      </c>
      <c r="N486">
        <f t="shared" si="38"/>
        <v>6.6240275447585875</v>
      </c>
      <c r="O486">
        <f t="shared" si="39"/>
        <v>-0.99784765547228671</v>
      </c>
    </row>
    <row r="487" spans="1:15" x14ac:dyDescent="0.4">
      <c r="A487">
        <v>16.166666666666668</v>
      </c>
      <c r="B487">
        <f t="shared" si="35"/>
        <v>261.36111111111114</v>
      </c>
      <c r="C487">
        <v>-9.2557416768916578</v>
      </c>
      <c r="D487">
        <v>2.4086973079490095</v>
      </c>
      <c r="E487" cm="1">
        <f t="array" ref="E487">INDEX(LINEST(C458:C516,$A458:$B516),1)*2</f>
        <v>0.11145905059101281</v>
      </c>
      <c r="F487" cm="1">
        <f t="array" ref="F487">INDEX(LINEST(D458:D516,$A458:$B516),1)*2</f>
        <v>1.0131269605656381E-2</v>
      </c>
      <c r="G487">
        <f t="shared" si="36"/>
        <v>6.5459900412101817</v>
      </c>
      <c r="H487">
        <f t="shared" si="37"/>
        <v>0.59500946394019927</v>
      </c>
      <c r="J487">
        <v>10.380265130359335</v>
      </c>
      <c r="K487">
        <v>2.512094071238284</v>
      </c>
      <c r="L487" cm="1">
        <f t="array" ref="L487">INDEX(LINEST(J458:J516,$A458:$B516),1)*2</f>
        <v>-8.3882608921414567E-2</v>
      </c>
      <c r="M487" cm="1">
        <f t="array" ref="M487">INDEX(LINEST(K458:K516,$A458:$B516),1)*2</f>
        <v>1.4621764103457431E-2</v>
      </c>
      <c r="N487">
        <f t="shared" si="38"/>
        <v>6.5948507134016134</v>
      </c>
      <c r="O487">
        <f t="shared" si="39"/>
        <v>-1.1495630938138233</v>
      </c>
    </row>
    <row r="488" spans="1:15" x14ac:dyDescent="0.4">
      <c r="A488">
        <v>16.2</v>
      </c>
      <c r="B488">
        <f t="shared" si="35"/>
        <v>262.44</v>
      </c>
      <c r="C488">
        <v>-9.2305937077419724</v>
      </c>
      <c r="D488">
        <v>2.4103567462950974</v>
      </c>
      <c r="E488" cm="1">
        <f t="array" ref="E488">INDEX(LINEST(C459:C517,$A459:$B517),1)*2</f>
        <v>0.11549513325230407</v>
      </c>
      <c r="F488" cm="1">
        <f t="array" ref="F488">INDEX(LINEST(D459:D517,$A459:$B517),1)*2</f>
        <v>1.0749068424005047E-2</v>
      </c>
      <c r="G488">
        <f t="shared" si="36"/>
        <v>6.7830291759078172</v>
      </c>
      <c r="H488">
        <f t="shared" si="37"/>
        <v>0.63129278854181636</v>
      </c>
      <c r="J488">
        <v>10.36259238924475</v>
      </c>
      <c r="K488">
        <v>2.5142772577600137</v>
      </c>
      <c r="L488" cm="1">
        <f t="array" ref="L488">INDEX(LINEST(J459:J517,$A459:$B517),1)*2</f>
        <v>-8.4267974538567797E-2</v>
      </c>
      <c r="M488" cm="1">
        <f t="array" ref="M488">INDEX(LINEST(K459:K517,$A459:$B517),1)*2</f>
        <v>1.5773130444315542E-2</v>
      </c>
      <c r="N488">
        <f t="shared" si="38"/>
        <v>6.6251481582222009</v>
      </c>
      <c r="O488">
        <f t="shared" si="39"/>
        <v>-1.240083515532088</v>
      </c>
    </row>
    <row r="489" spans="1:15" x14ac:dyDescent="0.4">
      <c r="A489">
        <v>16.233333333333334</v>
      </c>
      <c r="B489">
        <f t="shared" si="35"/>
        <v>263.52111111111117</v>
      </c>
      <c r="C489">
        <v>-9.2051052474605495</v>
      </c>
      <c r="D489">
        <v>2.4133902486766794</v>
      </c>
      <c r="E489" cm="1">
        <f t="array" ref="E489">INDEX(LINEST(C460:C518,$A460:$B518),1)*2</f>
        <v>0.12028777405651234</v>
      </c>
      <c r="F489" cm="1">
        <f t="array" ref="F489">INDEX(LINEST(D460:D518,$A460:$B518),1)*2</f>
        <v>1.1634447080851108E-2</v>
      </c>
      <c r="G489">
        <f t="shared" si="36"/>
        <v>7.064500970338969</v>
      </c>
      <c r="H489">
        <f t="shared" si="37"/>
        <v>0.68329107705838554</v>
      </c>
      <c r="J489">
        <v>10.344667972545313</v>
      </c>
      <c r="K489">
        <v>2.5131815506900477</v>
      </c>
      <c r="L489" cm="1">
        <f t="array" ref="L489">INDEX(LINEST(J460:J518,$A460:$B518),1)*2</f>
        <v>-8.3571876386110897E-2</v>
      </c>
      <c r="M489" cm="1">
        <f t="array" ref="M489">INDEX(LINEST(K460:K518,$A460:$B518),1)*2</f>
        <v>1.7215686822804079E-2</v>
      </c>
      <c r="N489">
        <f t="shared" si="38"/>
        <v>6.570420921476039</v>
      </c>
      <c r="O489">
        <f t="shared" si="39"/>
        <v>-1.3534972980088569</v>
      </c>
    </row>
    <row r="490" spans="1:15" x14ac:dyDescent="0.4">
      <c r="A490">
        <v>16.266666666666666</v>
      </c>
      <c r="B490">
        <f t="shared" si="35"/>
        <v>264.60444444444443</v>
      </c>
      <c r="C490">
        <v>-9.1777620198033159</v>
      </c>
      <c r="D490">
        <v>2.4139647290363189</v>
      </c>
      <c r="E490" cm="1">
        <f t="array" ref="E490">INDEX(LINEST(C461:C519,$A461:$B519),1)*2</f>
        <v>0.1240939648078503</v>
      </c>
      <c r="F490" cm="1">
        <f t="array" ref="F490">INDEX(LINEST(D461:D519,$A461:$B519),1)*2</f>
        <v>1.272154319216943E-2</v>
      </c>
      <c r="G490">
        <f t="shared" si="36"/>
        <v>7.2880385531650482</v>
      </c>
      <c r="H490">
        <f t="shared" si="37"/>
        <v>0.74713623167611054</v>
      </c>
      <c r="J490">
        <v>10.321388152740415</v>
      </c>
      <c r="K490">
        <v>2.5113024110640656</v>
      </c>
      <c r="L490" cm="1">
        <f t="array" ref="L490">INDEX(LINEST(J461:J519,$A461:$B519),1)*2</f>
        <v>-8.3292035239711279E-2</v>
      </c>
      <c r="M490" cm="1">
        <f t="array" ref="M490">INDEX(LINEST(K461:K519,$A461:$B519),1)*2</f>
        <v>1.8976111519375418E-2</v>
      </c>
      <c r="N490">
        <f t="shared" si="38"/>
        <v>6.5484198105461013</v>
      </c>
      <c r="O490">
        <f t="shared" si="39"/>
        <v>-1.4919018876532955</v>
      </c>
    </row>
    <row r="491" spans="1:15" x14ac:dyDescent="0.4">
      <c r="A491">
        <v>16.3</v>
      </c>
      <c r="B491">
        <f t="shared" si="35"/>
        <v>265.69</v>
      </c>
      <c r="C491">
        <v>-9.1530093745235863</v>
      </c>
      <c r="D491">
        <v>2.4151595652636</v>
      </c>
      <c r="E491" cm="1">
        <f t="array" ref="E491">INDEX(LINEST(C462:C520,$A462:$B520),1)*2</f>
        <v>0.12777003332908266</v>
      </c>
      <c r="F491" cm="1">
        <f t="array" ref="F491">INDEX(LINEST(D462:D520,$A462:$B520),1)*2</f>
        <v>1.2475410262379473E-2</v>
      </c>
      <c r="G491">
        <f t="shared" si="36"/>
        <v>7.5039340574170241</v>
      </c>
      <c r="H491">
        <f t="shared" si="37"/>
        <v>0.73268084470954642</v>
      </c>
      <c r="J491">
        <v>10.300155269958633</v>
      </c>
      <c r="K491">
        <v>2.515132739339824</v>
      </c>
      <c r="L491" cm="1">
        <f t="array" ref="L491">INDEX(LINEST(J462:J520,$A462:$B520),1)*2</f>
        <v>-8.2839948210000125E-2</v>
      </c>
      <c r="M491" cm="1">
        <f t="array" ref="M491">INDEX(LINEST(K462:K520,$A462:$B520),1)*2</f>
        <v>1.878409806838079E-2</v>
      </c>
      <c r="N491">
        <f t="shared" si="38"/>
        <v>6.5128767282702098</v>
      </c>
      <c r="O491">
        <f t="shared" si="39"/>
        <v>-1.4768057901360978</v>
      </c>
    </row>
    <row r="492" spans="1:15" x14ac:dyDescent="0.4">
      <c r="A492">
        <v>16.333333333333332</v>
      </c>
      <c r="B492">
        <f t="shared" si="35"/>
        <v>266.77777777777771</v>
      </c>
      <c r="C492">
        <v>-9.1275327014342871</v>
      </c>
      <c r="D492">
        <v>2.4136323100212609</v>
      </c>
      <c r="E492" cm="1">
        <f t="array" ref="E492">INDEX(LINEST(C463:C521,$A463:$B521),1)*2</f>
        <v>0.12970143721288466</v>
      </c>
      <c r="F492" cm="1">
        <f t="array" ref="F492">INDEX(LINEST(D463:D521,$A463:$B521),1)*2</f>
        <v>1.347293915551471E-2</v>
      </c>
      <c r="G492">
        <f t="shared" si="36"/>
        <v>7.6173654075127155</v>
      </c>
      <c r="H492">
        <f t="shared" si="37"/>
        <v>0.79126571660337885</v>
      </c>
      <c r="J492">
        <v>10.281219697596665</v>
      </c>
      <c r="K492">
        <v>2.5181200645747928</v>
      </c>
      <c r="L492" cm="1">
        <f t="array" ref="L492">INDEX(LINEST(J463:J521,$A463:$B521),1)*2</f>
        <v>-8.3459925560804185E-2</v>
      </c>
      <c r="M492" cm="1">
        <f t="array" ref="M492">INDEX(LINEST(K463:K521,$A463:$B521),1)*2</f>
        <v>1.8408398705125915E-2</v>
      </c>
      <c r="N492">
        <f t="shared" si="38"/>
        <v>6.5616193475904252</v>
      </c>
      <c r="O492">
        <f t="shared" si="39"/>
        <v>-1.4472683061969995</v>
      </c>
    </row>
    <row r="493" spans="1:15" x14ac:dyDescent="0.4">
      <c r="A493">
        <v>16.366666666666667</v>
      </c>
      <c r="B493">
        <f t="shared" si="35"/>
        <v>267.8677777777778</v>
      </c>
      <c r="C493">
        <v>-9.0995154975317387</v>
      </c>
      <c r="D493">
        <v>2.4142680018908003</v>
      </c>
      <c r="E493" cm="1">
        <f t="array" ref="E493">INDEX(LINEST(C464:C522,$A464:$B522),1)*2</f>
        <v>0.13107828091434187</v>
      </c>
      <c r="F493" cm="1">
        <f t="array" ref="F493">INDEX(LINEST(D464:D522,$A464:$B522),1)*2</f>
        <v>1.3486841149607553E-2</v>
      </c>
      <c r="G493">
        <f t="shared" si="36"/>
        <v>7.6982274380992974</v>
      </c>
      <c r="H493">
        <f t="shared" si="37"/>
        <v>0.79208218071645153</v>
      </c>
      <c r="J493">
        <v>10.261635990894323</v>
      </c>
      <c r="K493">
        <v>2.5197796242673101</v>
      </c>
      <c r="L493" cm="1">
        <f t="array" ref="L493">INDEX(LINEST(J464:J522,$A464:$B522),1)*2</f>
        <v>-8.2973022129775462E-2</v>
      </c>
      <c r="M493" cm="1">
        <f t="array" ref="M493">INDEX(LINEST(K464:K522,$A464:$B522),1)*2</f>
        <v>1.7271877788684668E-2</v>
      </c>
      <c r="N493">
        <f t="shared" si="38"/>
        <v>6.523338999842947</v>
      </c>
      <c r="O493">
        <f t="shared" si="39"/>
        <v>-1.3579150317463886</v>
      </c>
    </row>
    <row r="494" spans="1:15" x14ac:dyDescent="0.4">
      <c r="A494">
        <v>16.399999999999999</v>
      </c>
      <c r="B494">
        <f t="shared" si="35"/>
        <v>268.95999999999998</v>
      </c>
      <c r="C494">
        <v>-9.0749049073139378</v>
      </c>
      <c r="D494">
        <v>2.4175323241237239</v>
      </c>
      <c r="E494" cm="1">
        <f t="array" ref="E494">INDEX(LINEST(C465:C523,$A465:$B523),1)*2</f>
        <v>0.13284660936289167</v>
      </c>
      <c r="F494" cm="1">
        <f t="array" ref="F494">INDEX(LINEST(D465:D523,$A465:$B523),1)*2</f>
        <v>1.3323873514766348E-2</v>
      </c>
      <c r="G494">
        <f t="shared" si="36"/>
        <v>7.8020813678826269</v>
      </c>
      <c r="H494">
        <f t="shared" si="37"/>
        <v>0.78251109152222753</v>
      </c>
      <c r="J494">
        <v>10.241070878951501</v>
      </c>
      <c r="K494">
        <v>2.5220926258337983</v>
      </c>
      <c r="L494" cm="1">
        <f t="array" ref="L494">INDEX(LINEST(J465:J523,$A465:$B523),1)*2</f>
        <v>-8.4864970036633222E-2</v>
      </c>
      <c r="M494" cm="1">
        <f t="array" ref="M494">INDEX(LINEST(K465:K523,$A465:$B523),1)*2</f>
        <v>1.6023475423534547E-2</v>
      </c>
      <c r="N494">
        <f t="shared" si="38"/>
        <v>6.6720839442801045</v>
      </c>
      <c r="O494">
        <f t="shared" si="39"/>
        <v>-1.2597656377982862</v>
      </c>
    </row>
    <row r="495" spans="1:15" x14ac:dyDescent="0.4">
      <c r="A495">
        <v>16.433333333333334</v>
      </c>
      <c r="B495">
        <f t="shared" si="35"/>
        <v>270.05444444444447</v>
      </c>
      <c r="C495">
        <v>-9.0497749932022913</v>
      </c>
      <c r="D495">
        <v>2.4224767703329761</v>
      </c>
      <c r="E495" cm="1">
        <f t="array" ref="E495">INDEX(LINEST(C466:C524,$A466:$B524),1)*2</f>
        <v>0.1353307977935079</v>
      </c>
      <c r="F495" cm="1">
        <f t="array" ref="F495">INDEX(LINEST(D466:D524,$A466:$B524),1)*2</f>
        <v>1.3360110072053526E-2</v>
      </c>
      <c r="G495">
        <f t="shared" si="36"/>
        <v>7.9479777544127188</v>
      </c>
      <c r="H495">
        <f t="shared" si="37"/>
        <v>0.78463926453170352</v>
      </c>
      <c r="J495">
        <v>10.220635821324166</v>
      </c>
      <c r="K495">
        <v>2.5267829561135793</v>
      </c>
      <c r="L495" cm="1">
        <f t="array" ref="L495">INDEX(LINEST(J466:J524,$A466:$B524),1)*2</f>
        <v>-8.6572327602886925E-2</v>
      </c>
      <c r="M495" cm="1">
        <f t="array" ref="M495">INDEX(LINEST(K466:K524,$A466:$B524),1)*2</f>
        <v>1.5378146890612725E-2</v>
      </c>
      <c r="N495">
        <f t="shared" si="38"/>
        <v>6.8063163961389703</v>
      </c>
      <c r="O495">
        <f t="shared" si="39"/>
        <v>-1.2090299085399725</v>
      </c>
    </row>
    <row r="496" spans="1:15" x14ac:dyDescent="0.4">
      <c r="A496">
        <v>16.466666666666665</v>
      </c>
      <c r="B496">
        <f t="shared" si="35"/>
        <v>271.15111111111105</v>
      </c>
      <c r="C496">
        <v>-9.0213745742995037</v>
      </c>
      <c r="D496">
        <v>2.4230876256892819</v>
      </c>
      <c r="E496" cm="1">
        <f t="array" ref="E496">INDEX(LINEST(C467:C525,$A467:$B525),1)*2</f>
        <v>0.1366278866499763</v>
      </c>
      <c r="F496" cm="1">
        <f t="array" ref="F496">INDEX(LINEST(D467:D525,$A467:$B525),1)*2</f>
        <v>1.2649928268452156E-2</v>
      </c>
      <c r="G496">
        <f t="shared" si="36"/>
        <v>8.0241557829531072</v>
      </c>
      <c r="H496">
        <f t="shared" si="37"/>
        <v>0.74293028720619503</v>
      </c>
      <c r="J496">
        <v>10.19739700563083</v>
      </c>
      <c r="K496">
        <v>2.5256680471647424</v>
      </c>
      <c r="L496" cm="1">
        <f t="array" ref="L496">INDEX(LINEST(J467:J525,$A467:$B525),1)*2</f>
        <v>-8.8871500781607674E-2</v>
      </c>
      <c r="M496" cm="1">
        <f t="array" ref="M496">INDEX(LINEST(K467:K525,$A467:$B525),1)*2</f>
        <v>1.3891784194225992E-2</v>
      </c>
      <c r="N496">
        <f t="shared" si="38"/>
        <v>6.9870773914499953</v>
      </c>
      <c r="O496">
        <f t="shared" si="39"/>
        <v>-1.0921720733500475</v>
      </c>
    </row>
    <row r="497" spans="1:15" x14ac:dyDescent="0.4">
      <c r="A497">
        <v>16.5</v>
      </c>
      <c r="B497">
        <f t="shared" si="35"/>
        <v>272.25</v>
      </c>
      <c r="C497">
        <v>-8.9930713405253027</v>
      </c>
      <c r="D497">
        <v>2.4243354657203215</v>
      </c>
      <c r="E497" cm="1">
        <f t="array" ref="E497">INDEX(LINEST(C468:C526,$A468:$B526),1)*2</f>
        <v>0.13628190814774138</v>
      </c>
      <c r="F497" cm="1">
        <f t="array" ref="F497">INDEX(LINEST(D468:D526,$A468:$B526),1)*2</f>
        <v>1.2037127063098341E-2</v>
      </c>
      <c r="G497">
        <f t="shared" si="36"/>
        <v>8.0038364655168515</v>
      </c>
      <c r="H497">
        <f t="shared" si="37"/>
        <v>0.70694047241576552</v>
      </c>
      <c r="J497">
        <v>10.177629780949493</v>
      </c>
      <c r="K497">
        <v>2.5261297882919478</v>
      </c>
      <c r="L497" cm="1">
        <f t="array" ref="L497">INDEX(LINEST(J468:J526,$A468:$B526),1)*2</f>
        <v>-8.9893957943815828E-2</v>
      </c>
      <c r="M497" cm="1">
        <f t="array" ref="M497">INDEX(LINEST(K468:K526,$A468:$B526),1)*2</f>
        <v>1.0418321588850605E-2</v>
      </c>
      <c r="N497">
        <f t="shared" si="38"/>
        <v>7.067462973542801</v>
      </c>
      <c r="O497">
        <f t="shared" si="39"/>
        <v>-0.81908844331543462</v>
      </c>
    </row>
    <row r="498" spans="1:15" x14ac:dyDescent="0.4">
      <c r="A498">
        <v>16.533333333333335</v>
      </c>
      <c r="B498">
        <f t="shared" si="35"/>
        <v>273.35111111111115</v>
      </c>
      <c r="C498">
        <v>-8.974264571062907</v>
      </c>
      <c r="D498">
        <v>2.4276575042809481</v>
      </c>
      <c r="E498" cm="1">
        <f t="array" ref="E498">INDEX(LINEST(C469:C527,$A469:$B527),1)*2</f>
        <v>0.13798404725619579</v>
      </c>
      <c r="F498" cm="1">
        <f t="array" ref="F498">INDEX(LINEST(D469:D527,$A469:$B527),1)*2</f>
        <v>1.2060805141223358E-2</v>
      </c>
      <c r="G498">
        <f t="shared" si="36"/>
        <v>8.103803095356378</v>
      </c>
      <c r="H498">
        <f t="shared" si="37"/>
        <v>0.70833108594404781</v>
      </c>
      <c r="J498">
        <v>10.148439334871602</v>
      </c>
      <c r="K498">
        <v>2.5244947556740867</v>
      </c>
      <c r="L498" cm="1">
        <f t="array" ref="L498">INDEX(LINEST(J469:J527,$A469:$B527),1)*2</f>
        <v>-9.1613375260009747E-2</v>
      </c>
      <c r="M498" cm="1">
        <f t="array" ref="M498">INDEX(LINEST(K469:K527,$A469:$B527),1)*2</f>
        <v>6.6570569894787903E-3</v>
      </c>
      <c r="N498">
        <f t="shared" si="38"/>
        <v>7.2026435629419669</v>
      </c>
      <c r="O498">
        <f t="shared" si="39"/>
        <v>-0.52337782051282256</v>
      </c>
    </row>
    <row r="499" spans="1:15" x14ac:dyDescent="0.4">
      <c r="A499">
        <v>16.566666666666666</v>
      </c>
      <c r="B499">
        <f t="shared" si="35"/>
        <v>274.45444444444445</v>
      </c>
      <c r="C499">
        <v>-8.9473771282761962</v>
      </c>
      <c r="D499">
        <v>2.4343742476260881</v>
      </c>
      <c r="E499" cm="1">
        <f t="array" ref="E499">INDEX(LINEST(C470:C528,$A470:$B528),1)*2</f>
        <v>0.13977342711067944</v>
      </c>
      <c r="F499" cm="1">
        <f t="array" ref="F499">INDEX(LINEST(D470:D528,$A470:$B528),1)*2</f>
        <v>1.1059864564264613E-2</v>
      </c>
      <c r="G499">
        <f t="shared" si="36"/>
        <v>8.2088933742102039</v>
      </c>
      <c r="H499">
        <f t="shared" si="37"/>
        <v>0.64954584585926067</v>
      </c>
      <c r="J499">
        <v>10.129940562408137</v>
      </c>
      <c r="K499">
        <v>2.5293137092836897</v>
      </c>
      <c r="L499" cm="1">
        <f t="array" ref="L499">INDEX(LINEST(J470:J528,$A470:$B528),1)*2</f>
        <v>-9.2358067796171991E-2</v>
      </c>
      <c r="M499" cm="1">
        <f t="array" ref="M499">INDEX(LINEST(K470:K528,$A470:$B528),1)*2</f>
        <v>3.893166842889424E-3</v>
      </c>
      <c r="N499">
        <f t="shared" si="38"/>
        <v>7.2611912901350424</v>
      </c>
      <c r="O499">
        <f t="shared" si="39"/>
        <v>-0.30608077718796656</v>
      </c>
    </row>
    <row r="500" spans="1:15" x14ac:dyDescent="0.4">
      <c r="A500">
        <v>16.600000000000001</v>
      </c>
      <c r="B500">
        <f t="shared" si="35"/>
        <v>275.56000000000006</v>
      </c>
      <c r="C500">
        <v>-8.920064030944328</v>
      </c>
      <c r="D500">
        <v>2.4302720139234015</v>
      </c>
      <c r="E500" cm="1">
        <f t="array" ref="E500">INDEX(LINEST(C471:C529,$A471:$B529),1)*2</f>
        <v>0.14090025787755947</v>
      </c>
      <c r="F500" cm="1">
        <f t="array" ref="F500">INDEX(LINEST(D471:D529,$A471:$B529),1)*2</f>
        <v>1.2105659974624752E-2</v>
      </c>
      <c r="G500">
        <f t="shared" si="36"/>
        <v>8.2750721451490676</v>
      </c>
      <c r="H500">
        <f t="shared" si="37"/>
        <v>0.71096541030971161</v>
      </c>
      <c r="J500">
        <v>10.102017913253434</v>
      </c>
      <c r="K500">
        <v>2.5315732385706569</v>
      </c>
      <c r="L500" cm="1">
        <f t="array" ref="L500">INDEX(LINEST(J471:J529,$A471:$B529),1)*2</f>
        <v>-9.3813541532664135E-2</v>
      </c>
      <c r="M500" cm="1">
        <f t="array" ref="M500">INDEX(LINEST(K471:K529,$A471:$B529),1)*2</f>
        <v>5.906528534141139E-4</v>
      </c>
      <c r="N500">
        <f t="shared" si="38"/>
        <v>7.3756206352980547</v>
      </c>
      <c r="O500">
        <f t="shared" si="39"/>
        <v>-4.643712733541764E-2</v>
      </c>
    </row>
    <row r="501" spans="1:15" x14ac:dyDescent="0.4">
      <c r="A501">
        <v>16.633333333333333</v>
      </c>
      <c r="B501">
        <f t="shared" si="35"/>
        <v>276.66777777777776</v>
      </c>
      <c r="C501">
        <v>-8.9003251944828623</v>
      </c>
      <c r="D501">
        <v>2.4321691446336007</v>
      </c>
      <c r="E501" cm="1">
        <f t="array" ref="E501">INDEX(LINEST(C472:C530,$A472:$B530),1)*2</f>
        <v>0.14350779038042374</v>
      </c>
      <c r="F501" cm="1">
        <f t="array" ref="F501">INDEX(LINEST(D472:D530,$A472:$B530),1)*2</f>
        <v>1.0783231007794668E-2</v>
      </c>
      <c r="G501">
        <f t="shared" si="36"/>
        <v>8.4282125290422858</v>
      </c>
      <c r="H501">
        <f t="shared" si="37"/>
        <v>0.63329915708778084</v>
      </c>
      <c r="J501">
        <v>10.080472216587228</v>
      </c>
      <c r="K501">
        <v>2.5333304874960563</v>
      </c>
      <c r="L501" cm="1">
        <f t="array" ref="L501">INDEX(LINEST(J472:J530,$A472:$B530),1)*2</f>
        <v>-9.6211545652368641E-2</v>
      </c>
      <c r="M501" cm="1">
        <f t="array" ref="M501">INDEX(LINEST(K472:K530,$A472:$B530),1)*2</f>
        <v>-1.9977259971705632E-3</v>
      </c>
      <c r="N501">
        <f t="shared" si="38"/>
        <v>7.5641517191892227</v>
      </c>
      <c r="O501">
        <f t="shared" si="39"/>
        <v>0.1570612178975497</v>
      </c>
    </row>
    <row r="502" spans="1:15" x14ac:dyDescent="0.4">
      <c r="A502">
        <v>16.666666666666668</v>
      </c>
      <c r="B502">
        <f t="shared" si="35"/>
        <v>277.77777777777783</v>
      </c>
      <c r="C502">
        <v>-8.8695096969096596</v>
      </c>
      <c r="D502">
        <v>2.4339321560925273</v>
      </c>
      <c r="E502" cm="1">
        <f t="array" ref="E502">INDEX(LINEST(C473:C531,$A473:$B531),1)*2</f>
        <v>0.14586513385096964</v>
      </c>
      <c r="F502" cm="1">
        <f t="array" ref="F502">INDEX(LINEST(D473:D531,$A473:$B531),1)*2</f>
        <v>9.6346664027306614E-3</v>
      </c>
      <c r="G502">
        <f t="shared" si="36"/>
        <v>8.5666593110674469</v>
      </c>
      <c r="H502">
        <f t="shared" si="37"/>
        <v>0.56584395783237174</v>
      </c>
      <c r="J502">
        <v>10.053243948874552</v>
      </c>
      <c r="K502">
        <v>2.5358739535592809</v>
      </c>
      <c r="L502" cm="1">
        <f t="array" ref="L502">INDEX(LINEST(J473:J531,$A473:$B531),1)*2</f>
        <v>-9.7603936097630767E-2</v>
      </c>
      <c r="M502" cm="1">
        <f t="array" ref="M502">INDEX(LINEST(K473:K531,$A473:$B531),1)*2</f>
        <v>-4.3403800802813523E-3</v>
      </c>
      <c r="N502">
        <f t="shared" si="38"/>
        <v>7.6736214559957316</v>
      </c>
      <c r="O502">
        <f t="shared" si="39"/>
        <v>0.34124068191171997</v>
      </c>
    </row>
    <row r="503" spans="1:15" x14ac:dyDescent="0.4">
      <c r="A503">
        <v>16.7</v>
      </c>
      <c r="B503">
        <f t="shared" si="35"/>
        <v>278.89</v>
      </c>
      <c r="C503">
        <v>-8.8434389240432942</v>
      </c>
      <c r="D503">
        <v>2.4334726503937905</v>
      </c>
      <c r="E503" cm="1">
        <f t="array" ref="E503">INDEX(LINEST(C474:C532,$A474:$B532),1)*2</f>
        <v>0.14585319139892522</v>
      </c>
      <c r="F503" cm="1">
        <f t="array" ref="F503">INDEX(LINEST(D474:D532,$A474:$B532),1)*2</f>
        <v>8.2698241456804246E-3</v>
      </c>
      <c r="G503">
        <f t="shared" si="36"/>
        <v>8.5659579308588771</v>
      </c>
      <c r="H503">
        <f t="shared" si="37"/>
        <v>0.48568677207581129</v>
      </c>
      <c r="J503">
        <v>10.025575881967722</v>
      </c>
      <c r="K503">
        <v>2.5372533547751428</v>
      </c>
      <c r="L503" cm="1">
        <f t="array" ref="L503">INDEX(LINEST(J474:J532,$A474:$B532),1)*2</f>
        <v>-0.10047612941111023</v>
      </c>
      <c r="M503" cm="1">
        <f t="array" ref="M503">INDEX(LINEST(K474:K532,$A474:$B532),1)*2</f>
        <v>-7.2150176579638646E-3</v>
      </c>
      <c r="N503">
        <f t="shared" si="38"/>
        <v>7.8994332943014864</v>
      </c>
      <c r="O503">
        <f t="shared" si="39"/>
        <v>0.56724468826911911</v>
      </c>
    </row>
    <row r="504" spans="1:15" x14ac:dyDescent="0.4">
      <c r="A504">
        <v>16.733333333333334</v>
      </c>
      <c r="B504">
        <f t="shared" si="35"/>
        <v>280.00444444444446</v>
      </c>
      <c r="C504">
        <v>-8.8177815292204649</v>
      </c>
      <c r="D504">
        <v>2.4312733454551103</v>
      </c>
      <c r="E504" cm="1">
        <f t="array" ref="E504">INDEX(LINEST(C475:C533,$A475:$B533),1)*2</f>
        <v>0.14654997194351091</v>
      </c>
      <c r="F504" cm="1">
        <f t="array" ref="F504">INDEX(LINEST(D475:D533,$A475:$B533),1)*2</f>
        <v>7.4316531681724862E-3</v>
      </c>
      <c r="G504">
        <f t="shared" si="36"/>
        <v>8.606879852242395</v>
      </c>
      <c r="H504">
        <f t="shared" si="37"/>
        <v>0.43646099056677007</v>
      </c>
      <c r="J504">
        <v>10.000302293054501</v>
      </c>
      <c r="K504">
        <v>2.5366143522449756</v>
      </c>
      <c r="L504" cm="1">
        <f t="array" ref="L504">INDEX(LINEST(J475:J533,$A475:$B533),1)*2</f>
        <v>-0.10174532918625154</v>
      </c>
      <c r="M504" cm="1">
        <f t="array" ref="M504">INDEX(LINEST(K475:K533,$A475:$B533),1)*2</f>
        <v>-8.3177653533139471E-3</v>
      </c>
      <c r="N504">
        <f t="shared" si="38"/>
        <v>7.9992177806230966</v>
      </c>
      <c r="O504">
        <f t="shared" si="39"/>
        <v>0.65394271207754251</v>
      </c>
    </row>
    <row r="505" spans="1:15" x14ac:dyDescent="0.4">
      <c r="A505">
        <v>16.766666666666666</v>
      </c>
      <c r="B505">
        <f t="shared" si="35"/>
        <v>281.12111111111108</v>
      </c>
      <c r="C505">
        <v>-8.7912558675890597</v>
      </c>
      <c r="D505">
        <v>2.4331710891643419</v>
      </c>
      <c r="E505" cm="1">
        <f t="array" ref="E505">INDEX(LINEST(C476:C534,$A476:$B534),1)*2</f>
        <v>0.14797722250206541</v>
      </c>
      <c r="F505" cm="1">
        <f t="array" ref="F505">INDEX(LINEST(D476:D534,$A476:$B534),1)*2</f>
        <v>5.7500518880058034E-3</v>
      </c>
      <c r="G505">
        <f t="shared" si="36"/>
        <v>8.6907022775463005</v>
      </c>
      <c r="H505">
        <f t="shared" si="37"/>
        <v>0.33770054738258082</v>
      </c>
      <c r="J505">
        <v>9.9730977245230292</v>
      </c>
      <c r="K505">
        <v>2.5378076089114558</v>
      </c>
      <c r="L505" cm="1">
        <f t="array" ref="L505">INDEX(LINEST(J476:J534,$A476:$B534),1)*2</f>
        <v>-0.10213453990012392</v>
      </c>
      <c r="M505" cm="1">
        <f t="array" ref="M505">INDEX(LINEST(K476:K534,$A476:$B534),1)*2</f>
        <v>-1.0938656663278524E-2</v>
      </c>
      <c r="N505">
        <f t="shared" si="38"/>
        <v>8.0298175269477436</v>
      </c>
      <c r="O505">
        <f t="shared" si="39"/>
        <v>0.85999718686695759</v>
      </c>
    </row>
    <row r="506" spans="1:15" x14ac:dyDescent="0.4">
      <c r="A506">
        <v>16.8</v>
      </c>
      <c r="B506">
        <f t="shared" si="35"/>
        <v>282.24</v>
      </c>
      <c r="C506">
        <v>-8.7622283447544369</v>
      </c>
      <c r="D506">
        <v>2.4347749712179412</v>
      </c>
      <c r="E506" cm="1">
        <f t="array" ref="E506">INDEX(LINEST(C477:C535,$A477:$B535),1)*2</f>
        <v>0.15002929713772542</v>
      </c>
      <c r="F506" cm="1">
        <f t="array" ref="F506">INDEX(LINEST(D477:D535,$A477:$B535),1)*2</f>
        <v>4.2500373058222312E-3</v>
      </c>
      <c r="G506">
        <f t="shared" si="36"/>
        <v>8.811220620898613</v>
      </c>
      <c r="H506">
        <f t="shared" si="37"/>
        <v>0.24960469097093962</v>
      </c>
      <c r="J506">
        <v>9.9505197427164713</v>
      </c>
      <c r="K506">
        <v>2.5382200525104022</v>
      </c>
      <c r="L506" cm="1">
        <f t="array" ref="L506">INDEX(LINEST(J477:J535,$A477:$B535),1)*2</f>
        <v>-0.10346786243815918</v>
      </c>
      <c r="M506" cm="1">
        <f t="array" ref="M506">INDEX(LINEST(K477:K535,$A477:$B535),1)*2</f>
        <v>-1.3085037708007712E-2</v>
      </c>
      <c r="N506">
        <f t="shared" si="38"/>
        <v>8.1346433448880759</v>
      </c>
      <c r="O506">
        <f t="shared" si="39"/>
        <v>1.0287456646035664</v>
      </c>
    </row>
    <row r="507" spans="1:15" x14ac:dyDescent="0.4">
      <c r="A507">
        <v>16.833333333333332</v>
      </c>
      <c r="B507">
        <f t="shared" si="35"/>
        <v>283.36111111111109</v>
      </c>
      <c r="C507">
        <v>-8.7316939038553993</v>
      </c>
      <c r="D507">
        <v>2.4461723059295366</v>
      </c>
      <c r="E507" cm="1">
        <f t="array" ref="E507">INDEX(LINEST(C478:C536,$A478:$B536),1)*2</f>
        <v>0.15146548140032681</v>
      </c>
      <c r="F507" cm="1">
        <f t="array" ref="F507">INDEX(LINEST(D478:D536,$A478:$B536),1)*2</f>
        <v>1.9331971515998826E-3</v>
      </c>
      <c r="G507">
        <f t="shared" si="36"/>
        <v>8.8955677226411929</v>
      </c>
      <c r="H507">
        <f t="shared" si="37"/>
        <v>0.1135366687134611</v>
      </c>
      <c r="J507">
        <v>9.93321541934084</v>
      </c>
      <c r="K507">
        <v>2.540438948542167</v>
      </c>
      <c r="L507" cm="1">
        <f t="array" ref="L507">INDEX(LINEST(J478:J536,$A478:$B536),1)*2</f>
        <v>-0.10642969961764326</v>
      </c>
      <c r="M507" cm="1">
        <f t="array" ref="M507">INDEX(LINEST(K478:K536,$A478:$B536),1)*2</f>
        <v>-1.4014635609443054E-2</v>
      </c>
      <c r="N507">
        <f t="shared" si="38"/>
        <v>8.3675029839391133</v>
      </c>
      <c r="O507">
        <f t="shared" si="39"/>
        <v>1.101830651614413</v>
      </c>
    </row>
    <row r="508" spans="1:15" x14ac:dyDescent="0.4">
      <c r="A508">
        <v>16.866666666666667</v>
      </c>
      <c r="B508">
        <f t="shared" si="35"/>
        <v>284.48444444444448</v>
      </c>
      <c r="C508">
        <v>-8.7021281214180402</v>
      </c>
      <c r="D508">
        <v>2.4464312943510156</v>
      </c>
      <c r="E508" cm="1">
        <f t="array" ref="E508">INDEX(LINEST(C479:C537,$A479:$B537),1)*2</f>
        <v>0.15351102628414509</v>
      </c>
      <c r="F508" cm="1">
        <f t="array" ref="F508">INDEX(LINEST(D479:D537,$A479:$B537),1)*2</f>
        <v>1.4444790710338015E-3</v>
      </c>
      <c r="G508">
        <f t="shared" si="36"/>
        <v>9.0157025736678413</v>
      </c>
      <c r="H508">
        <f t="shared" si="37"/>
        <v>8.4834255841815157E-2</v>
      </c>
      <c r="J508">
        <v>9.9110412182207579</v>
      </c>
      <c r="K508">
        <v>2.5440549406322139</v>
      </c>
      <c r="L508" cm="1">
        <f t="array" ref="L508">INDEX(LINEST(J479:J537,$A479:$B537),1)*2</f>
        <v>-0.10924937593758856</v>
      </c>
      <c r="M508" cm="1">
        <f t="array" ref="M508">INDEX(LINEST(K479:K537,$A479:$B537),1)*2</f>
        <v>-1.4471159866894189E-2</v>
      </c>
      <c r="N508">
        <f t="shared" si="38"/>
        <v>8.5891859362132124</v>
      </c>
      <c r="O508">
        <f t="shared" si="39"/>
        <v>1.1377225887352211</v>
      </c>
    </row>
    <row r="509" spans="1:15" x14ac:dyDescent="0.4">
      <c r="A509">
        <v>16.899999999999999</v>
      </c>
      <c r="B509">
        <f t="shared" si="35"/>
        <v>285.60999999999996</v>
      </c>
      <c r="C509">
        <v>-8.6745487403815549</v>
      </c>
      <c r="D509">
        <v>2.4505386721144684</v>
      </c>
      <c r="E509" cm="1">
        <f t="array" ref="E509">INDEX(LINEST(C480:C538,$A480:$B538),1)*2</f>
        <v>0.15477218448317967</v>
      </c>
      <c r="F509" cm="1">
        <f t="array" ref="F509">INDEX(LINEST(D480:D538,$A480:$B538),1)*2</f>
        <v>8.3704117112836491E-4</v>
      </c>
      <c r="G509">
        <f t="shared" si="36"/>
        <v>9.0897703946971422</v>
      </c>
      <c r="H509">
        <f t="shared" si="37"/>
        <v>4.9159427980368868E-2</v>
      </c>
      <c r="J509">
        <v>9.8906350254216342</v>
      </c>
      <c r="K509">
        <v>2.5465956611820988</v>
      </c>
      <c r="L509" cm="1">
        <f t="array" ref="L509">INDEX(LINEST(J480:J538,$A480:$B538),1)*2</f>
        <v>-0.1119078287571838</v>
      </c>
      <c r="M509" cm="1">
        <f t="array" ref="M509">INDEX(LINEST(K480:K538,$A480:$B538),1)*2</f>
        <v>-1.4265323780575082E-2</v>
      </c>
      <c r="N509">
        <f t="shared" si="38"/>
        <v>8.798193496889791</v>
      </c>
      <c r="O509">
        <f t="shared" si="39"/>
        <v>1.1215397556288129</v>
      </c>
    </row>
    <row r="510" spans="1:15" x14ac:dyDescent="0.4">
      <c r="A510">
        <v>16.933333333333334</v>
      </c>
      <c r="B510">
        <f t="shared" si="35"/>
        <v>286.73777777777781</v>
      </c>
      <c r="C510">
        <v>-8.652900057531566</v>
      </c>
      <c r="D510">
        <v>2.4520440526551508</v>
      </c>
      <c r="E510" cm="1">
        <f t="array" ref="E510">INDEX(LINEST(C481:C539,$A481:$B539),1)*2</f>
        <v>0.15595885247456259</v>
      </c>
      <c r="F510" cm="1">
        <f t="array" ref="F510">INDEX(LINEST(D481:D539,$A481:$B539),1)*2</f>
        <v>1.5400288498427601E-3</v>
      </c>
      <c r="G510">
        <f t="shared" si="36"/>
        <v>9.15946340583106</v>
      </c>
      <c r="H510">
        <f t="shared" si="37"/>
        <v>9.0445894351265294E-2</v>
      </c>
      <c r="J510">
        <v>9.8706834350423875</v>
      </c>
      <c r="K510">
        <v>2.550686480176152</v>
      </c>
      <c r="L510" cm="1">
        <f t="array" ref="L510">INDEX(LINEST(J481:J539,$A481:$B539),1)*2</f>
        <v>-0.1136405802089986</v>
      </c>
      <c r="M510" cm="1">
        <f t="array" ref="M510">INDEX(LINEST(K481:K539,$A481:$B539),1)*2</f>
        <v>-1.3645675402108898E-2</v>
      </c>
      <c r="N510">
        <f t="shared" si="38"/>
        <v>8.9344224160314702</v>
      </c>
      <c r="O510">
        <f t="shared" si="39"/>
        <v>1.0728230001138015</v>
      </c>
    </row>
    <row r="511" spans="1:15" x14ac:dyDescent="0.4">
      <c r="A511">
        <v>16.966666666666665</v>
      </c>
      <c r="B511">
        <f t="shared" si="35"/>
        <v>287.86777777777775</v>
      </c>
      <c r="C511">
        <v>-8.6287124507619062</v>
      </c>
      <c r="D511">
        <v>2.4536637827048087</v>
      </c>
      <c r="E511" cm="1">
        <f t="array" ref="E511">INDEX(LINEST(C482:C540,$A482:$B540),1)*2</f>
        <v>0.15578084040007703</v>
      </c>
      <c r="F511" cm="1">
        <f t="array" ref="F511">INDEX(LINEST(D482:D540,$A482:$B540),1)*2</f>
        <v>1.3635716160035585E-3</v>
      </c>
      <c r="G511">
        <f t="shared" si="36"/>
        <v>9.1490087566965244</v>
      </c>
      <c r="H511">
        <f t="shared" si="37"/>
        <v>8.0082561007888992E-2</v>
      </c>
      <c r="J511">
        <v>9.8450441457647067</v>
      </c>
      <c r="K511">
        <v>2.5520593887346963</v>
      </c>
      <c r="L511" cm="1">
        <f t="array" ref="L511">INDEX(LINEST(J482:J540,$A482:$B540),1)*2</f>
        <v>-0.11047467105580554</v>
      </c>
      <c r="M511" cm="1">
        <f t="array" ref="M511">INDEX(LINEST(K482:K540,$A482:$B540),1)*2</f>
        <v>-1.2853402355905713E-2</v>
      </c>
      <c r="N511">
        <f t="shared" si="38"/>
        <v>8.6855186384074319</v>
      </c>
      <c r="O511">
        <f t="shared" si="39"/>
        <v>1.0105344932213072</v>
      </c>
    </row>
    <row r="512" spans="1:15" x14ac:dyDescent="0.4">
      <c r="A512">
        <v>17</v>
      </c>
      <c r="B512">
        <f t="shared" si="35"/>
        <v>289</v>
      </c>
      <c r="C512">
        <v>-8.5961863109235477</v>
      </c>
      <c r="D512">
        <v>2.4554847755998144</v>
      </c>
      <c r="E512" cm="1">
        <f t="array" ref="E512">INDEX(LINEST(C483:C541,$A483:$B541),1)*2</f>
        <v>0.15501627082042777</v>
      </c>
      <c r="F512" cm="1">
        <f t="array" ref="F512">INDEX(LINEST(D483:D541,$A483:$B541),1)*2</f>
        <v>1.777445146634876E-3</v>
      </c>
      <c r="G512">
        <f t="shared" si="36"/>
        <v>9.1041055852837225</v>
      </c>
      <c r="H512">
        <f t="shared" si="37"/>
        <v>0.10438935346186626</v>
      </c>
      <c r="J512">
        <v>9.8215282117473901</v>
      </c>
      <c r="K512">
        <v>2.5474763387599815</v>
      </c>
      <c r="L512" cm="1">
        <f t="array" ref="L512">INDEX(LINEST(J483:J541,$A483:$B541),1)*2</f>
        <v>-0.10835254957096163</v>
      </c>
      <c r="M512" cm="1">
        <f t="array" ref="M512">INDEX(LINEST(K483:K541,$A483:$B541),1)*2</f>
        <v>-1.1478755218664928E-2</v>
      </c>
      <c r="N512">
        <f t="shared" si="38"/>
        <v>8.5186774472690043</v>
      </c>
      <c r="O512">
        <f t="shared" si="39"/>
        <v>0.90245973529143675</v>
      </c>
    </row>
    <row r="513" spans="1:15" x14ac:dyDescent="0.4">
      <c r="A513">
        <v>17.033333333333335</v>
      </c>
      <c r="B513">
        <f t="shared" si="35"/>
        <v>290.13444444444451</v>
      </c>
      <c r="C513">
        <v>-8.5675276527879412</v>
      </c>
      <c r="D513">
        <v>2.4579835261006644</v>
      </c>
      <c r="E513" cm="1">
        <f t="array" ref="E513">INDEX(LINEST(C484:C542,$A484:$B542),1)*2</f>
        <v>0.15684092830827423</v>
      </c>
      <c r="F513" cm="1">
        <f t="array" ref="F513">INDEX(LINEST(D484:D542,$A484:$B542),1)*2</f>
        <v>1.0215495999600828E-3</v>
      </c>
      <c r="G513">
        <f t="shared" si="36"/>
        <v>9.2112677195449457</v>
      </c>
      <c r="H513">
        <f t="shared" si="37"/>
        <v>5.9995608005655655E-2</v>
      </c>
      <c r="J513">
        <v>9.8027986342981865</v>
      </c>
      <c r="K513">
        <v>2.5497316411008746</v>
      </c>
      <c r="L513" cm="1">
        <f t="array" ref="L513">INDEX(LINEST(J484:J542,$A484:$B542),1)*2</f>
        <v>-0.10800212801165522</v>
      </c>
      <c r="M513" cm="1">
        <f t="array" ref="M513">INDEX(LINEST(K484:K542,$A484:$B542),1)*2</f>
        <v>-1.1435834905034695E-2</v>
      </c>
      <c r="N513">
        <f t="shared" si="38"/>
        <v>8.4911273042763344</v>
      </c>
      <c r="O513">
        <f t="shared" si="39"/>
        <v>0.8990853402338278</v>
      </c>
    </row>
    <row r="514" spans="1:15" x14ac:dyDescent="0.4">
      <c r="A514">
        <v>17.066666666666666</v>
      </c>
      <c r="B514">
        <f t="shared" si="35"/>
        <v>291.27111111111111</v>
      </c>
      <c r="C514">
        <v>-8.5347886888022391</v>
      </c>
      <c r="D514">
        <v>2.4568358805048383</v>
      </c>
      <c r="E514" cm="1">
        <f t="array" ref="E514">INDEX(LINEST(C485:C543,$A485:$B543),1)*2</f>
        <v>0.15839506241816378</v>
      </c>
      <c r="F514" cm="1">
        <f t="array" ref="F514">INDEX(LINEST(D485:D543,$A485:$B543),1)*2</f>
        <v>-2.6255846109850891E-4</v>
      </c>
      <c r="G514">
        <f t="shared" si="36"/>
        <v>9.3025420158187586</v>
      </c>
      <c r="H514">
        <f t="shared" si="37"/>
        <v>-1.5420058420315427E-2</v>
      </c>
      <c r="J514">
        <v>9.7752006890243841</v>
      </c>
      <c r="K514">
        <v>2.5481107791796078</v>
      </c>
      <c r="L514" cm="1">
        <f t="array" ref="L514">INDEX(LINEST(J485:J543,$A485:$B543),1)*2</f>
        <v>-0.10886914735310563</v>
      </c>
      <c r="M514" cm="1">
        <f t="array" ref="M514">INDEX(LINEST(K485:K543,$A485:$B543),1)*2</f>
        <v>-9.8453891530387114E-3</v>
      </c>
      <c r="N514">
        <f t="shared" si="38"/>
        <v>8.5592923649011645</v>
      </c>
      <c r="O514">
        <f t="shared" si="39"/>
        <v>0.77404449521190355</v>
      </c>
    </row>
    <row r="515" spans="1:15" x14ac:dyDescent="0.4">
      <c r="A515">
        <v>17.100000000000001</v>
      </c>
      <c r="B515">
        <f t="shared" ref="B515:B578" si="40">A515^2</f>
        <v>292.41000000000003</v>
      </c>
      <c r="C515">
        <v>-8.5026507587022024</v>
      </c>
      <c r="D515">
        <v>2.4596737305917493</v>
      </c>
      <c r="E515" cm="1">
        <f t="array" ref="E515">INDEX(LINEST(C486:C544,$A486:$B544),1)*2</f>
        <v>0.16111010161638861</v>
      </c>
      <c r="F515" cm="1">
        <f t="array" ref="F515">INDEX(LINEST(D486:D544,$A486:$B544),1)*2</f>
        <v>-9.0210690320074386E-4</v>
      </c>
      <c r="G515">
        <f t="shared" si="36"/>
        <v>9.4619962679305019</v>
      </c>
      <c r="H515">
        <f t="shared" si="37"/>
        <v>-5.2980738424979683E-2</v>
      </c>
      <c r="J515">
        <v>9.7522234232012863</v>
      </c>
      <c r="K515">
        <v>2.5514212471177111</v>
      </c>
      <c r="L515" cm="1">
        <f t="array" ref="L515">INDEX(LINEST(J486:J544,$A486:$B544),1)*2</f>
        <v>-0.10943797238311713</v>
      </c>
      <c r="M515" cm="1">
        <f t="array" ref="M515">INDEX(LINEST(K486:K544,$A486:$B544),1)*2</f>
        <v>-1.0031113092319313E-2</v>
      </c>
      <c r="N515">
        <f t="shared" si="38"/>
        <v>8.60401338876067</v>
      </c>
      <c r="O515">
        <f t="shared" si="39"/>
        <v>0.78864611131814444</v>
      </c>
    </row>
    <row r="516" spans="1:15" x14ac:dyDescent="0.4">
      <c r="A516">
        <v>17.133333333333333</v>
      </c>
      <c r="B516">
        <f t="shared" si="40"/>
        <v>293.55111111111108</v>
      </c>
      <c r="C516">
        <v>-8.4698093900281393</v>
      </c>
      <c r="D516">
        <v>2.4634214274262831</v>
      </c>
      <c r="E516" cm="1">
        <f t="array" ref="E516">INDEX(LINEST(C487:C545,$A487:$B545),1)*2</f>
        <v>0.16409292239737872</v>
      </c>
      <c r="F516" cm="1">
        <f t="array" ref="F516">INDEX(LINEST(D487:D545,$A487:$B545),1)*2</f>
        <v>-2.302621084804122E-3</v>
      </c>
      <c r="G516">
        <f t="shared" si="36"/>
        <v>9.6371773323980516</v>
      </c>
      <c r="H516">
        <f t="shared" si="37"/>
        <v>-0.13523293631054609</v>
      </c>
      <c r="J516">
        <v>9.7332479394052154</v>
      </c>
      <c r="K516">
        <v>2.5537782237546973</v>
      </c>
      <c r="L516" cm="1">
        <f t="array" ref="L516">INDEX(LINEST(J487:J545,$A487:$B545),1)*2</f>
        <v>-0.10921908562441772</v>
      </c>
      <c r="M516" cm="1">
        <f t="array" ref="M516">INDEX(LINEST(K487:K545,$A487:$B545),1)*2</f>
        <v>-9.6565047232840817E-3</v>
      </c>
      <c r="N516">
        <f t="shared" si="38"/>
        <v>8.5868045117917209</v>
      </c>
      <c r="O516">
        <f t="shared" si="39"/>
        <v>0.75919440134459459</v>
      </c>
    </row>
    <row r="517" spans="1:15" x14ac:dyDescent="0.4">
      <c r="A517">
        <v>17.166666666666668</v>
      </c>
      <c r="B517">
        <f t="shared" si="40"/>
        <v>294.69444444444446</v>
      </c>
      <c r="C517">
        <v>-8.4373632434326442</v>
      </c>
      <c r="D517">
        <v>2.4663161626796528</v>
      </c>
      <c r="E517" cm="1">
        <f t="array" ref="E517">INDEX(LINEST(C488:C546,$A488:$B546),1)*2</f>
        <v>0.16635441253715219</v>
      </c>
      <c r="F517" cm="1">
        <f t="array" ref="F517">INDEX(LINEST(D488:D546,$A488:$B546),1)*2</f>
        <v>-4.1179864368130498E-3</v>
      </c>
      <c r="G517">
        <f t="shared" si="36"/>
        <v>9.7699946483069482</v>
      </c>
      <c r="H517">
        <f t="shared" si="37"/>
        <v>-0.24184934343403042</v>
      </c>
      <c r="J517">
        <v>9.7089420792736458</v>
      </c>
      <c r="K517">
        <v>2.5551002041166657</v>
      </c>
      <c r="L517" cm="1">
        <f t="array" ref="L517">INDEX(LINEST(J488:J546,$A488:$B546),1)*2</f>
        <v>-0.1103436219119661</v>
      </c>
      <c r="M517" cm="1">
        <f t="array" ref="M517">INDEX(LINEST(K488:K546,$A488:$B546),1)*2</f>
        <v>-9.3357383630125884E-3</v>
      </c>
      <c r="N517">
        <f t="shared" si="38"/>
        <v>8.6752155547187755</v>
      </c>
      <c r="O517">
        <f t="shared" si="39"/>
        <v>0.73397575010004978</v>
      </c>
    </row>
    <row r="518" spans="1:15" x14ac:dyDescent="0.4">
      <c r="A518">
        <v>17.2</v>
      </c>
      <c r="B518">
        <f t="shared" si="40"/>
        <v>295.83999999999997</v>
      </c>
      <c r="C518">
        <v>-8.4090809373067312</v>
      </c>
      <c r="D518">
        <v>2.4723800393546482</v>
      </c>
      <c r="E518" cm="1">
        <f t="array" ref="E518">INDEX(LINEST(C489:C547,$A489:$B547),1)*2</f>
        <v>0.1700790409119326</v>
      </c>
      <c r="F518" cm="1">
        <f t="array" ref="F518">INDEX(LINEST(D489:D547,$A489:$B547),1)*2</f>
        <v>-5.9091551536110632E-3</v>
      </c>
      <c r="G518">
        <f t="shared" si="36"/>
        <v>9.9887420727578018</v>
      </c>
      <c r="H518">
        <f t="shared" si="37"/>
        <v>-0.34704468217157775</v>
      </c>
      <c r="J518">
        <v>9.6872767691971866</v>
      </c>
      <c r="K518">
        <v>2.5582524433082448</v>
      </c>
      <c r="L518" cm="1">
        <f t="array" ref="L518">INDEX(LINEST(J489:J547,$A489:$B547),1)*2</f>
        <v>-0.11254152448217747</v>
      </c>
      <c r="M518" cm="1">
        <f t="array" ref="M518">INDEX(LINEST(K489:K547,$A489:$B547),1)*2</f>
        <v>-9.392734616596933E-3</v>
      </c>
      <c r="N518">
        <f t="shared" si="38"/>
        <v>8.848014654788793</v>
      </c>
      <c r="O518">
        <f t="shared" si="39"/>
        <v>0.73845679555685095</v>
      </c>
    </row>
    <row r="519" spans="1:15" x14ac:dyDescent="0.4">
      <c r="A519">
        <v>17.233333333333334</v>
      </c>
      <c r="B519">
        <f t="shared" si="40"/>
        <v>296.98777777777781</v>
      </c>
      <c r="C519">
        <v>-8.3811791877490727</v>
      </c>
      <c r="D519">
        <v>2.4725095684639058</v>
      </c>
      <c r="E519" cm="1">
        <f t="array" ref="E519">INDEX(LINEST(C490:C548,$A490:$B548),1)*2</f>
        <v>0.1730238990275586</v>
      </c>
      <c r="F519" cm="1">
        <f t="array" ref="F519">INDEX(LINEST(D490:D548,$A490:$B548),1)*2</f>
        <v>-8.3263288785759837E-3</v>
      </c>
      <c r="G519">
        <f t="shared" si="36"/>
        <v>10.161693589888516</v>
      </c>
      <c r="H519">
        <f t="shared" si="37"/>
        <v>-0.4890052950387675</v>
      </c>
      <c r="J519">
        <v>9.6638449247533664</v>
      </c>
      <c r="K519">
        <v>2.5639194334222064</v>
      </c>
      <c r="L519" cm="1">
        <f t="array" ref="L519">INDEX(LINEST(J490:J548,$A490:$B548),1)*2</f>
        <v>-0.11596771584075165</v>
      </c>
      <c r="M519" cm="1">
        <f t="array" ref="M519">INDEX(LINEST(K490:K548,$A490:$B548),1)*2</f>
        <v>-8.5396158828072079E-3</v>
      </c>
      <c r="N519">
        <f t="shared" si="38"/>
        <v>9.1173818193998954</v>
      </c>
      <c r="O519">
        <f t="shared" si="39"/>
        <v>0.67138460070630268</v>
      </c>
    </row>
    <row r="520" spans="1:15" x14ac:dyDescent="0.4">
      <c r="A520">
        <v>17.266666666666666</v>
      </c>
      <c r="B520">
        <f t="shared" si="40"/>
        <v>298.13777777777773</v>
      </c>
      <c r="C520">
        <v>-8.3490044815779285</v>
      </c>
      <c r="D520">
        <v>2.4729872694171173</v>
      </c>
      <c r="E520" cm="1">
        <f t="array" ref="E520">INDEX(LINEST(C491:C549,$A491:$B549),1)*2</f>
        <v>0.17386876435664331</v>
      </c>
      <c r="F520" cm="1">
        <f t="array" ref="F520">INDEX(LINEST(D491:D549,$A491:$B549),1)*2</f>
        <v>-9.781854273216593E-3</v>
      </c>
      <c r="G520">
        <f t="shared" si="36"/>
        <v>10.21131253066566</v>
      </c>
      <c r="H520">
        <f t="shared" si="37"/>
        <v>-0.57448830146601049</v>
      </c>
      <c r="J520">
        <v>9.6411583328744008</v>
      </c>
      <c r="K520">
        <v>2.5610460252168972</v>
      </c>
      <c r="L520" cm="1">
        <f t="array" ref="L520">INDEX(LINEST(J491:J549,$A491:$B549),1)*2</f>
        <v>-0.11825646643683066</v>
      </c>
      <c r="M520" cm="1">
        <f t="array" ref="M520">INDEX(LINEST(K491:K549,$A491:$B549),1)*2</f>
        <v>-6.6958675179556665E-3</v>
      </c>
      <c r="N520">
        <f t="shared" si="38"/>
        <v>9.2973233912636264</v>
      </c>
      <c r="O520">
        <f t="shared" si="39"/>
        <v>0.52642910426167455</v>
      </c>
    </row>
    <row r="521" spans="1:15" x14ac:dyDescent="0.4">
      <c r="A521">
        <v>17.3</v>
      </c>
      <c r="B521">
        <f t="shared" si="40"/>
        <v>299.29000000000002</v>
      </c>
      <c r="C521">
        <v>-8.324503545225836</v>
      </c>
      <c r="D521">
        <v>2.475119110161883</v>
      </c>
      <c r="E521" cm="1">
        <f t="array" ref="E521">INDEX(LINEST(C492:C550,$A492:$B550),1)*2</f>
        <v>0.1760125048437472</v>
      </c>
      <c r="F521" cm="1">
        <f t="array" ref="F521">INDEX(LINEST(D492:D550,$A492:$B550),1)*2</f>
        <v>-1.2183782912539742E-2</v>
      </c>
      <c r="G521">
        <f t="shared" si="36"/>
        <v>10.337214409473273</v>
      </c>
      <c r="H521">
        <f t="shared" si="37"/>
        <v>-0.71555357045345902</v>
      </c>
      <c r="J521">
        <v>9.6187795159584031</v>
      </c>
      <c r="K521">
        <v>2.5634586110222868</v>
      </c>
      <c r="L521" cm="1">
        <f t="array" ref="L521">INDEX(LINEST(J492:J550,$A492:$B550),1)*2</f>
        <v>-0.12151177234419863</v>
      </c>
      <c r="M521" cm="1">
        <f t="array" ref="M521">INDEX(LINEST(K492:K550,$A492:$B550),1)*2</f>
        <v>-5.7197603964376006E-3</v>
      </c>
      <c r="N521">
        <f t="shared" si="38"/>
        <v>9.5532555417008975</v>
      </c>
      <c r="O521">
        <f t="shared" si="39"/>
        <v>0.44968756236792418</v>
      </c>
    </row>
    <row r="522" spans="1:15" x14ac:dyDescent="0.4">
      <c r="A522">
        <v>17.333333333333332</v>
      </c>
      <c r="B522">
        <f t="shared" si="40"/>
        <v>300.4444444444444</v>
      </c>
      <c r="C522">
        <v>-8.2921691261733219</v>
      </c>
      <c r="D522">
        <v>2.4751676290976401</v>
      </c>
      <c r="E522" cm="1">
        <f t="array" ref="E522">INDEX(LINEST(C493:C551,$A493:$B551),1)*2</f>
        <v>0.1785463278862309</v>
      </c>
      <c r="F522" cm="1">
        <f t="array" ref="F522">INDEX(LINEST(D493:D551,$A493:$B551),1)*2</f>
        <v>-1.3793942044548467E-2</v>
      </c>
      <c r="G522">
        <f t="shared" si="36"/>
        <v>10.486025836758341</v>
      </c>
      <c r="H522">
        <f t="shared" si="37"/>
        <v>-0.8101182162763314</v>
      </c>
      <c r="J522">
        <v>9.5973839552380653</v>
      </c>
      <c r="K522">
        <v>2.5633611646112895</v>
      </c>
      <c r="L522" cm="1">
        <f t="array" ref="L522">INDEX(LINEST(J493:J551,$A493:$B551),1)*2</f>
        <v>-0.12635298829298858</v>
      </c>
      <c r="M522" cm="1">
        <f t="array" ref="M522">INDEX(LINEST(K493:K551,$A493:$B551),1)*2</f>
        <v>-5.7771289409855337E-3</v>
      </c>
      <c r="N522">
        <f t="shared" si="38"/>
        <v>9.9338719395947628</v>
      </c>
      <c r="O522">
        <f t="shared" si="39"/>
        <v>0.45419787734028266</v>
      </c>
    </row>
    <row r="523" spans="1:15" x14ac:dyDescent="0.4">
      <c r="A523">
        <v>17.366666666666667</v>
      </c>
      <c r="B523">
        <f t="shared" si="40"/>
        <v>301.60111111111115</v>
      </c>
      <c r="C523">
        <v>-8.2613511675138209</v>
      </c>
      <c r="D523">
        <v>2.4732941866087872</v>
      </c>
      <c r="E523" cm="1">
        <f t="array" ref="E523">INDEX(LINEST(C494:C552,$A494:$B552),1)*2</f>
        <v>0.18139050992091163</v>
      </c>
      <c r="F523" cm="1">
        <f t="array" ref="F523">INDEX(LINEST(D494:D552,$A494:$B552),1)*2</f>
        <v>-1.5522125061602684E-2</v>
      </c>
      <c r="G523">
        <f t="shared" si="36"/>
        <v>10.653064647655139</v>
      </c>
      <c r="H523">
        <f t="shared" si="37"/>
        <v>-0.91161440486792555</v>
      </c>
      <c r="J523">
        <v>9.5673288525606051</v>
      </c>
      <c r="K523">
        <v>2.5658662455157466</v>
      </c>
      <c r="L523" cm="1">
        <f t="array" ref="L523">INDEX(LINEST(J494:J552,$A494:$B552),1)*2</f>
        <v>-0.13153441598657742</v>
      </c>
      <c r="M523" cm="1">
        <f t="array" ref="M523">INDEX(LINEST(K494:K552,$A494:$B552),1)*2</f>
        <v>-5.7998790134275195E-3</v>
      </c>
      <c r="N523">
        <f t="shared" si="38"/>
        <v>10.341235784864717</v>
      </c>
      <c r="O523">
        <f t="shared" si="39"/>
        <v>0.4559864880356716</v>
      </c>
    </row>
    <row r="524" spans="1:15" x14ac:dyDescent="0.4">
      <c r="A524">
        <v>17.399999999999999</v>
      </c>
      <c r="B524">
        <f t="shared" si="40"/>
        <v>302.75999999999993</v>
      </c>
      <c r="C524">
        <v>-8.2308654245981927</v>
      </c>
      <c r="D524">
        <v>2.4737613611447702</v>
      </c>
      <c r="E524" cm="1">
        <f t="array" ref="E524">INDEX(LINEST(C495:C553,$A495:$B553),1)*2</f>
        <v>0.18259527076314558</v>
      </c>
      <c r="F524" cm="1">
        <f t="array" ref="F524">INDEX(LINEST(D495:D553,$A495:$B553),1)*2</f>
        <v>-1.7573554852413013E-2</v>
      </c>
      <c r="G524">
        <f t="shared" si="36"/>
        <v>10.723820251919539</v>
      </c>
      <c r="H524">
        <f t="shared" si="37"/>
        <v>-1.0320948764822162</v>
      </c>
      <c r="J524">
        <v>9.5437963036368405</v>
      </c>
      <c r="K524">
        <v>2.5697935478460283</v>
      </c>
      <c r="L524" cm="1">
        <f t="array" ref="L524">INDEX(LINEST(J495:J553,$A495:$B553),1)*2</f>
        <v>-0.13746167633271536</v>
      </c>
      <c r="M524" cm="1">
        <f t="array" ref="M524">INDEX(LINEST(K495:K553,$A495:$B553),1)*2</f>
        <v>-6.4351124439868844E-3</v>
      </c>
      <c r="N524">
        <f t="shared" si="38"/>
        <v>10.807236993278082</v>
      </c>
      <c r="O524">
        <f t="shared" si="39"/>
        <v>0.5059285403462489</v>
      </c>
    </row>
    <row r="525" spans="1:15" x14ac:dyDescent="0.4">
      <c r="A525">
        <v>17.433333333333334</v>
      </c>
      <c r="B525">
        <f t="shared" si="40"/>
        <v>303.92111111111114</v>
      </c>
      <c r="C525">
        <v>-8.202467025040816</v>
      </c>
      <c r="D525">
        <v>2.4753621102122945</v>
      </c>
      <c r="E525" cm="1">
        <f t="array" ref="E525">INDEX(LINEST(C496:C554,$A496:$B554),1)*2</f>
        <v>0.18616661145493943</v>
      </c>
      <c r="F525" cm="1">
        <f t="array" ref="F525">INDEX(LINEST(D496:D554,$A496:$B554),1)*2</f>
        <v>-1.9219379321362612E-2</v>
      </c>
      <c r="G525">
        <f t="shared" si="36"/>
        <v>10.933565090748592</v>
      </c>
      <c r="H525">
        <f t="shared" si="37"/>
        <v>-1.1287541475436262</v>
      </c>
      <c r="J525">
        <v>9.5155592420164137</v>
      </c>
      <c r="K525">
        <v>2.5702472942112129</v>
      </c>
      <c r="L525" cm="1">
        <f t="array" ref="L525">INDEX(LINEST(J496:J554,$A496:$B554),1)*2</f>
        <v>-0.14298041089400398</v>
      </c>
      <c r="M525" cm="1">
        <f t="array" ref="M525">INDEX(LINEST(K496:K554,$A496:$B554),1)*2</f>
        <v>-8.3494738276912936E-3</v>
      </c>
      <c r="N525">
        <f t="shared" si="38"/>
        <v>11.241119904486593</v>
      </c>
      <c r="O525">
        <f t="shared" si="39"/>
        <v>0.65643563233308955</v>
      </c>
    </row>
    <row r="526" spans="1:15" x14ac:dyDescent="0.4">
      <c r="A526">
        <v>17.466666666666665</v>
      </c>
      <c r="B526">
        <f t="shared" si="40"/>
        <v>305.08444444444439</v>
      </c>
      <c r="C526">
        <v>-8.175284578509654</v>
      </c>
      <c r="D526">
        <v>2.4789420250426959</v>
      </c>
      <c r="E526" cm="1">
        <f t="array" ref="E526">INDEX(LINEST(C497:C555,$A497:$B555),1)*2</f>
        <v>0.18700262890678407</v>
      </c>
      <c r="F526" cm="1">
        <f t="array" ref="F526">INDEX(LINEST(D497:D555,$A497:$B555),1)*2</f>
        <v>-2.0517979252578342E-2</v>
      </c>
      <c r="G526">
        <f t="shared" si="36"/>
        <v>10.982664395695428</v>
      </c>
      <c r="H526">
        <f t="shared" si="37"/>
        <v>-1.205020921503926</v>
      </c>
      <c r="J526">
        <v>9.4961906103980702</v>
      </c>
      <c r="K526">
        <v>2.5686837587325511</v>
      </c>
      <c r="L526" cm="1">
        <f t="array" ref="L526">INDEX(LINEST(J497:J555,$A497:$B555),1)*2</f>
        <v>-0.14996712887142727</v>
      </c>
      <c r="M526" cm="1">
        <f t="array" ref="M526">INDEX(LINEST(K497:K555,$A497:$B555),1)*2</f>
        <v>-9.7011168873332373E-3</v>
      </c>
      <c r="N526">
        <f t="shared" si="38"/>
        <v>11.790415671871612</v>
      </c>
      <c r="O526">
        <f t="shared" si="39"/>
        <v>0.76270180968213919</v>
      </c>
    </row>
    <row r="527" spans="1:15" x14ac:dyDescent="0.4">
      <c r="A527">
        <v>17.5</v>
      </c>
      <c r="B527">
        <f t="shared" si="40"/>
        <v>306.25</v>
      </c>
      <c r="C527">
        <v>-8.1408837113338564</v>
      </c>
      <c r="D527">
        <v>2.482909217134269</v>
      </c>
      <c r="E527" cm="1">
        <f t="array" ref="E527">INDEX(LINEST(C498:C556,$A498:$B556),1)*2</f>
        <v>0.18686815369435675</v>
      </c>
      <c r="F527" cm="1">
        <f t="array" ref="F527">INDEX(LINEST(D498:D556,$A498:$B556),1)*2</f>
        <v>-2.0129353158617535E-2</v>
      </c>
      <c r="G527">
        <f t="shared" si="36"/>
        <v>10.974766666469572</v>
      </c>
      <c r="H527">
        <f t="shared" si="37"/>
        <v>-1.1821969110056079</v>
      </c>
      <c r="J527">
        <v>9.4666974911743029</v>
      </c>
      <c r="K527">
        <v>2.568295498608451</v>
      </c>
      <c r="L527" cm="1">
        <f t="array" ref="L527">INDEX(LINEST(J498:J556,$A498:$B556),1)*2</f>
        <v>-0.15746386751706903</v>
      </c>
      <c r="M527" cm="1">
        <f t="array" ref="M527">INDEX(LINEST(K498:K556,$A498:$B556),1)*2</f>
        <v>-1.0809045061605266E-2</v>
      </c>
      <c r="N527">
        <f t="shared" si="38"/>
        <v>12.379809264191968</v>
      </c>
      <c r="O527">
        <f t="shared" si="39"/>
        <v>0.84980712274340608</v>
      </c>
    </row>
    <row r="528" spans="1:15" x14ac:dyDescent="0.4">
      <c r="A528">
        <v>17.533333333333335</v>
      </c>
      <c r="B528">
        <f t="shared" si="40"/>
        <v>307.41777777777781</v>
      </c>
      <c r="C528">
        <v>-8.1063748047881798</v>
      </c>
      <c r="D528">
        <v>2.483635554649295</v>
      </c>
      <c r="E528" cm="1">
        <f t="array" ref="E528">INDEX(LINEST(C499:C557,$A499:$B557),1)*2</f>
        <v>0.18785664400058494</v>
      </c>
      <c r="F528" cm="1">
        <f t="array" ref="F528">INDEX(LINEST(D499:D557,$A499:$B557),1)*2</f>
        <v>-1.9939671831872282E-2</v>
      </c>
      <c r="G528">
        <f t="shared" si="36"/>
        <v>11.032820702154353</v>
      </c>
      <c r="H528">
        <f t="shared" si="37"/>
        <v>-1.171056926685859</v>
      </c>
      <c r="J528">
        <v>9.442189791301896</v>
      </c>
      <c r="K528">
        <v>2.5701385108804131</v>
      </c>
      <c r="L528" cm="1">
        <f t="array" ref="L528">INDEX(LINEST(J499:J557,$A499:$B557),1)*2</f>
        <v>-0.16257963677215662</v>
      </c>
      <c r="M528" cm="1">
        <f t="array" ref="M528">INDEX(LINEST(K499:K557,$A499:$B557),1)*2</f>
        <v>-9.5649449583262991E-3</v>
      </c>
      <c r="N528">
        <f t="shared" si="38"/>
        <v>12.782011043026953</v>
      </c>
      <c r="O528">
        <f t="shared" si="39"/>
        <v>0.75199597262361373</v>
      </c>
    </row>
    <row r="529" spans="1:15" x14ac:dyDescent="0.4">
      <c r="A529">
        <v>17.566666666666666</v>
      </c>
      <c r="B529">
        <f t="shared" si="40"/>
        <v>308.58777777777777</v>
      </c>
      <c r="C529">
        <v>-8.0752478889834194</v>
      </c>
      <c r="D529">
        <v>2.491582465841351</v>
      </c>
      <c r="E529" cm="1">
        <f t="array" ref="E529">INDEX(LINEST(C500:C558,$A500:$B558),1)*2</f>
        <v>0.18924809121822231</v>
      </c>
      <c r="F529" cm="1">
        <f t="array" ref="F529">INDEX(LINEST(D500:D558,$A500:$B558),1)*2</f>
        <v>-2.1554814645426967E-2</v>
      </c>
      <c r="G529">
        <f t="shared" si="36"/>
        <v>11.114540397246195</v>
      </c>
      <c r="H529">
        <f t="shared" si="37"/>
        <v>-1.2659142641259258</v>
      </c>
      <c r="J529">
        <v>9.4107282111812278</v>
      </c>
      <c r="K529">
        <v>2.570638042305649</v>
      </c>
      <c r="L529" cm="1">
        <f t="array" ref="L529">INDEX(LINEST(J500:J558,$A500:$B558),1)*2</f>
        <v>-0.16921257205755286</v>
      </c>
      <c r="M529" cm="1">
        <f t="array" ref="M529">INDEX(LINEST(K500:K558,$A500:$B558),1)*2</f>
        <v>-9.2834567370924537E-3</v>
      </c>
      <c r="N529">
        <f t="shared" si="38"/>
        <v>13.303492415164806</v>
      </c>
      <c r="O529">
        <f t="shared" si="39"/>
        <v>0.72986536867020879</v>
      </c>
    </row>
    <row r="530" spans="1:15" x14ac:dyDescent="0.4">
      <c r="A530">
        <v>17.600000000000001</v>
      </c>
      <c r="B530">
        <f t="shared" si="40"/>
        <v>309.76000000000005</v>
      </c>
      <c r="C530">
        <v>-8.0399930920223017</v>
      </c>
      <c r="D530">
        <v>2.4898316439863746</v>
      </c>
      <c r="E530" cm="1">
        <f t="array" ref="E530">INDEX(LINEST(C501:C559,$A501:$B559),1)*2</f>
        <v>0.1923914479270013</v>
      </c>
      <c r="F530" cm="1">
        <f t="array" ref="F530">INDEX(LINEST(D501:D559,$A501:$B559),1)*2</f>
        <v>-2.0718776335529893E-2</v>
      </c>
      <c r="G530">
        <f t="shared" si="36"/>
        <v>11.299149736752787</v>
      </c>
      <c r="H530">
        <f t="shared" si="37"/>
        <v>-1.2168137341856706</v>
      </c>
      <c r="J530">
        <v>9.3818409438283243</v>
      </c>
      <c r="K530">
        <v>2.5701761828116232</v>
      </c>
      <c r="L530" cm="1">
        <f t="array" ref="L530">INDEX(LINEST(J501:J559,$A501:$B559),1)*2</f>
        <v>-0.17190286733417823</v>
      </c>
      <c r="M530" cm="1">
        <f t="array" ref="M530">INDEX(LINEST(K501:K559,$A501:$B559),1)*2</f>
        <v>-8.7930390017173423E-3</v>
      </c>
      <c r="N530">
        <f t="shared" si="38"/>
        <v>13.515003429813094</v>
      </c>
      <c r="O530">
        <f t="shared" si="39"/>
        <v>0.6913087263150175</v>
      </c>
    </row>
    <row r="531" spans="1:15" x14ac:dyDescent="0.4">
      <c r="A531">
        <v>17.633333333333333</v>
      </c>
      <c r="B531">
        <f t="shared" si="40"/>
        <v>310.93444444444441</v>
      </c>
      <c r="C531">
        <v>-8.0072823684589576</v>
      </c>
      <c r="D531">
        <v>2.4913040212528439</v>
      </c>
      <c r="E531" cm="1">
        <f t="array" ref="E531">INDEX(LINEST(C502:C560,$A502:$B560),1)*2</f>
        <v>0.19697998547838214</v>
      </c>
      <c r="F531" cm="1">
        <f t="array" ref="F531">INDEX(LINEST(D502:D560,$A502:$B560),1)*2</f>
        <v>-1.9320703346844822E-2</v>
      </c>
      <c r="G531">
        <f t="shared" si="36"/>
        <v>11.568634547145383</v>
      </c>
      <c r="H531">
        <f t="shared" si="37"/>
        <v>-1.1347049075601963</v>
      </c>
      <c r="J531">
        <v>9.3556436798581029</v>
      </c>
      <c r="K531">
        <v>2.5673226467533246</v>
      </c>
      <c r="L531" cm="1">
        <f t="array" ref="L531">INDEX(LINEST(J502:J560,$A502:$B560),1)*2</f>
        <v>-0.17523907828757027</v>
      </c>
      <c r="M531" cm="1">
        <f t="array" ref="M531">INDEX(LINEST(K502:K560,$A502:$B560),1)*2</f>
        <v>-9.1037904253031855E-3</v>
      </c>
      <c r="N531">
        <f t="shared" si="38"/>
        <v>13.777296334968774</v>
      </c>
      <c r="O531">
        <f t="shared" si="39"/>
        <v>0.71574000323733644</v>
      </c>
    </row>
    <row r="532" spans="1:15" x14ac:dyDescent="0.4">
      <c r="A532">
        <v>17.666666666666668</v>
      </c>
      <c r="B532">
        <f t="shared" si="40"/>
        <v>312.11111111111114</v>
      </c>
      <c r="C532">
        <v>-7.9819228200929935</v>
      </c>
      <c r="D532">
        <v>2.4912788455590285</v>
      </c>
      <c r="E532" cm="1">
        <f t="array" ref="E532">INDEX(LINEST(C503:C561,$A503:$B561),1)*2</f>
        <v>0.20024625812411861</v>
      </c>
      <c r="F532" cm="1">
        <f t="array" ref="F532">INDEX(LINEST(D503:D561,$A503:$B561),1)*2</f>
        <v>-1.8990458547912266E-2</v>
      </c>
      <c r="G532">
        <f t="shared" si="36"/>
        <v>11.760462739629485</v>
      </c>
      <c r="H532">
        <f t="shared" si="37"/>
        <v>-1.1153096305188872</v>
      </c>
      <c r="J532">
        <v>9.3222285952539821</v>
      </c>
      <c r="K532">
        <v>2.5627245332665805</v>
      </c>
      <c r="L532" cm="1">
        <f t="array" ref="L532">INDEX(LINEST(J503:J561,$A503:$B561),1)*2</f>
        <v>-0.1776275069231642</v>
      </c>
      <c r="M532" cm="1">
        <f t="array" ref="M532">INDEX(LINEST(K503:K561,$A503:$B561),1)*2</f>
        <v>-8.6932941048712895E-3</v>
      </c>
      <c r="N532">
        <f t="shared" si="38"/>
        <v>13.965074594299171</v>
      </c>
      <c r="O532">
        <f t="shared" si="39"/>
        <v>0.68346678252498083</v>
      </c>
    </row>
    <row r="533" spans="1:15" x14ac:dyDescent="0.4">
      <c r="A533">
        <v>17.7</v>
      </c>
      <c r="B533">
        <f t="shared" si="40"/>
        <v>313.28999999999996</v>
      </c>
      <c r="C533">
        <v>-7.9520760750492778</v>
      </c>
      <c r="D533">
        <v>2.491221471037171</v>
      </c>
      <c r="E533" cm="1">
        <f t="array" ref="E533">INDEX(LINEST(C504:C562,$A504:$B562),1)*2</f>
        <v>0.20419870698587378</v>
      </c>
      <c r="F533" cm="1">
        <f t="array" ref="F533">INDEX(LINEST(D504:D562,$A504:$B562),1)*2</f>
        <v>-1.6778701469105924E-2</v>
      </c>
      <c r="G533">
        <f t="shared" si="36"/>
        <v>11.992590061280366</v>
      </c>
      <c r="H533">
        <f t="shared" si="37"/>
        <v>-0.98541313728059088</v>
      </c>
      <c r="J533">
        <v>9.2955332531588368</v>
      </c>
      <c r="K533">
        <v>2.5705541877706817</v>
      </c>
      <c r="L533" cm="1">
        <f t="array" ref="L533">INDEX(LINEST(J504:J562,$A504:$B562),1)*2</f>
        <v>-0.17857326087474912</v>
      </c>
      <c r="M533" cm="1">
        <f t="array" ref="M533">INDEX(LINEST(K504:K562,$A504:$B562),1)*2</f>
        <v>-7.6940829392186209E-3</v>
      </c>
      <c r="N533">
        <f t="shared" si="38"/>
        <v>14.039429769972777</v>
      </c>
      <c r="O533">
        <f t="shared" si="39"/>
        <v>0.60490880068136799</v>
      </c>
    </row>
    <row r="534" spans="1:15" x14ac:dyDescent="0.4">
      <c r="A534">
        <v>17.733333333333334</v>
      </c>
      <c r="B534">
        <f t="shared" si="40"/>
        <v>314.47111111111116</v>
      </c>
      <c r="C534">
        <v>-7.9190825498408675</v>
      </c>
      <c r="D534">
        <v>2.4910941618321014</v>
      </c>
      <c r="E534" cm="1">
        <f t="array" ref="E534">INDEX(LINEST(C505:C563,$A505:$B563),1)*2</f>
        <v>0.20785680873255086</v>
      </c>
      <c r="F534" cm="1">
        <f t="array" ref="F534">INDEX(LINEST(D505:D563,$A505:$B563),1)*2</f>
        <v>-1.2585600873745972E-2</v>
      </c>
      <c r="G534">
        <f t="shared" si="36"/>
        <v>12.20743037686271</v>
      </c>
      <c r="H534">
        <f t="shared" si="37"/>
        <v>-0.73915233931510094</v>
      </c>
      <c r="J534">
        <v>9.2724252949206996</v>
      </c>
      <c r="K534">
        <v>2.5686321514817996</v>
      </c>
      <c r="L534" cm="1">
        <f t="array" ref="L534">INDEX(LINEST(J505:J563,$A505:$B563),1)*2</f>
        <v>-0.17788738542350988</v>
      </c>
      <c r="M534" cm="1">
        <f t="array" ref="M534">INDEX(LINEST(K505:K563,$A505:$B563),1)*2</f>
        <v>-6.4587561481314103E-3</v>
      </c>
      <c r="N534">
        <f t="shared" si="38"/>
        <v>13.985506241996347</v>
      </c>
      <c r="O534">
        <f t="shared" si="39"/>
        <v>0.50778740836609149</v>
      </c>
    </row>
    <row r="535" spans="1:15" x14ac:dyDescent="0.4">
      <c r="A535">
        <v>17.766666666666666</v>
      </c>
      <c r="B535">
        <f t="shared" si="40"/>
        <v>315.65444444444444</v>
      </c>
      <c r="C535">
        <v>-7.8835726368167149</v>
      </c>
      <c r="D535">
        <v>2.4899132496124827</v>
      </c>
      <c r="E535" cm="1">
        <f t="array" ref="E535">INDEX(LINEST(C506:C564,$A506:$B564),1)*2</f>
        <v>0.21124612802905682</v>
      </c>
      <c r="F535" cm="1">
        <f t="array" ref="F535">INDEX(LINEST(D506:D564,$A506:$B564),1)*2</f>
        <v>-8.0678194072183879E-3</v>
      </c>
      <c r="G535">
        <f t="shared" si="36"/>
        <v>12.406485099146506</v>
      </c>
      <c r="H535">
        <f t="shared" si="37"/>
        <v>-0.47382303378593588</v>
      </c>
      <c r="J535">
        <v>9.2451816312629536</v>
      </c>
      <c r="K535">
        <v>2.572054545772041</v>
      </c>
      <c r="L535" cm="1">
        <f t="array" ref="L535">INDEX(LINEST(J506:J564,$A506:$B564),1)*2</f>
        <v>-0.17500337216420511</v>
      </c>
      <c r="M535" cm="1">
        <f t="array" ref="M535">INDEX(LINEST(K506:K564,$A506:$B564),1)*2</f>
        <v>-6.0587669718803749E-3</v>
      </c>
      <c r="N535">
        <f t="shared" si="38"/>
        <v>13.758765119549807</v>
      </c>
      <c r="O535">
        <f t="shared" si="39"/>
        <v>0.47634025932923513</v>
      </c>
    </row>
    <row r="536" spans="1:15" x14ac:dyDescent="0.4">
      <c r="A536">
        <v>17.8</v>
      </c>
      <c r="B536">
        <f t="shared" si="40"/>
        <v>316.84000000000003</v>
      </c>
      <c r="C536">
        <v>-7.8453490245674553</v>
      </c>
      <c r="D536">
        <v>2.4935028270424868</v>
      </c>
      <c r="E536" cm="1">
        <f t="array" ref="E536">INDEX(LINEST(C507:C565,$A507:$B565),1)*2</f>
        <v>0.21436253732353461</v>
      </c>
      <c r="F536" cm="1">
        <f t="array" ref="F536">INDEX(LINEST(D507:D565,$A507:$B565),1)*2</f>
        <v>-3.1474951552141923E-3</v>
      </c>
      <c r="G536">
        <f t="shared" si="36"/>
        <v>12.589511817011187</v>
      </c>
      <c r="H536">
        <f t="shared" si="37"/>
        <v>-0.18485239046572952</v>
      </c>
      <c r="J536">
        <v>9.2169652022173434</v>
      </c>
      <c r="K536">
        <v>2.5739936755682558</v>
      </c>
      <c r="L536" cm="1">
        <f t="array" ref="L536">INDEX(LINEST(J507:J565,$A507:$B565),1)*2</f>
        <v>-0.17272885388481582</v>
      </c>
      <c r="M536" cm="1">
        <f t="array" ref="M536">INDEX(LINEST(K507:K565,$A507:$B565),1)*2</f>
        <v>-4.8314614470753798E-3</v>
      </c>
      <c r="N536">
        <f t="shared" si="38"/>
        <v>13.579942492424221</v>
      </c>
      <c r="O536">
        <f t="shared" si="39"/>
        <v>0.37984949896906639</v>
      </c>
    </row>
    <row r="537" spans="1:15" x14ac:dyDescent="0.4">
      <c r="A537">
        <v>17.833333333333332</v>
      </c>
      <c r="B537">
        <f t="shared" si="40"/>
        <v>318.02777777777771</v>
      </c>
      <c r="C537">
        <v>-7.8111631419902805</v>
      </c>
      <c r="D537">
        <v>2.4989703186448207</v>
      </c>
      <c r="E537" cm="1">
        <f t="array" ref="E537">INDEX(LINEST(C508:C566,$A508:$B566),1)*2</f>
        <v>0.21669795606605272</v>
      </c>
      <c r="F537" cm="1">
        <f t="array" ref="F537">INDEX(LINEST(D508:D566,$A508:$B566),1)*2</f>
        <v>-1.3280574858029511E-3</v>
      </c>
      <c r="G537">
        <f t="shared" si="36"/>
        <v>12.726670959759275</v>
      </c>
      <c r="H537">
        <f t="shared" si="37"/>
        <v>-7.799681614120732E-2</v>
      </c>
      <c r="J537">
        <v>9.1920593741906274</v>
      </c>
      <c r="K537">
        <v>2.5788795831527858</v>
      </c>
      <c r="L537" cm="1">
        <f t="array" ref="L537">INDEX(LINEST(J508:J566,$A508:$B566),1)*2</f>
        <v>-0.17239373177681167</v>
      </c>
      <c r="M537" cm="1">
        <f t="array" ref="M537">INDEX(LINEST(K508:K566,$A508:$B566),1)*2</f>
        <v>-4.3391940072093019E-3</v>
      </c>
      <c r="N537">
        <f t="shared" si="38"/>
        <v>13.553595192292933</v>
      </c>
      <c r="O537">
        <f t="shared" si="39"/>
        <v>0.34114743284679533</v>
      </c>
    </row>
    <row r="538" spans="1:15" x14ac:dyDescent="0.4">
      <c r="A538">
        <v>17.866666666666667</v>
      </c>
      <c r="B538">
        <f t="shared" si="40"/>
        <v>319.21777777777777</v>
      </c>
      <c r="C538">
        <v>-7.7815073841357432</v>
      </c>
      <c r="D538">
        <v>2.5029144098659453</v>
      </c>
      <c r="E538" cm="1">
        <f t="array" ref="E538">INDEX(LINEST(C509:C567,$A509:$B567),1)*2</f>
        <v>0.21911374738270631</v>
      </c>
      <c r="F538" cm="1">
        <f t="array" ref="F538">INDEX(LINEST(D509:D567,$A509:$B567),1)*2</f>
        <v>1.3289899482932851E-3</v>
      </c>
      <c r="G538">
        <f t="shared" si="36"/>
        <v>12.86855038378634</v>
      </c>
      <c r="H538">
        <f t="shared" si="37"/>
        <v>7.8051579663264634E-2</v>
      </c>
      <c r="J538">
        <v>9.1648267931313736</v>
      </c>
      <c r="K538">
        <v>2.5852192424183986</v>
      </c>
      <c r="L538" cm="1">
        <f t="array" ref="L538">INDEX(LINEST(J509:J567,$A509:$B567),1)*2</f>
        <v>-0.17160123605079122</v>
      </c>
      <c r="M538" cm="1">
        <f t="array" ref="M538">INDEX(LINEST(K509:K567,$A509:$B567),1)*2</f>
        <v>-3.8275817074115022E-3</v>
      </c>
      <c r="N538">
        <f t="shared" si="38"/>
        <v>13.491289178313206</v>
      </c>
      <c r="O538">
        <f t="shared" si="39"/>
        <v>0.3009244738366923</v>
      </c>
    </row>
    <row r="539" spans="1:15" x14ac:dyDescent="0.4">
      <c r="A539">
        <v>17.899999999999999</v>
      </c>
      <c r="B539">
        <f t="shared" si="40"/>
        <v>320.40999999999997</v>
      </c>
      <c r="C539">
        <v>-7.749161963779148</v>
      </c>
      <c r="D539">
        <v>2.5098549585412835</v>
      </c>
      <c r="E539" cm="1">
        <f t="array" ref="E539">INDEX(LINEST(C510:C568,$A510:$B568),1)*2</f>
        <v>0.22104112705086917</v>
      </c>
      <c r="F539" cm="1">
        <f t="array" ref="F539">INDEX(LINEST(D510:D568,$A510:$B568),1)*2</f>
        <v>3.0772679286941574E-3</v>
      </c>
      <c r="G539">
        <f t="shared" si="36"/>
        <v>12.981745391697546</v>
      </c>
      <c r="H539">
        <f t="shared" si="37"/>
        <v>0.18072794545220786</v>
      </c>
      <c r="J539">
        <v>9.140852403505825</v>
      </c>
      <c r="K539">
        <v>2.5858613155533545</v>
      </c>
      <c r="L539" cm="1">
        <f t="array" ref="L539">INDEX(LINEST(J510:J568,$A510:$B568),1)*2</f>
        <v>-0.17203296279942856</v>
      </c>
      <c r="M539" cm="1">
        <f t="array" ref="M539">INDEX(LINEST(K510:K568,$A510:$B568),1)*2</f>
        <v>-3.4116613048708771E-3</v>
      </c>
      <c r="N539">
        <f t="shared" si="38"/>
        <v>13.525231535291075</v>
      </c>
      <c r="O539">
        <f t="shared" si="39"/>
        <v>0.26822481178894836</v>
      </c>
    </row>
    <row r="540" spans="1:15" x14ac:dyDescent="0.4">
      <c r="A540">
        <v>17.933333333333334</v>
      </c>
      <c r="B540">
        <f t="shared" si="40"/>
        <v>321.60444444444443</v>
      </c>
      <c r="C540">
        <v>-7.7197093500935789</v>
      </c>
      <c r="D540">
        <v>2.5130525399178647</v>
      </c>
      <c r="E540" cm="1">
        <f t="array" ref="E540">INDEX(LINEST(C511:C569,$A511:$B569),1)*2</f>
        <v>0.22631823131828957</v>
      </c>
      <c r="F540" cm="1">
        <f t="array" ref="F540">INDEX(LINEST(D511:D569,$A511:$B569),1)*2</f>
        <v>4.575437767260538E-3</v>
      </c>
      <c r="G540">
        <f t="shared" si="36"/>
        <v>13.291669725323146</v>
      </c>
      <c r="H540">
        <f t="shared" si="37"/>
        <v>0.26871546007121139</v>
      </c>
      <c r="J540">
        <v>9.1197686929865682</v>
      </c>
      <c r="K540">
        <v>2.585524773558987</v>
      </c>
      <c r="L540" cm="1">
        <f t="array" ref="L540">INDEX(LINEST(J511:J569,$A511:$B569),1)*2</f>
        <v>-0.17329963460255424</v>
      </c>
      <c r="M540" cm="1">
        <f t="array" ref="M540">INDEX(LINEST(K511:K569,$A511:$B569),1)*2</f>
        <v>-2.6167899203014197E-3</v>
      </c>
      <c r="N540">
        <f t="shared" si="38"/>
        <v>13.624817272452814</v>
      </c>
      <c r="O540">
        <f t="shared" si="39"/>
        <v>0.20573202353409764</v>
      </c>
    </row>
    <row r="541" spans="1:15" x14ac:dyDescent="0.4">
      <c r="A541">
        <v>17.966666666666665</v>
      </c>
      <c r="B541">
        <f t="shared" si="40"/>
        <v>322.80111111111103</v>
      </c>
      <c r="C541">
        <v>-7.6854369066677481</v>
      </c>
      <c r="D541">
        <v>2.5151203860410853</v>
      </c>
      <c r="E541" cm="1">
        <f t="array" ref="E541">INDEX(LINEST(C512:C570,$A512:$B570),1)*2</f>
        <v>0.2326274306906066</v>
      </c>
      <c r="F541" cm="1">
        <f t="array" ref="F541">INDEX(LINEST(D512:D570,$A512:$B570),1)*2</f>
        <v>7.4739412166763049E-3</v>
      </c>
      <c r="G541">
        <f t="shared" si="36"/>
        <v>13.662209004459324</v>
      </c>
      <c r="H541">
        <f t="shared" si="37"/>
        <v>0.43894456765539935</v>
      </c>
      <c r="J541">
        <v>9.0908632152714191</v>
      </c>
      <c r="K541">
        <v>2.5913023012282164</v>
      </c>
      <c r="L541" cm="1">
        <f t="array" ref="L541">INDEX(LINEST(J512:J570,$A512:$B570),1)*2</f>
        <v>-0.17465924127499033</v>
      </c>
      <c r="M541" cm="1">
        <f t="array" ref="M541">INDEX(LINEST(K512:K570,$A512:$B570),1)*2</f>
        <v>-2.408277791839122E-3</v>
      </c>
      <c r="N541">
        <f t="shared" si="38"/>
        <v>13.73170954903974</v>
      </c>
      <c r="O541">
        <f t="shared" si="39"/>
        <v>0.18933879999439177</v>
      </c>
    </row>
    <row r="542" spans="1:15" x14ac:dyDescent="0.4">
      <c r="A542">
        <v>18</v>
      </c>
      <c r="B542">
        <f t="shared" si="40"/>
        <v>324</v>
      </c>
      <c r="C542">
        <v>-7.6446024978024685</v>
      </c>
      <c r="D542">
        <v>2.5098110519900052</v>
      </c>
      <c r="E542" cm="1">
        <f t="array" ref="E542">INDEX(LINEST(C513:C571,$A513:$B571),1)*2</f>
        <v>0.23691800466574375</v>
      </c>
      <c r="F542" cm="1">
        <f t="array" ref="F542">INDEX(LINEST(D513:D571,$A513:$B571),1)*2</f>
        <v>9.762837652278011E-3</v>
      </c>
      <c r="G542">
        <f t="shared" si="36"/>
        <v>13.91419441401913</v>
      </c>
      <c r="H542">
        <f t="shared" si="37"/>
        <v>0.57337145531828759</v>
      </c>
      <c r="J542">
        <v>9.0577857448603964</v>
      </c>
      <c r="K542">
        <v>2.5882869192609794</v>
      </c>
      <c r="L542" cm="1">
        <f t="array" ref="L542">INDEX(LINEST(J513:J571,$A513:$B571),1)*2</f>
        <v>-0.17674337562524517</v>
      </c>
      <c r="M542" cm="1">
        <f t="array" ref="M542">INDEX(LINEST(K513:K571,$A513:$B571),1)*2</f>
        <v>-1.896448061892255E-4</v>
      </c>
      <c r="N542">
        <f t="shared" si="38"/>
        <v>13.895564191656776</v>
      </c>
      <c r="O542">
        <f t="shared" si="39"/>
        <v>1.490987466259691E-2</v>
      </c>
    </row>
    <row r="543" spans="1:15" x14ac:dyDescent="0.4">
      <c r="A543">
        <v>18.033333333333335</v>
      </c>
      <c r="B543">
        <f t="shared" si="40"/>
        <v>325.20111111111117</v>
      </c>
      <c r="C543">
        <v>-7.6113233033807779</v>
      </c>
      <c r="D543">
        <v>2.5076900158977411</v>
      </c>
      <c r="E543" cm="1">
        <f t="array" ref="E543">INDEX(LINEST(C514:C572,$A514:$B572),1)*2</f>
        <v>0.24106090817189407</v>
      </c>
      <c r="F543" cm="1">
        <f t="array" ref="F543">INDEX(LINEST(D514:D572,$A514:$B572),1)*2</f>
        <v>1.2015950875399427E-2</v>
      </c>
      <c r="G543">
        <f t="shared" si="36"/>
        <v>14.157507136935338</v>
      </c>
      <c r="H543">
        <f t="shared" si="37"/>
        <v>0.70569679491220838</v>
      </c>
      <c r="J543">
        <v>9.0302416352214312</v>
      </c>
      <c r="K543">
        <v>2.5910559181639585</v>
      </c>
      <c r="L543" cm="1">
        <f t="array" ref="L543">INDEX(LINEST(J514:J572,$A514:$B572),1)*2</f>
        <v>-0.18211612050474477</v>
      </c>
      <c r="M543" cm="1">
        <f t="array" ref="M543">INDEX(LINEST(K514:K572,$A514:$B572),1)*2</f>
        <v>6.4062824648801779E-4</v>
      </c>
      <c r="N543">
        <f t="shared" si="38"/>
        <v>14.317969394083034</v>
      </c>
      <c r="O543">
        <f t="shared" si="39"/>
        <v>-5.0366192738887962E-2</v>
      </c>
    </row>
    <row r="544" spans="1:15" x14ac:dyDescent="0.4">
      <c r="A544">
        <v>18.066666666666666</v>
      </c>
      <c r="B544">
        <f t="shared" si="40"/>
        <v>326.40444444444444</v>
      </c>
      <c r="C544">
        <v>-7.577101083104834</v>
      </c>
      <c r="D544">
        <v>2.510538524079521</v>
      </c>
      <c r="E544" cm="1">
        <f t="array" ref="E544">INDEX(LINEST(C515:C573,$A515:$B573),1)*2</f>
        <v>0.24371124400605446</v>
      </c>
      <c r="F544" cm="1">
        <f t="array" ref="F544">INDEX(LINEST(D515:D573,$A515:$B573),1)*2</f>
        <v>1.5166428189248534E-2</v>
      </c>
      <c r="G544">
        <f t="shared" ref="G544:G607" si="41">E544*58.73</f>
        <v>14.313161360475577</v>
      </c>
      <c r="H544">
        <f t="shared" ref="H544:H607" si="42">F544*58.73</f>
        <v>0.89072432755456643</v>
      </c>
      <c r="J544">
        <v>9.0026368132865375</v>
      </c>
      <c r="K544">
        <v>2.5876617683313521</v>
      </c>
      <c r="L544" cm="1">
        <f t="array" ref="L544">INDEX(LINEST(J515:J573,$A515:$B573),1)*2</f>
        <v>-0.18629989369885278</v>
      </c>
      <c r="M544" cm="1">
        <f t="array" ref="M544">INDEX(LINEST(K515:K573,$A515:$B573),1)*2</f>
        <v>1.824289485702207E-3</v>
      </c>
      <c r="N544">
        <f t="shared" ref="N544:N607" si="43">-L544*78.62</f>
        <v>14.646897642603806</v>
      </c>
      <c r="O544">
        <f t="shared" ref="O544:O607" si="44">-M544*78.62</f>
        <v>-0.14342563936590752</v>
      </c>
    </row>
    <row r="545" spans="1:15" x14ac:dyDescent="0.4">
      <c r="A545">
        <v>18.100000000000001</v>
      </c>
      <c r="B545">
        <f t="shared" si="40"/>
        <v>327.61000000000007</v>
      </c>
      <c r="C545">
        <v>-7.5409773229476134</v>
      </c>
      <c r="D545">
        <v>2.5139492994552963</v>
      </c>
      <c r="E545" cm="1">
        <f t="array" ref="E545">INDEX(LINEST(C516:C574,$A516:$B574),1)*2</f>
        <v>0.24700290415385753</v>
      </c>
      <c r="F545" cm="1">
        <f t="array" ref="F545">INDEX(LINEST(D516:D574,$A516:$B574),1)*2</f>
        <v>1.7343766902245487E-2</v>
      </c>
      <c r="G545">
        <f t="shared" si="41"/>
        <v>14.506480560956053</v>
      </c>
      <c r="H545">
        <f t="shared" si="42"/>
        <v>1.0185994301688774</v>
      </c>
      <c r="J545">
        <v>8.9748732235590776</v>
      </c>
      <c r="K545">
        <v>2.5903788624434672</v>
      </c>
      <c r="L545" cm="1">
        <f t="array" ref="L545">INDEX(LINEST(J516:J574,$A516:$B574),1)*2</f>
        <v>-0.18811331043552038</v>
      </c>
      <c r="M545" cm="1">
        <f t="array" ref="M545">INDEX(LINEST(K516:K574,$A516:$B574),1)*2</f>
        <v>2.6216461550263291E-3</v>
      </c>
      <c r="N545">
        <f t="shared" si="43"/>
        <v>14.789468466440614</v>
      </c>
      <c r="O545">
        <f t="shared" si="44"/>
        <v>-0.20611382070817</v>
      </c>
    </row>
    <row r="546" spans="1:15" x14ac:dyDescent="0.4">
      <c r="A546">
        <v>18.133333333333333</v>
      </c>
      <c r="B546">
        <f t="shared" si="40"/>
        <v>328.81777777777774</v>
      </c>
      <c r="C546">
        <v>-7.5039095252279706</v>
      </c>
      <c r="D546">
        <v>2.5129700590543851</v>
      </c>
      <c r="E546" cm="1">
        <f t="array" ref="E546">INDEX(LINEST(C517:C575,$A517:$B575),1)*2</f>
        <v>0.25033394929191372</v>
      </c>
      <c r="F546" cm="1">
        <f t="array" ref="F546">INDEX(LINEST(D517:D575,$A517:$B575),1)*2</f>
        <v>1.8481838101157225E-2</v>
      </c>
      <c r="G546">
        <f t="shared" si="41"/>
        <v>14.702112841914092</v>
      </c>
      <c r="H546">
        <f t="shared" si="42"/>
        <v>1.0854383516809638</v>
      </c>
      <c r="J546">
        <v>8.9434686703477357</v>
      </c>
      <c r="K546">
        <v>2.592930821062351</v>
      </c>
      <c r="L546" cm="1">
        <f t="array" ref="L546">INDEX(LINEST(J517:J575,$A517:$B575),1)*2</f>
        <v>-0.19271790390558199</v>
      </c>
      <c r="M546" cm="1">
        <f t="array" ref="M546">INDEX(LINEST(K517:K575,$A517:$B575),1)*2</f>
        <v>3.0710238001528797E-3</v>
      </c>
      <c r="N546">
        <f t="shared" si="43"/>
        <v>15.151481605056857</v>
      </c>
      <c r="O546">
        <f t="shared" si="44"/>
        <v>-0.24144389116801943</v>
      </c>
    </row>
    <row r="547" spans="1:15" x14ac:dyDescent="0.4">
      <c r="A547">
        <v>18.166666666666668</v>
      </c>
      <c r="B547">
        <f t="shared" si="40"/>
        <v>330.02777777777783</v>
      </c>
      <c r="C547">
        <v>-7.4620506051744089</v>
      </c>
      <c r="D547">
        <v>2.5143981478597062</v>
      </c>
      <c r="E547" cm="1">
        <f t="array" ref="E547">INDEX(LINEST(C518:C576,$A518:$B576),1)*2</f>
        <v>0.25315260850213639</v>
      </c>
      <c r="F547" cm="1">
        <f t="array" ref="F547">INDEX(LINEST(D518:D576,$A518:$B576),1)*2</f>
        <v>1.8782396178427616E-2</v>
      </c>
      <c r="G547">
        <f t="shared" si="41"/>
        <v>14.867652697330469</v>
      </c>
      <c r="H547">
        <f t="shared" si="42"/>
        <v>1.1030901275590539</v>
      </c>
      <c r="J547">
        <v>8.9137145797516393</v>
      </c>
      <c r="K547">
        <v>2.5934943964277193</v>
      </c>
      <c r="L547" cm="1">
        <f t="array" ref="L547">INDEX(LINEST(J518:J576,$A518:$B576),1)*2</f>
        <v>-0.19715689618973345</v>
      </c>
      <c r="M547" cm="1">
        <f t="array" ref="M547">INDEX(LINEST(K518:K576,$A518:$B576),1)*2</f>
        <v>3.8649451825995902E-3</v>
      </c>
      <c r="N547">
        <f t="shared" si="43"/>
        <v>15.500475178436846</v>
      </c>
      <c r="O547">
        <f t="shared" si="44"/>
        <v>-0.30386199025597982</v>
      </c>
    </row>
    <row r="548" spans="1:15" x14ac:dyDescent="0.4">
      <c r="A548">
        <v>18.2</v>
      </c>
      <c r="B548">
        <f t="shared" si="40"/>
        <v>331.23999999999995</v>
      </c>
      <c r="C548">
        <v>-7.4280283045663946</v>
      </c>
      <c r="D548">
        <v>2.5147003092718228</v>
      </c>
      <c r="E548" cm="1">
        <f t="array" ref="E548">INDEX(LINEST(C519:C577,$A519:$B577),1)*2</f>
        <v>0.25844722193810438</v>
      </c>
      <c r="F548" cm="1">
        <f t="array" ref="F548">INDEX(LINEST(D519:D577,$A519:$B577),1)*2</f>
        <v>1.8155258639925426E-2</v>
      </c>
      <c r="G548">
        <f t="shared" si="41"/>
        <v>15.17860534442487</v>
      </c>
      <c r="H548">
        <f t="shared" si="42"/>
        <v>1.0662583399228203</v>
      </c>
      <c r="J548">
        <v>8.8832430591841032</v>
      </c>
      <c r="K548">
        <v>2.5955846384879919</v>
      </c>
      <c r="L548" cm="1">
        <f t="array" ref="L548">INDEX(LINEST(J519:J577,$A519:$B577),1)*2</f>
        <v>-0.20123043852740702</v>
      </c>
      <c r="M548" cm="1">
        <f t="array" ref="M548">INDEX(LINEST(K519:K577,$A519:$B577),1)*2</f>
        <v>4.4223964160490323E-3</v>
      </c>
      <c r="N548">
        <f t="shared" si="43"/>
        <v>15.820737077024742</v>
      </c>
      <c r="O548">
        <f t="shared" si="44"/>
        <v>-0.34768880622977494</v>
      </c>
    </row>
    <row r="549" spans="1:15" x14ac:dyDescent="0.4">
      <c r="A549">
        <v>18.233333333333334</v>
      </c>
      <c r="B549">
        <f t="shared" si="40"/>
        <v>332.4544444444445</v>
      </c>
      <c r="C549">
        <v>-7.3973101293210837</v>
      </c>
      <c r="D549">
        <v>2.5186184354219314</v>
      </c>
      <c r="E549" cm="1">
        <f t="array" ref="E549">INDEX(LINEST(C520:C578,$A520:$B578),1)*2</f>
        <v>0.26271792183403792</v>
      </c>
      <c r="F549" cm="1">
        <f t="array" ref="F549">INDEX(LINEST(D520:D578,$A520:$B578),1)*2</f>
        <v>1.7636809066567474E-2</v>
      </c>
      <c r="G549">
        <f t="shared" si="41"/>
        <v>15.429423549313046</v>
      </c>
      <c r="H549">
        <f t="shared" si="42"/>
        <v>1.0358097964795077</v>
      </c>
      <c r="J549">
        <v>8.8564254645902967</v>
      </c>
      <c r="K549">
        <v>2.5969369177742099</v>
      </c>
      <c r="L549" cm="1">
        <f t="array" ref="L549">INDEX(LINEST(J520:J578,$A520:$B578),1)*2</f>
        <v>-0.20453624807902754</v>
      </c>
      <c r="M549" cm="1">
        <f t="array" ref="M549">INDEX(LINEST(K520:K578,$A520:$B578),1)*2</f>
        <v>3.6750518266748891E-3</v>
      </c>
      <c r="N549">
        <f t="shared" si="43"/>
        <v>16.080639823973147</v>
      </c>
      <c r="O549">
        <f t="shared" si="44"/>
        <v>-0.28893257461317978</v>
      </c>
    </row>
    <row r="550" spans="1:15" x14ac:dyDescent="0.4">
      <c r="A550">
        <v>18.266666666666666</v>
      </c>
      <c r="B550">
        <f t="shared" si="40"/>
        <v>333.67111111111109</v>
      </c>
      <c r="C550">
        <v>-7.3561137547521334</v>
      </c>
      <c r="D550">
        <v>2.5156944489238091</v>
      </c>
      <c r="E550" cm="1">
        <f t="array" ref="E550">INDEX(LINEST(C521:C579,$A521:$B579),1)*2</f>
        <v>0.26648905387450245</v>
      </c>
      <c r="F550" cm="1">
        <f t="array" ref="F550">INDEX(LINEST(D521:D579,$A521:$B579),1)*2</f>
        <v>1.8610501579256668E-2</v>
      </c>
      <c r="G550">
        <f t="shared" si="41"/>
        <v>15.650902134049527</v>
      </c>
      <c r="H550">
        <f t="shared" si="42"/>
        <v>1.0929947577497441</v>
      </c>
      <c r="J550">
        <v>8.8234134784854419</v>
      </c>
      <c r="K550">
        <v>2.5968117566142439</v>
      </c>
      <c r="L550" cm="1">
        <f t="array" ref="L550">INDEX(LINEST(J521:J579,$A521:$B579),1)*2</f>
        <v>-0.2081019555249371</v>
      </c>
      <c r="M550" cm="1">
        <f t="array" ref="M550">INDEX(LINEST(K521:K579,$A521:$B579),1)*2</f>
        <v>4.1406784440449441E-3</v>
      </c>
      <c r="N550">
        <f t="shared" si="43"/>
        <v>16.360975743370556</v>
      </c>
      <c r="O550">
        <f t="shared" si="44"/>
        <v>-0.32554013927081354</v>
      </c>
    </row>
    <row r="551" spans="1:15" x14ac:dyDescent="0.4">
      <c r="A551">
        <v>18.3</v>
      </c>
      <c r="B551">
        <f t="shared" si="40"/>
        <v>334.89000000000004</v>
      </c>
      <c r="C551">
        <v>-7.3172106009051729</v>
      </c>
      <c r="D551">
        <v>2.5161575825121636</v>
      </c>
      <c r="E551" cm="1">
        <f t="array" ref="E551">INDEX(LINEST(C522:C580,$A522:$B580),1)*2</f>
        <v>0.27171369863874673</v>
      </c>
      <c r="F551" cm="1">
        <f t="array" ref="F551">INDEX(LINEST(D522:D580,$A522:$B580),1)*2</f>
        <v>1.9039713747860888E-2</v>
      </c>
      <c r="G551">
        <f t="shared" si="41"/>
        <v>15.957745521053594</v>
      </c>
      <c r="H551">
        <f t="shared" si="42"/>
        <v>1.1182023884118699</v>
      </c>
      <c r="J551">
        <v>8.7900198536006098</v>
      </c>
      <c r="K551">
        <v>2.5951904383403352</v>
      </c>
      <c r="L551" cm="1">
        <f t="array" ref="L551">INDEX(LINEST(J522:J580,$A522:$B580),1)*2</f>
        <v>-0.21344228841017965</v>
      </c>
      <c r="M551" cm="1">
        <f t="array" ref="M551">INDEX(LINEST(K522:K580,$A522:$B580),1)*2</f>
        <v>4.295640280320802E-3</v>
      </c>
      <c r="N551">
        <f t="shared" si="43"/>
        <v>16.780832714808327</v>
      </c>
      <c r="O551">
        <f t="shared" si="44"/>
        <v>-0.33772323883882149</v>
      </c>
    </row>
    <row r="552" spans="1:15" x14ac:dyDescent="0.4">
      <c r="A552">
        <v>18.333333333333332</v>
      </c>
      <c r="B552">
        <f t="shared" si="40"/>
        <v>336.11111111111109</v>
      </c>
      <c r="C552">
        <v>-7.2754910632840977</v>
      </c>
      <c r="D552">
        <v>2.5148910180508808</v>
      </c>
      <c r="E552" cm="1">
        <f t="array" ref="E552">INDEX(LINEST(C523:C581,$A523:$B581),1)*2</f>
        <v>0.2789157354627198</v>
      </c>
      <c r="F552" cm="1">
        <f t="array" ref="F552">INDEX(LINEST(D523:D581,$A523:$B581),1)*2</f>
        <v>1.8647423183481004E-2</v>
      </c>
      <c r="G552">
        <f t="shared" si="41"/>
        <v>16.380721143725534</v>
      </c>
      <c r="H552">
        <f t="shared" si="42"/>
        <v>1.0951631635658394</v>
      </c>
      <c r="J552">
        <v>8.7606994982337199</v>
      </c>
      <c r="K552">
        <v>2.5962368918483505</v>
      </c>
      <c r="L552" cm="1">
        <f t="array" ref="L552">INDEX(LINEST(J523:J581,$A523:$B581),1)*2</f>
        <v>-0.22097258120007027</v>
      </c>
      <c r="M552" cm="1">
        <f t="array" ref="M552">INDEX(LINEST(K523:K581,$A523:$B581),1)*2</f>
        <v>3.076077019387499E-3</v>
      </c>
      <c r="N552">
        <f t="shared" si="43"/>
        <v>17.372864333949526</v>
      </c>
      <c r="O552">
        <f t="shared" si="44"/>
        <v>-0.24184117526424517</v>
      </c>
    </row>
    <row r="553" spans="1:15" x14ac:dyDescent="0.4">
      <c r="A553">
        <v>18.366666666666667</v>
      </c>
      <c r="B553">
        <f t="shared" si="40"/>
        <v>337.33444444444444</v>
      </c>
      <c r="C553">
        <v>-7.2444933719325109</v>
      </c>
      <c r="D553">
        <v>2.5152810986018048</v>
      </c>
      <c r="E553" cm="1">
        <f t="array" ref="E553">INDEX(LINEST(C524:C582,$A524:$B582),1)*2</f>
        <v>0.28703423101987297</v>
      </c>
      <c r="F553" cm="1">
        <f t="array" ref="F553">INDEX(LINEST(D524:D582,$A524:$B582),1)*2</f>
        <v>1.8625640341353455E-2</v>
      </c>
      <c r="G553">
        <f t="shared" si="41"/>
        <v>16.857520387797138</v>
      </c>
      <c r="H553">
        <f t="shared" si="42"/>
        <v>1.0938838572476883</v>
      </c>
      <c r="J553">
        <v>8.7288821119702629</v>
      </c>
      <c r="K553">
        <v>2.5954313009336794</v>
      </c>
      <c r="L553" cm="1">
        <f t="array" ref="L553">INDEX(LINEST(J524:J582,$A524:$B582),1)*2</f>
        <v>-0.22709699792021806</v>
      </c>
      <c r="M553" cm="1">
        <f t="array" ref="M553">INDEX(LINEST(K524:K582,$A524:$B582),1)*2</f>
        <v>2.3422756224256519E-4</v>
      </c>
      <c r="N553">
        <f t="shared" si="43"/>
        <v>17.854365976487546</v>
      </c>
      <c r="O553">
        <f t="shared" si="44"/>
        <v>-1.8414970943510477E-2</v>
      </c>
    </row>
    <row r="554" spans="1:15" x14ac:dyDescent="0.4">
      <c r="A554">
        <v>18.399999999999999</v>
      </c>
      <c r="B554">
        <f t="shared" si="40"/>
        <v>338.55999999999995</v>
      </c>
      <c r="C554">
        <v>-7.1975907316684093</v>
      </c>
      <c r="D554">
        <v>2.5204823073562528</v>
      </c>
      <c r="E554" cm="1">
        <f t="array" ref="E554">INDEX(LINEST(C525:C583,$A525:$B583),1)*2</f>
        <v>0.29371185217883899</v>
      </c>
      <c r="F554" cm="1">
        <f t="array" ref="F554">INDEX(LINEST(D525:D583,$A525:$B583),1)*2</f>
        <v>1.9688886679875499E-2</v>
      </c>
      <c r="G554">
        <f t="shared" si="41"/>
        <v>17.249697078463214</v>
      </c>
      <c r="H554">
        <f t="shared" si="42"/>
        <v>1.1563283147090879</v>
      </c>
      <c r="J554">
        <v>8.7017047303245576</v>
      </c>
      <c r="K554">
        <v>2.5944869692577752</v>
      </c>
      <c r="L554" cm="1">
        <f t="array" ref="L554">INDEX(LINEST(J525:J583,$A525:$B583),1)*2</f>
        <v>-0.23168529874570415</v>
      </c>
      <c r="M554" cm="1">
        <f t="array" ref="M554">INDEX(LINEST(K525:K583,$A525:$B583),1)*2</f>
        <v>-3.3117631795676911E-3</v>
      </c>
      <c r="N554">
        <f t="shared" si="43"/>
        <v>18.215098187387262</v>
      </c>
      <c r="O554">
        <f t="shared" si="44"/>
        <v>0.2603708211776119</v>
      </c>
    </row>
    <row r="555" spans="1:15" x14ac:dyDescent="0.4">
      <c r="A555">
        <v>18.433333333333334</v>
      </c>
      <c r="B555">
        <f t="shared" si="40"/>
        <v>339.78777777777776</v>
      </c>
      <c r="C555">
        <v>-7.1664792180887646</v>
      </c>
      <c r="D555">
        <v>2.5213830744452062</v>
      </c>
      <c r="E555" cm="1">
        <f t="array" ref="E555">INDEX(LINEST(C526:C584,$A526:$B584),1)*2</f>
        <v>0.30088168696477835</v>
      </c>
      <c r="F555" cm="1">
        <f t="array" ref="F555">INDEX(LINEST(D526:D584,$A526:$B584),1)*2</f>
        <v>2.0821417213904909E-2</v>
      </c>
      <c r="G555">
        <f t="shared" si="41"/>
        <v>17.67078147544143</v>
      </c>
      <c r="H555">
        <f t="shared" si="42"/>
        <v>1.2228418329726352</v>
      </c>
      <c r="J555">
        <v>8.6643345327193106</v>
      </c>
      <c r="K555">
        <v>2.594636487922394</v>
      </c>
      <c r="L555" cm="1">
        <f t="array" ref="L555">INDEX(LINEST(J526:J584,$A526:$B584),1)*2</f>
        <v>-0.23781025331554853</v>
      </c>
      <c r="M555" cm="1">
        <f t="array" ref="M555">INDEX(LINEST(K526:K584,$A526:$B584),1)*2</f>
        <v>-6.5045551907600462E-3</v>
      </c>
      <c r="N555">
        <f t="shared" si="43"/>
        <v>18.696642115668425</v>
      </c>
      <c r="O555">
        <f t="shared" si="44"/>
        <v>0.51138812909755482</v>
      </c>
    </row>
    <row r="556" spans="1:15" x14ac:dyDescent="0.4">
      <c r="A556">
        <v>18.466666666666665</v>
      </c>
      <c r="B556">
        <f t="shared" si="40"/>
        <v>341.01777777777772</v>
      </c>
      <c r="C556">
        <v>-7.1287783460773468</v>
      </c>
      <c r="D556">
        <v>2.5281526226194231</v>
      </c>
      <c r="E556" cm="1">
        <f t="array" ref="E556">INDEX(LINEST(C527:C585,$A527:$B585),1)*2</f>
        <v>0.30769024954459373</v>
      </c>
      <c r="F556" cm="1">
        <f t="array" ref="F556">INDEX(LINEST(D527:D585,$A527:$B585),1)*2</f>
        <v>2.1348579685884113E-2</v>
      </c>
      <c r="G556">
        <f t="shared" si="41"/>
        <v>18.070648355753988</v>
      </c>
      <c r="H556">
        <f t="shared" si="42"/>
        <v>1.253802084951974</v>
      </c>
      <c r="J556">
        <v>8.6337132046038061</v>
      </c>
      <c r="K556">
        <v>2.59490211068904</v>
      </c>
      <c r="L556" cm="1">
        <f t="array" ref="L556">INDEX(LINEST(J527:J585,$A527:$B585),1)*2</f>
        <v>-0.24488628225014145</v>
      </c>
      <c r="M556" cm="1">
        <f t="array" ref="M556">INDEX(LINEST(K527:K585,$A527:$B585),1)*2</f>
        <v>-7.9117163155431186E-3</v>
      </c>
      <c r="N556">
        <f t="shared" si="43"/>
        <v>19.252959510506123</v>
      </c>
      <c r="O556">
        <f t="shared" si="44"/>
        <v>0.62201913672800002</v>
      </c>
    </row>
    <row r="557" spans="1:15" x14ac:dyDescent="0.4">
      <c r="A557">
        <v>18.5</v>
      </c>
      <c r="B557">
        <f t="shared" si="40"/>
        <v>342.25</v>
      </c>
      <c r="C557">
        <v>-7.0929186479392445</v>
      </c>
      <c r="D557">
        <v>2.5301575374408301</v>
      </c>
      <c r="E557" cm="1">
        <f t="array" ref="E557">INDEX(LINEST(C528:C586,$A528:$B586),1)*2</f>
        <v>0.31429359226223857</v>
      </c>
      <c r="F557" cm="1">
        <f t="array" ref="F557">INDEX(LINEST(D528:D586,$A528:$B586),1)*2</f>
        <v>2.3245438703258538E-2</v>
      </c>
      <c r="G557">
        <f t="shared" si="41"/>
        <v>18.458462673561272</v>
      </c>
      <c r="H557">
        <f t="shared" si="42"/>
        <v>1.3652046150423738</v>
      </c>
      <c r="J557">
        <v>8.6044289284791482</v>
      </c>
      <c r="K557">
        <v>2.6011056096816563</v>
      </c>
      <c r="L557" cm="1">
        <f t="array" ref="L557">INDEX(LINEST(J528:J586,$A528:$B586),1)*2</f>
        <v>-0.25024589088588584</v>
      </c>
      <c r="M557" cm="1">
        <f t="array" ref="M557">INDEX(LINEST(K528:K586,$A528:$B586),1)*2</f>
        <v>-7.7712516974969732E-3</v>
      </c>
      <c r="N557">
        <f t="shared" si="43"/>
        <v>19.674331941448347</v>
      </c>
      <c r="O557">
        <f t="shared" si="44"/>
        <v>0.61097580845721211</v>
      </c>
    </row>
    <row r="558" spans="1:15" x14ac:dyDescent="0.4">
      <c r="A558">
        <v>18.533333333333335</v>
      </c>
      <c r="B558">
        <f t="shared" si="40"/>
        <v>343.48444444444448</v>
      </c>
      <c r="C558">
        <v>-7.0519675118612</v>
      </c>
      <c r="D558">
        <v>2.5296972709891623</v>
      </c>
      <c r="E558" cm="1">
        <f t="array" ref="E558">INDEX(LINEST(C529:C587,$A529:$B587),1)*2</f>
        <v>0.3212275422989464</v>
      </c>
      <c r="F558" cm="1">
        <f t="array" ref="F558">INDEX(LINEST(D529:D587,$A529:$B587),1)*2</f>
        <v>2.5312930574299921E-2</v>
      </c>
      <c r="G558">
        <f t="shared" si="41"/>
        <v>18.865693559217121</v>
      </c>
      <c r="H558">
        <f t="shared" si="42"/>
        <v>1.4866284126286342</v>
      </c>
      <c r="J558">
        <v>8.570735993852109</v>
      </c>
      <c r="K558">
        <v>2.6014104004918108</v>
      </c>
      <c r="L558" cm="1">
        <f t="array" ref="L558">INDEX(LINEST(J529:J587,$A529:$B587),1)*2</f>
        <v>-0.25649818638331534</v>
      </c>
      <c r="M558" cm="1">
        <f t="array" ref="M558">INDEX(LINEST(K529:K587,$A529:$B587),1)*2</f>
        <v>-6.9721915252089588E-3</v>
      </c>
      <c r="N558">
        <f t="shared" si="43"/>
        <v>20.165887413456254</v>
      </c>
      <c r="O558">
        <f t="shared" si="44"/>
        <v>0.54815369771192834</v>
      </c>
    </row>
    <row r="559" spans="1:15" x14ac:dyDescent="0.4">
      <c r="A559">
        <v>18.566666666666666</v>
      </c>
      <c r="B559">
        <f t="shared" si="40"/>
        <v>344.7211111111111</v>
      </c>
      <c r="C559">
        <v>-7.0047666991593358</v>
      </c>
      <c r="D559">
        <v>2.5346027759914342</v>
      </c>
      <c r="E559" cm="1">
        <f t="array" ref="E559">INDEX(LINEST(C530:C588,$A530:$B588),1)*2</f>
        <v>0.33016675344912083</v>
      </c>
      <c r="F559" cm="1">
        <f t="array" ref="F559">INDEX(LINEST(D530:D588,$A530:$B588),1)*2</f>
        <v>2.5138716652772217E-2</v>
      </c>
      <c r="G559">
        <f t="shared" si="41"/>
        <v>19.390693430066865</v>
      </c>
      <c r="H559">
        <f t="shared" si="42"/>
        <v>1.4763968290173122</v>
      </c>
      <c r="J559">
        <v>8.5485142090121098</v>
      </c>
      <c r="K559">
        <v>2.6038535192421803</v>
      </c>
      <c r="L559" cm="1">
        <f t="array" ref="L559">INDEX(LINEST(J530:J588,$A530:$B588),1)*2</f>
        <v>-0.26373678558604835</v>
      </c>
      <c r="M559" cm="1">
        <f t="array" ref="M559">INDEX(LINEST(K530:K588,$A530:$B588),1)*2</f>
        <v>-7.7816774637420403E-3</v>
      </c>
      <c r="N559">
        <f t="shared" si="43"/>
        <v>20.734986082775123</v>
      </c>
      <c r="O559">
        <f t="shared" si="44"/>
        <v>0.61179548219939928</v>
      </c>
    </row>
    <row r="560" spans="1:15" x14ac:dyDescent="0.4">
      <c r="A560">
        <v>18.600000000000001</v>
      </c>
      <c r="B560">
        <f t="shared" si="40"/>
        <v>345.96000000000004</v>
      </c>
      <c r="C560">
        <v>-6.966151032115933</v>
      </c>
      <c r="D560">
        <v>2.5383028755269121</v>
      </c>
      <c r="E560" cm="1">
        <f t="array" ref="E560">INDEX(LINEST(C531:C589,$A531:$B589),1)*2</f>
        <v>0.33641655828871447</v>
      </c>
      <c r="F560" cm="1">
        <f t="array" ref="F560">INDEX(LINEST(D531:D589,$A531:$B589),1)*2</f>
        <v>2.5582043166217445E-2</v>
      </c>
      <c r="G560">
        <f t="shared" si="41"/>
        <v>19.757744468296199</v>
      </c>
      <c r="H560">
        <f t="shared" si="42"/>
        <v>1.5024333951519504</v>
      </c>
      <c r="J560">
        <v>8.5152725681024393</v>
      </c>
      <c r="K560">
        <v>2.6019424920427157</v>
      </c>
      <c r="L560" cm="1">
        <f t="array" ref="L560">INDEX(LINEST(J531:J589,$A531:$B589),1)*2</f>
        <v>-0.27099736479982645</v>
      </c>
      <c r="M560" cm="1">
        <f t="array" ref="M560">INDEX(LINEST(K531:K589,$A531:$B589),1)*2</f>
        <v>-8.4892518964690428E-3</v>
      </c>
      <c r="N560">
        <f t="shared" si="43"/>
        <v>21.305812820562355</v>
      </c>
      <c r="O560">
        <f t="shared" si="44"/>
        <v>0.66742498410039619</v>
      </c>
    </row>
    <row r="561" spans="1:15" x14ac:dyDescent="0.4">
      <c r="A561">
        <v>18.633333333333333</v>
      </c>
      <c r="B561">
        <f t="shared" si="40"/>
        <v>347.20111111111112</v>
      </c>
      <c r="C561">
        <v>-6.9271114548676911</v>
      </c>
      <c r="D561">
        <v>2.5355509541103665</v>
      </c>
      <c r="E561" cm="1">
        <f t="array" ref="E561">INDEX(LINEST(C532:C590,$A532:$B590),1)*2</f>
        <v>0.34118465087723737</v>
      </c>
      <c r="F561" cm="1">
        <f t="array" ref="F561">INDEX(LINEST(D532:D590,$A532:$B590),1)*2</f>
        <v>2.6223771137881074E-2</v>
      </c>
      <c r="G561">
        <f t="shared" si="41"/>
        <v>20.037774546020149</v>
      </c>
      <c r="H561">
        <f t="shared" si="42"/>
        <v>1.5401220789277554</v>
      </c>
      <c r="J561">
        <v>8.4819276834982862</v>
      </c>
      <c r="K561">
        <v>2.6067243329440037</v>
      </c>
      <c r="L561" cm="1">
        <f t="array" ref="L561">INDEX(LINEST(J532:J590,$A532:$B590),1)*2</f>
        <v>-0.2780654357793072</v>
      </c>
      <c r="M561" cm="1">
        <f t="array" ref="M561">INDEX(LINEST(K532:K590,$A532:$B590),1)*2</f>
        <v>-8.8695447829831783E-3</v>
      </c>
      <c r="N561">
        <f t="shared" si="43"/>
        <v>21.861504560969134</v>
      </c>
      <c r="O561">
        <f t="shared" si="44"/>
        <v>0.69732361083813754</v>
      </c>
    </row>
    <row r="562" spans="1:15" x14ac:dyDescent="0.4">
      <c r="A562">
        <v>18.666666666666668</v>
      </c>
      <c r="B562">
        <f t="shared" si="40"/>
        <v>348.44444444444451</v>
      </c>
      <c r="C562">
        <v>-6.8848636281111562</v>
      </c>
      <c r="D562">
        <v>2.5416578747874161</v>
      </c>
      <c r="E562" cm="1">
        <f t="array" ref="E562">INDEX(LINEST(C533:C591,$A533:$B591),1)*2</f>
        <v>0.35089040379280656</v>
      </c>
      <c r="F562" cm="1">
        <f t="array" ref="F562">INDEX(LINEST(D533:D591,$A533:$B591),1)*2</f>
        <v>2.5298245829607095E-2</v>
      </c>
      <c r="G562">
        <f t="shared" si="41"/>
        <v>20.607793414751526</v>
      </c>
      <c r="H562">
        <f t="shared" si="42"/>
        <v>1.4857659775728247</v>
      </c>
      <c r="J562">
        <v>8.4492923793417685</v>
      </c>
      <c r="K562">
        <v>2.6102146882298358</v>
      </c>
      <c r="L562" cm="1">
        <f t="array" ref="L562">INDEX(LINEST(J533:J591,$A533:$B591),1)*2</f>
        <v>-0.28172095134666414</v>
      </c>
      <c r="M562" cm="1">
        <f t="array" ref="M562">INDEX(LINEST(K533:K591,$A533:$B591),1)*2</f>
        <v>-6.9122149940684923E-3</v>
      </c>
      <c r="N562">
        <f t="shared" si="43"/>
        <v>22.148901194874735</v>
      </c>
      <c r="O562">
        <f t="shared" si="44"/>
        <v>0.54343834283366488</v>
      </c>
    </row>
    <row r="563" spans="1:15" x14ac:dyDescent="0.4">
      <c r="A563">
        <v>18.7</v>
      </c>
      <c r="B563">
        <f t="shared" si="40"/>
        <v>349.69</v>
      </c>
      <c r="C563">
        <v>-6.8467881914530624</v>
      </c>
      <c r="D563">
        <v>2.5464499432417944</v>
      </c>
      <c r="E563" cm="1">
        <f t="array" ref="E563">INDEX(LINEST(C534:C592,$A534:$B592),1)*2</f>
        <v>0.36165349320381912</v>
      </c>
      <c r="F563" cm="1">
        <f t="array" ref="F563">INDEX(LINEST(D534:D592,$A534:$B592),1)*2</f>
        <v>2.5351084554180267E-2</v>
      </c>
      <c r="G563">
        <f t="shared" si="41"/>
        <v>21.239909655860295</v>
      </c>
      <c r="H563">
        <f t="shared" si="42"/>
        <v>1.4888691958670071</v>
      </c>
      <c r="J563">
        <v>8.4193279285547824</v>
      </c>
      <c r="K563">
        <v>2.6103171195052894</v>
      </c>
      <c r="L563" cm="1">
        <f t="array" ref="L563">INDEX(LINEST(J534:J592,$A534:$B592),1)*2</f>
        <v>-0.28645164189810979</v>
      </c>
      <c r="M563" cm="1">
        <f t="array" ref="M563">INDEX(LINEST(K534:K592,$A534:$B592),1)*2</f>
        <v>-5.6355115771014571E-3</v>
      </c>
      <c r="N563">
        <f t="shared" si="43"/>
        <v>22.520828086029393</v>
      </c>
      <c r="O563">
        <f t="shared" si="44"/>
        <v>0.44306392019171659</v>
      </c>
    </row>
    <row r="564" spans="1:15" x14ac:dyDescent="0.4">
      <c r="A564">
        <v>18.733333333333334</v>
      </c>
      <c r="B564">
        <f t="shared" si="40"/>
        <v>350.9377777777778</v>
      </c>
      <c r="C564">
        <v>-6.8079791395403912</v>
      </c>
      <c r="D564">
        <v>2.5490125185969625</v>
      </c>
      <c r="E564" cm="1">
        <f t="array" ref="E564">INDEX(LINEST(C535:C593,$A535:$B593),1)*2</f>
        <v>0.37218594137050637</v>
      </c>
      <c r="F564" cm="1">
        <f t="array" ref="F564">INDEX(LINEST(D535:D593,$A535:$B593),1)*2</f>
        <v>2.696619010524489E-2</v>
      </c>
      <c r="G564">
        <f t="shared" si="41"/>
        <v>21.858480336689837</v>
      </c>
      <c r="H564">
        <f t="shared" si="42"/>
        <v>1.5837243448810323</v>
      </c>
      <c r="J564">
        <v>8.3893149197200128</v>
      </c>
      <c r="K564">
        <v>2.6078384035889712</v>
      </c>
      <c r="L564" cm="1">
        <f t="array" ref="L564">INDEX(LINEST(J535:J593,$A535:$B593),1)*2</f>
        <v>-0.29029943651484302</v>
      </c>
      <c r="M564" cm="1">
        <f t="array" ref="M564">INDEX(LINEST(K535:K593,$A535:$B593),1)*2</f>
        <v>-3.9860457547892907E-3</v>
      </c>
      <c r="N564">
        <f t="shared" si="43"/>
        <v>22.823341698796959</v>
      </c>
      <c r="O564">
        <f t="shared" si="44"/>
        <v>0.31338291724153405</v>
      </c>
    </row>
    <row r="565" spans="1:15" x14ac:dyDescent="0.4">
      <c r="A565">
        <v>18.766666666666666</v>
      </c>
      <c r="B565">
        <f t="shared" si="40"/>
        <v>352.18777777777774</v>
      </c>
      <c r="C565">
        <v>-6.7666197511855222</v>
      </c>
      <c r="D565">
        <v>2.5516182524754352</v>
      </c>
      <c r="E565" cm="1">
        <f t="array" ref="E565">INDEX(LINEST(C536:C594,$A536:$B594),1)*2</f>
        <v>0.3821838390627107</v>
      </c>
      <c r="F565" cm="1">
        <f t="array" ref="F565">INDEX(LINEST(D536:D594,$A536:$B594),1)*2</f>
        <v>2.8261337213983662E-2</v>
      </c>
      <c r="G565">
        <f t="shared" si="41"/>
        <v>22.445656868152998</v>
      </c>
      <c r="H565">
        <f t="shared" si="42"/>
        <v>1.6597883345772604</v>
      </c>
      <c r="J565">
        <v>8.3528185037666756</v>
      </c>
      <c r="K565">
        <v>2.6107521954136983</v>
      </c>
      <c r="L565" cm="1">
        <f t="array" ref="L565">INDEX(LINEST(J536:J594,$A536:$B594),1)*2</f>
        <v>-0.29493219073720855</v>
      </c>
      <c r="M565" cm="1">
        <f t="array" ref="M565">INDEX(LINEST(K536:K594,$A536:$B594),1)*2</f>
        <v>-1.7774605325389327E-3</v>
      </c>
      <c r="N565">
        <f t="shared" si="43"/>
        <v>23.18756883575934</v>
      </c>
      <c r="O565">
        <f t="shared" si="44"/>
        <v>0.13974394706821089</v>
      </c>
    </row>
    <row r="566" spans="1:15" x14ac:dyDescent="0.4">
      <c r="A566">
        <v>18.8</v>
      </c>
      <c r="B566">
        <f t="shared" si="40"/>
        <v>353.44000000000005</v>
      </c>
      <c r="C566">
        <v>-6.7253305404740376</v>
      </c>
      <c r="D566">
        <v>2.5510829218329323</v>
      </c>
      <c r="E566" cm="1">
        <f t="array" ref="E566">INDEX(LINEST(C537:C595,$A537:$B595),1)*2</f>
        <v>0.38863237914179044</v>
      </c>
      <c r="F566" cm="1">
        <f t="array" ref="F566">INDEX(LINEST(D537:D595,$A537:$B595),1)*2</f>
        <v>3.0220574270861066E-2</v>
      </c>
      <c r="G566">
        <f t="shared" si="41"/>
        <v>22.824379626997352</v>
      </c>
      <c r="H566">
        <f t="shared" si="42"/>
        <v>1.7748543269276704</v>
      </c>
      <c r="J566">
        <v>8.3163160199766608</v>
      </c>
      <c r="K566">
        <v>2.6095110814759832</v>
      </c>
      <c r="L566" cm="1">
        <f t="array" ref="L566">INDEX(LINEST(J537:J595,$A537:$B595),1)*2</f>
        <v>-0.2972356642507929</v>
      </c>
      <c r="M566" cm="1">
        <f t="array" ref="M566">INDEX(LINEST(K537:K595,$A537:$B595),1)*2</f>
        <v>-4.2786024609509066E-4</v>
      </c>
      <c r="N566">
        <f t="shared" si="43"/>
        <v>23.368667923397339</v>
      </c>
      <c r="O566">
        <f t="shared" si="44"/>
        <v>3.363837254799603E-2</v>
      </c>
    </row>
    <row r="567" spans="1:15" x14ac:dyDescent="0.4">
      <c r="A567">
        <v>18.833333333333332</v>
      </c>
      <c r="B567">
        <f t="shared" si="40"/>
        <v>354.6944444444444</v>
      </c>
      <c r="C567">
        <v>-6.6812611046429566</v>
      </c>
      <c r="D567">
        <v>2.5547484632153186</v>
      </c>
      <c r="E567" cm="1">
        <f t="array" ref="E567">INDEX(LINEST(C538:C596,$A538:$B596),1)*2</f>
        <v>0.39653851614321561</v>
      </c>
      <c r="F567" cm="1">
        <f t="array" ref="F567">INDEX(LINEST(D538:D596,$A538:$B596),1)*2</f>
        <v>2.9710203943623271E-2</v>
      </c>
      <c r="G567">
        <f t="shared" si="41"/>
        <v>23.288707053091052</v>
      </c>
      <c r="H567">
        <f t="shared" si="42"/>
        <v>1.7448802776089947</v>
      </c>
      <c r="J567">
        <v>8.2841140534497288</v>
      </c>
      <c r="K567">
        <v>2.6126873389243395</v>
      </c>
      <c r="L567" cm="1">
        <f t="array" ref="L567">INDEX(LINEST(J538:J596,$A538:$B596),1)*2</f>
        <v>-0.30265572631836341</v>
      </c>
      <c r="M567" cm="1">
        <f t="array" ref="M567">INDEX(LINEST(K538:K596,$A538:$B596),1)*2</f>
        <v>-1.3507489411847279E-3</v>
      </c>
      <c r="N567">
        <f t="shared" si="43"/>
        <v>23.794793203149734</v>
      </c>
      <c r="O567">
        <f t="shared" si="44"/>
        <v>0.10619588175594331</v>
      </c>
    </row>
    <row r="568" spans="1:15" x14ac:dyDescent="0.4">
      <c r="A568">
        <v>18.866666666666667</v>
      </c>
      <c r="B568">
        <f t="shared" si="40"/>
        <v>355.95111111111112</v>
      </c>
      <c r="C568">
        <v>-6.64111583072581</v>
      </c>
      <c r="D568">
        <v>2.5557179606669576</v>
      </c>
      <c r="E568" cm="1">
        <f t="array" ref="E568">INDEX(LINEST(C539:C597,$A539:$B597),1)*2</f>
        <v>0.40554434141251583</v>
      </c>
      <c r="F568" cm="1">
        <f t="array" ref="F568">INDEX(LINEST(D539:D597,$A539:$B597),1)*2</f>
        <v>3.0208495384184939E-2</v>
      </c>
      <c r="G568">
        <f t="shared" si="41"/>
        <v>23.817619171157052</v>
      </c>
      <c r="H568">
        <f t="shared" si="42"/>
        <v>1.7741449339131814</v>
      </c>
      <c r="J568">
        <v>8.2472277624879418</v>
      </c>
      <c r="K568">
        <v>2.6146913490077197</v>
      </c>
      <c r="L568" cm="1">
        <f t="array" ref="L568">INDEX(LINEST(J539:J597,$A539:$B597),1)*2</f>
        <v>-0.30838194355738263</v>
      </c>
      <c r="M568" cm="1">
        <f t="array" ref="M568">INDEX(LINEST(K539:K597,$A539:$B597),1)*2</f>
        <v>-3.2163214173298602E-3</v>
      </c>
      <c r="N568">
        <f t="shared" si="43"/>
        <v>24.244988402481425</v>
      </c>
      <c r="O568">
        <f t="shared" si="44"/>
        <v>0.25286718983047363</v>
      </c>
    </row>
    <row r="569" spans="1:15" x14ac:dyDescent="0.4">
      <c r="A569">
        <v>18.899999999999999</v>
      </c>
      <c r="B569">
        <f t="shared" si="40"/>
        <v>357.20999999999992</v>
      </c>
      <c r="C569">
        <v>-6.5923170805347286</v>
      </c>
      <c r="D569">
        <v>2.5566026033798415</v>
      </c>
      <c r="E569" cm="1">
        <f t="array" ref="E569">INDEX(LINEST(C540:C598,$A540:$B598),1)*2</f>
        <v>0.41564426978192404</v>
      </c>
      <c r="F569" cm="1">
        <f t="array" ref="F569">INDEX(LINEST(D540:D598,$A540:$B598),1)*2</f>
        <v>2.8408293575021403E-2</v>
      </c>
      <c r="G569">
        <f t="shared" si="41"/>
        <v>24.410787964292396</v>
      </c>
      <c r="H569">
        <f t="shared" si="42"/>
        <v>1.6684190816610069</v>
      </c>
      <c r="J569">
        <v>8.2122318427963208</v>
      </c>
      <c r="K569">
        <v>2.6205489527420642</v>
      </c>
      <c r="L569" cm="1">
        <f t="array" ref="L569">INDEX(LINEST(J540:J598,$A540:$B598),1)*2</f>
        <v>-0.31633160898984164</v>
      </c>
      <c r="M569" cm="1">
        <f t="array" ref="M569">INDEX(LINEST(K540:K598,$A540:$B598),1)*2</f>
        <v>-3.2325419573289802E-3</v>
      </c>
      <c r="N569">
        <f t="shared" si="43"/>
        <v>24.869991098781352</v>
      </c>
      <c r="O569">
        <f t="shared" si="44"/>
        <v>0.25414244868520441</v>
      </c>
    </row>
    <row r="570" spans="1:15" x14ac:dyDescent="0.4">
      <c r="A570">
        <v>18.933333333333334</v>
      </c>
      <c r="B570">
        <f t="shared" si="40"/>
        <v>358.4711111111111</v>
      </c>
      <c r="C570">
        <v>-6.5499115432563251</v>
      </c>
      <c r="D570">
        <v>2.5640901692447806</v>
      </c>
      <c r="E570" cm="1">
        <f t="array" ref="E570">INDEX(LINEST(C541:C599,$A541:$B599),1)*2</f>
        <v>0.42785894179824202</v>
      </c>
      <c r="F570" cm="1">
        <f t="array" ref="F570">INDEX(LINEST(D541:D599,$A541:$B599),1)*2</f>
        <v>2.7038176924805118E-2</v>
      </c>
      <c r="G570">
        <f t="shared" si="41"/>
        <v>25.128155651810754</v>
      </c>
      <c r="H570">
        <f t="shared" si="42"/>
        <v>1.5879521307938045</v>
      </c>
      <c r="J570">
        <v>8.1740425291578447</v>
      </c>
      <c r="K570">
        <v>2.6203491224468456</v>
      </c>
      <c r="L570" cm="1">
        <f t="array" ref="L570">INDEX(LINEST(J541:J599,$A541:$B599),1)*2</f>
        <v>-0.32691701700322662</v>
      </c>
      <c r="M570" cm="1">
        <f t="array" ref="M570">INDEX(LINEST(K541:K599,$A541:$B599),1)*2</f>
        <v>-2.3564618076720553E-3</v>
      </c>
      <c r="N570">
        <f t="shared" si="43"/>
        <v>25.702215876793677</v>
      </c>
      <c r="O570">
        <f t="shared" si="44"/>
        <v>0.18526502731917699</v>
      </c>
    </row>
    <row r="571" spans="1:15" x14ac:dyDescent="0.4">
      <c r="A571">
        <v>18.966666666666665</v>
      </c>
      <c r="B571">
        <f t="shared" si="40"/>
        <v>359.73444444444436</v>
      </c>
      <c r="C571">
        <v>-6.5108889849469573</v>
      </c>
      <c r="D571">
        <v>2.5643373892206132</v>
      </c>
      <c r="E571" cm="1">
        <f t="array" ref="E571">INDEX(LINEST(C542:C600,$A542:$B600),1)*2</f>
        <v>0.43790432258226863</v>
      </c>
      <c r="F571" cm="1">
        <f t="array" ref="F571">INDEX(LINEST(D542:D600,$A542:$B600),1)*2</f>
        <v>2.3510587631024538E-2</v>
      </c>
      <c r="G571">
        <f t="shared" si="41"/>
        <v>25.718120865256637</v>
      </c>
      <c r="H571">
        <f t="shared" si="42"/>
        <v>1.3807768115700709</v>
      </c>
      <c r="J571">
        <v>8.1349089659643283</v>
      </c>
      <c r="K571">
        <v>2.6238163520276716</v>
      </c>
      <c r="L571" cm="1">
        <f t="array" ref="L571">INDEX(LINEST(J542:J600,$A542:$B600),1)*2</f>
        <v>-0.33716104766237909</v>
      </c>
      <c r="M571" cm="1">
        <f t="array" ref="M571">INDEX(LINEST(K542:K600,$A542:$B600),1)*2</f>
        <v>-2.3788135812125495E-3</v>
      </c>
      <c r="N571">
        <f t="shared" si="43"/>
        <v>26.507601567216245</v>
      </c>
      <c r="O571">
        <f t="shared" si="44"/>
        <v>0.18702232375493064</v>
      </c>
    </row>
    <row r="572" spans="1:15" x14ac:dyDescent="0.4">
      <c r="A572">
        <v>19</v>
      </c>
      <c r="B572">
        <f t="shared" si="40"/>
        <v>361</v>
      </c>
      <c r="C572">
        <v>-6.4685741327689366</v>
      </c>
      <c r="D572">
        <v>2.5674559482566255</v>
      </c>
      <c r="E572" cm="1">
        <f t="array" ref="E572">INDEX(LINEST(C543:C601,$A543:$B601),1)*2</f>
        <v>0.44692803674111042</v>
      </c>
      <c r="F572" cm="1">
        <f t="array" ref="F572">INDEX(LINEST(D543:D601,$A543:$B601),1)*2</f>
        <v>2.1603027703577263E-2</v>
      </c>
      <c r="G572">
        <f t="shared" si="41"/>
        <v>26.248083597805415</v>
      </c>
      <c r="H572">
        <f t="shared" si="42"/>
        <v>1.2687458170310926</v>
      </c>
      <c r="J572">
        <v>8.0902344351603546</v>
      </c>
      <c r="K572">
        <v>2.620867448117925</v>
      </c>
      <c r="L572" cm="1">
        <f t="array" ref="L572">INDEX(LINEST(J543:J601,$A543:$B601),1)*2</f>
        <v>-0.34732389434140448</v>
      </c>
      <c r="M572" cm="1">
        <f t="array" ref="M572">INDEX(LINEST(K543:K601,$A543:$B601),1)*2</f>
        <v>-1.1517896642363557E-3</v>
      </c>
      <c r="N572">
        <f t="shared" si="43"/>
        <v>27.306604573121223</v>
      </c>
      <c r="O572">
        <f t="shared" si="44"/>
        <v>9.0553703402262292E-2</v>
      </c>
    </row>
    <row r="573" spans="1:15" x14ac:dyDescent="0.4">
      <c r="A573">
        <v>19.033333333333335</v>
      </c>
      <c r="B573">
        <f t="shared" si="40"/>
        <v>362.26777777777784</v>
      </c>
      <c r="C573">
        <v>-6.4271391597604959</v>
      </c>
      <c r="D573">
        <v>2.5704733460624114</v>
      </c>
      <c r="E573" cm="1">
        <f t="array" ref="E573">INDEX(LINEST(C544:C602,$A544:$B602),1)*2</f>
        <v>0.45858077863404306</v>
      </c>
      <c r="F573" cm="1">
        <f t="array" ref="F573">INDEX(LINEST(D544:D602,$A544:$B602),1)*2</f>
        <v>1.9558428597514794E-2</v>
      </c>
      <c r="G573">
        <f t="shared" si="41"/>
        <v>26.932449129177346</v>
      </c>
      <c r="H573">
        <f t="shared" si="42"/>
        <v>1.1486665115320438</v>
      </c>
      <c r="J573">
        <v>8.0530742992094808</v>
      </c>
      <c r="K573">
        <v>2.620259909384187</v>
      </c>
      <c r="L573" cm="1">
        <f t="array" ref="L573">INDEX(LINEST(J544:J602,$A544:$B602),1)*2</f>
        <v>-0.36088512723418853</v>
      </c>
      <c r="M573" cm="1">
        <f t="array" ref="M573">INDEX(LINEST(K544:K602,$A544:$B602),1)*2</f>
        <v>-3.0961235982932219E-3</v>
      </c>
      <c r="N573">
        <f t="shared" si="43"/>
        <v>28.372788703151905</v>
      </c>
      <c r="O573">
        <f t="shared" si="44"/>
        <v>0.24341723729781312</v>
      </c>
    </row>
    <row r="574" spans="1:15" x14ac:dyDescent="0.4">
      <c r="A574">
        <v>19.066666666666666</v>
      </c>
      <c r="B574">
        <f t="shared" si="40"/>
        <v>363.53777777777776</v>
      </c>
      <c r="C574">
        <v>-6.377544251952493</v>
      </c>
      <c r="D574">
        <v>2.5702107983996223</v>
      </c>
      <c r="E574" cm="1">
        <f t="array" ref="E574">INDEX(LINEST(C545:C603,$A545:$B603),1)*2</f>
        <v>0.47027114495695049</v>
      </c>
      <c r="F574" cm="1">
        <f t="array" ref="F574">INDEX(LINEST(D545:D603,$A545:$B603),1)*2</f>
        <v>1.745515970439554E-2</v>
      </c>
      <c r="G574">
        <f t="shared" si="41"/>
        <v>27.619024343321701</v>
      </c>
      <c r="H574">
        <f t="shared" si="42"/>
        <v>1.0251415294391499</v>
      </c>
      <c r="J574">
        <v>8.0250705865251906</v>
      </c>
      <c r="K574">
        <v>2.621653291406056</v>
      </c>
      <c r="L574" cm="1">
        <f t="array" ref="L574">INDEX(LINEST(J545:J603,$A545:$B603),1)*2</f>
        <v>-0.37334464927303174</v>
      </c>
      <c r="M574" cm="1">
        <f t="array" ref="M574">INDEX(LINEST(K545:K603,$A545:$B603),1)*2</f>
        <v>-4.8825929276700925E-3</v>
      </c>
      <c r="N574">
        <f t="shared" si="43"/>
        <v>29.352356325845758</v>
      </c>
      <c r="O574">
        <f t="shared" si="44"/>
        <v>0.3838694559734227</v>
      </c>
    </row>
    <row r="575" spans="1:15" x14ac:dyDescent="0.4">
      <c r="A575">
        <v>19.100000000000001</v>
      </c>
      <c r="B575">
        <f t="shared" si="40"/>
        <v>364.81000000000006</v>
      </c>
      <c r="C575">
        <v>-6.3285395143711529</v>
      </c>
      <c r="D575">
        <v>2.5705656147736424</v>
      </c>
      <c r="E575" cm="1">
        <f t="array" ref="E575">INDEX(LINEST(C546:C604,$A546:$B604),1)*2</f>
        <v>0.48182256894237907</v>
      </c>
      <c r="F575" cm="1">
        <f t="array" ref="F575">INDEX(LINEST(D546:D604,$A546:$B604),1)*2</f>
        <v>1.5099489580949258E-2</v>
      </c>
      <c r="G575">
        <f t="shared" si="41"/>
        <v>28.297439473985921</v>
      </c>
      <c r="H575">
        <f t="shared" si="42"/>
        <v>0.88679302308914987</v>
      </c>
      <c r="J575">
        <v>7.9816669751668918</v>
      </c>
      <c r="K575">
        <v>2.6223930970292604</v>
      </c>
      <c r="L575" cm="1">
        <f t="array" ref="L575">INDEX(LINEST(J546:J604,$A546:$B604),1)*2</f>
        <v>-0.3855259797064251</v>
      </c>
      <c r="M575" cm="1">
        <f t="array" ref="M575">INDEX(LINEST(K546:K604,$A546:$B604),1)*2</f>
        <v>-7.2336206918487342E-3</v>
      </c>
      <c r="N575">
        <f t="shared" si="43"/>
        <v>30.310052524519143</v>
      </c>
      <c r="O575">
        <f t="shared" si="44"/>
        <v>0.56870725879314754</v>
      </c>
    </row>
    <row r="576" spans="1:15" x14ac:dyDescent="0.4">
      <c r="A576">
        <v>19.133333333333333</v>
      </c>
      <c r="B576">
        <f t="shared" si="40"/>
        <v>366.08444444444444</v>
      </c>
      <c r="C576">
        <v>-6.2811871728827811</v>
      </c>
      <c r="D576">
        <v>2.5708333104625862</v>
      </c>
      <c r="E576" cm="1">
        <f t="array" ref="E576">INDEX(LINEST(C547:C605,$A547:$B605),1)*2</f>
        <v>0.49207045193064641</v>
      </c>
      <c r="F576" cm="1">
        <f t="array" ref="F576">INDEX(LINEST(D547:D605,$A547:$B605),1)*2</f>
        <v>1.4875968020645797E-2</v>
      </c>
      <c r="G576">
        <f t="shared" si="41"/>
        <v>28.899297641886861</v>
      </c>
      <c r="H576">
        <f t="shared" si="42"/>
        <v>0.87366560185252762</v>
      </c>
      <c r="J576">
        <v>7.943864441991396</v>
      </c>
      <c r="K576">
        <v>2.6248389441544653</v>
      </c>
      <c r="L576" cm="1">
        <f t="array" ref="L576">INDEX(LINEST(J547:J605,$A547:$B605),1)*2</f>
        <v>-0.39764315538107198</v>
      </c>
      <c r="M576" cm="1">
        <f t="array" ref="M576">INDEX(LINEST(K547:K605,$A547:$B605),1)*2</f>
        <v>-9.4993601430791545E-3</v>
      </c>
      <c r="N576">
        <f t="shared" si="43"/>
        <v>31.262704876059882</v>
      </c>
      <c r="O576">
        <f t="shared" si="44"/>
        <v>0.74683969444888321</v>
      </c>
    </row>
    <row r="577" spans="1:15" x14ac:dyDescent="0.4">
      <c r="A577">
        <v>19.166666666666668</v>
      </c>
      <c r="B577">
        <f t="shared" si="40"/>
        <v>367.36111111111114</v>
      </c>
      <c r="C577">
        <v>-6.2257762322298742</v>
      </c>
      <c r="D577">
        <v>2.5742081175705587</v>
      </c>
      <c r="E577" cm="1">
        <f t="array" ref="E577">INDEX(LINEST(C548:C606,$A548:$B606),1)*2</f>
        <v>0.50184173701274182</v>
      </c>
      <c r="F577" cm="1">
        <f t="array" ref="F577">INDEX(LINEST(D548:D606,$A548:$B606),1)*2</f>
        <v>1.3729610390167639E-2</v>
      </c>
      <c r="G577">
        <f t="shared" si="41"/>
        <v>29.473165214758325</v>
      </c>
      <c r="H577">
        <f t="shared" si="42"/>
        <v>0.80634001821454537</v>
      </c>
      <c r="J577">
        <v>7.9095407471452797</v>
      </c>
      <c r="K577">
        <v>2.6271379370725896</v>
      </c>
      <c r="L577" cm="1">
        <f t="array" ref="L577">INDEX(LINEST(J548:J606,$A548:$B606),1)*2</f>
        <v>-0.40854690530745219</v>
      </c>
      <c r="M577" cm="1">
        <f t="array" ref="M577">INDEX(LINEST(K548:K606,$A548:$B606),1)*2</f>
        <v>-1.0164943499622386E-2</v>
      </c>
      <c r="N577">
        <f t="shared" si="43"/>
        <v>32.119957695271893</v>
      </c>
      <c r="O577">
        <f t="shared" si="44"/>
        <v>0.79916785794031209</v>
      </c>
    </row>
    <row r="578" spans="1:15" x14ac:dyDescent="0.4">
      <c r="A578">
        <v>19.2</v>
      </c>
      <c r="B578">
        <f t="shared" si="40"/>
        <v>368.64</v>
      </c>
      <c r="C578">
        <v>-6.1837453518597592</v>
      </c>
      <c r="D578">
        <v>2.5757985854533842</v>
      </c>
      <c r="E578" cm="1">
        <f t="array" ref="E578">INDEX(LINEST(C549:C607,$A549:$B607),1)*2</f>
        <v>0.51618997298358005</v>
      </c>
      <c r="F578" cm="1">
        <f t="array" ref="F578">INDEX(LINEST(D549:D607,$A549:$B607),1)*2</f>
        <v>1.1942411473666018E-2</v>
      </c>
      <c r="G578">
        <f t="shared" si="41"/>
        <v>30.315837113325653</v>
      </c>
      <c r="H578">
        <f t="shared" si="42"/>
        <v>0.70137782584840525</v>
      </c>
      <c r="J578">
        <v>7.8753276146975812</v>
      </c>
      <c r="K578">
        <v>2.6282825090056012</v>
      </c>
      <c r="L578" cm="1">
        <f t="array" ref="L578">INDEX(LINEST(J549:J607,$A549:$B607),1)*2</f>
        <v>-0.42040350056698056</v>
      </c>
      <c r="M578" cm="1">
        <f t="array" ref="M578">INDEX(LINEST(K549:K607,$A549:$B607),1)*2</f>
        <v>-9.9139720462854269E-3</v>
      </c>
      <c r="N578">
        <f t="shared" si="43"/>
        <v>33.052123214576014</v>
      </c>
      <c r="O578">
        <f t="shared" si="44"/>
        <v>0.77943648227896034</v>
      </c>
    </row>
    <row r="579" spans="1:15" x14ac:dyDescent="0.4">
      <c r="A579">
        <v>19.233333333333334</v>
      </c>
      <c r="B579">
        <f t="shared" ref="B579:B642" si="45">A579^2</f>
        <v>369.92111111111114</v>
      </c>
      <c r="C579">
        <v>-6.1353750923591326</v>
      </c>
      <c r="D579">
        <v>2.5831160451955215</v>
      </c>
      <c r="E579" cm="1">
        <f t="array" ref="E579">INDEX(LINEST(C550:C608,$A550:$B608),1)*2</f>
        <v>0.5312302540999454</v>
      </c>
      <c r="F579" cm="1">
        <f t="array" ref="F579">INDEX(LINEST(D550:D608,$A550:$B608),1)*2</f>
        <v>8.9025374149221716E-3</v>
      </c>
      <c r="G579">
        <f t="shared" si="41"/>
        <v>31.19915282328979</v>
      </c>
      <c r="H579">
        <f t="shared" si="42"/>
        <v>0.52284602237837907</v>
      </c>
      <c r="J579">
        <v>7.8381495388141644</v>
      </c>
      <c r="K579">
        <v>2.6305362100404106</v>
      </c>
      <c r="L579" cm="1">
        <f t="array" ref="L579">INDEX(LINEST(J550:J608,$A550:$B608),1)*2</f>
        <v>-0.43519482431926165</v>
      </c>
      <c r="M579" cm="1">
        <f t="array" ref="M579">INDEX(LINEST(K550:K608,$A550:$B608),1)*2</f>
        <v>-1.2541282709291838E-2</v>
      </c>
      <c r="N579">
        <f t="shared" si="43"/>
        <v>34.21501708798035</v>
      </c>
      <c r="O579">
        <f t="shared" si="44"/>
        <v>0.98599564660452432</v>
      </c>
    </row>
    <row r="580" spans="1:15" x14ac:dyDescent="0.4">
      <c r="A580">
        <v>19.266666666666666</v>
      </c>
      <c r="B580">
        <f t="shared" si="45"/>
        <v>371.20444444444439</v>
      </c>
      <c r="C580">
        <v>-6.0871004980420214</v>
      </c>
      <c r="D580">
        <v>2.5845554890244355</v>
      </c>
      <c r="E580" cm="1">
        <f t="array" ref="E580">INDEX(LINEST(C551:C609,$A551:$B609),1)*2</f>
        <v>0.54650270496838538</v>
      </c>
      <c r="F580" cm="1">
        <f t="array" ref="F580">INDEX(LINEST(D551:D609,$A551:$B609),1)*2</f>
        <v>7.5430309020152178E-3</v>
      </c>
      <c r="G580">
        <f t="shared" si="41"/>
        <v>32.096103862793271</v>
      </c>
      <c r="H580">
        <f t="shared" si="42"/>
        <v>0.44300220487535369</v>
      </c>
      <c r="J580">
        <v>7.7953892719292188</v>
      </c>
      <c r="K580">
        <v>2.632230477936262</v>
      </c>
      <c r="L580" cm="1">
        <f t="array" ref="L580">INDEX(LINEST(J551:J609,$A551:$B609),1)*2</f>
        <v>-0.44647078935472551</v>
      </c>
      <c r="M580" cm="1">
        <f t="array" ref="M580">INDEX(LINEST(K551:K609,$A551:$B609),1)*2</f>
        <v>-1.4634488434941913E-2</v>
      </c>
      <c r="N580">
        <f t="shared" si="43"/>
        <v>35.10153345906852</v>
      </c>
      <c r="O580">
        <f t="shared" si="44"/>
        <v>1.1505634807551333</v>
      </c>
    </row>
    <row r="581" spans="1:15" x14ac:dyDescent="0.4">
      <c r="A581">
        <v>19.3</v>
      </c>
      <c r="B581">
        <f t="shared" si="45"/>
        <v>372.49</v>
      </c>
      <c r="C581">
        <v>-6.0283872757970425</v>
      </c>
      <c r="D581">
        <v>2.5825659291922927</v>
      </c>
      <c r="E581" cm="1">
        <f t="array" ref="E581">INDEX(LINEST(C552:C610,$A552:$B610),1)*2</f>
        <v>0.56392786166436726</v>
      </c>
      <c r="F581" cm="1">
        <f t="array" ref="F581">INDEX(LINEST(D552:D610,$A552:$B610),1)*2</f>
        <v>6.5530183241895744E-3</v>
      </c>
      <c r="G581">
        <f t="shared" si="41"/>
        <v>33.119483315548287</v>
      </c>
      <c r="H581">
        <f t="shared" si="42"/>
        <v>0.3848587661796537</v>
      </c>
      <c r="J581">
        <v>7.7517001809763411</v>
      </c>
      <c r="K581">
        <v>2.6270818132817664</v>
      </c>
      <c r="L581" cm="1">
        <f t="array" ref="L581">INDEX(LINEST(J552:J610,$A552:$B610),1)*2</f>
        <v>-0.45789752604644102</v>
      </c>
      <c r="M581" cm="1">
        <f t="array" ref="M581">INDEX(LINEST(K552:K610,$A552:$B610),1)*2</f>
        <v>-1.5273652125980662E-2</v>
      </c>
      <c r="N581">
        <f t="shared" si="43"/>
        <v>35.999903497771193</v>
      </c>
      <c r="O581">
        <f t="shared" si="44"/>
        <v>1.2008145301445998</v>
      </c>
    </row>
    <row r="582" spans="1:15" x14ac:dyDescent="0.4">
      <c r="A582">
        <v>19.333333333333332</v>
      </c>
      <c r="B582">
        <f t="shared" si="45"/>
        <v>373.77777777777771</v>
      </c>
      <c r="C582">
        <v>-5.9740632390851083</v>
      </c>
      <c r="D582">
        <v>2.5826176520932922</v>
      </c>
      <c r="E582" cm="1">
        <f t="array" ref="E582">INDEX(LINEST(C553:C611,$A553:$B611),1)*2</f>
        <v>0.58102823147691496</v>
      </c>
      <c r="F582" cm="1">
        <f t="array" ref="F582">INDEX(LINEST(D553:D611,$A553:$B611),1)*2</f>
        <v>6.6531858034501803E-3</v>
      </c>
      <c r="G582">
        <f t="shared" si="41"/>
        <v>34.123788034639212</v>
      </c>
      <c r="H582">
        <f t="shared" si="42"/>
        <v>0.39074160223662907</v>
      </c>
      <c r="J582">
        <v>7.712533909520455</v>
      </c>
      <c r="K582">
        <v>2.6230305461497232</v>
      </c>
      <c r="L582" cm="1">
        <f t="array" ref="L582">INDEX(LINEST(J553:J611,$A553:$B611),1)*2</f>
        <v>-0.46946814537921622</v>
      </c>
      <c r="M582" cm="1">
        <f t="array" ref="M582">INDEX(LINEST(K553:K611,$A553:$B611),1)*2</f>
        <v>-1.547162607506785E-2</v>
      </c>
      <c r="N582">
        <f t="shared" si="43"/>
        <v>36.909585589713984</v>
      </c>
      <c r="O582">
        <f t="shared" si="44"/>
        <v>1.2163792420218345</v>
      </c>
    </row>
    <row r="583" spans="1:15" x14ac:dyDescent="0.4">
      <c r="A583">
        <v>19.366666666666667</v>
      </c>
      <c r="B583">
        <f t="shared" si="45"/>
        <v>375.06777777777779</v>
      </c>
      <c r="C583">
        <v>-5.9287191819439569</v>
      </c>
      <c r="D583">
        <v>2.5875260280739485</v>
      </c>
      <c r="E583" cm="1">
        <f t="array" ref="E583">INDEX(LINEST(C554:C612,$A554:$B612),1)*2</f>
        <v>0.60130125977752702</v>
      </c>
      <c r="F583" cm="1">
        <f t="array" ref="F583">INDEX(LINEST(D554:D612,$A554:$B612),1)*2</f>
        <v>7.0813598531924539E-3</v>
      </c>
      <c r="G583">
        <f t="shared" si="41"/>
        <v>35.314422986734158</v>
      </c>
      <c r="H583">
        <f t="shared" si="42"/>
        <v>0.41588826417799279</v>
      </c>
      <c r="J583">
        <v>7.6804298076478084</v>
      </c>
      <c r="K583">
        <v>2.6238522930964239</v>
      </c>
      <c r="L583" cm="1">
        <f t="array" ref="L583">INDEX(LINEST(J554:J612,$A554:$B612),1)*2</f>
        <v>-0.48434546178142096</v>
      </c>
      <c r="M583" cm="1">
        <f t="array" ref="M583">INDEX(LINEST(K554:K612,$A554:$B612),1)*2</f>
        <v>-1.3930749256264807E-2</v>
      </c>
      <c r="N583">
        <f t="shared" si="43"/>
        <v>38.079240205255317</v>
      </c>
      <c r="O583">
        <f t="shared" si="44"/>
        <v>1.0952355065275392</v>
      </c>
    </row>
    <row r="584" spans="1:15" x14ac:dyDescent="0.4">
      <c r="A584">
        <v>19.399999999999999</v>
      </c>
      <c r="B584">
        <f t="shared" si="45"/>
        <v>376.35999999999996</v>
      </c>
      <c r="C584">
        <v>-5.878192313918035</v>
      </c>
      <c r="D584">
        <v>2.5897901727029922</v>
      </c>
      <c r="E584" cm="1">
        <f t="array" ref="E584">INDEX(LINEST(C555:C613,$A555:$B613),1)*2</f>
        <v>0.61775118877772361</v>
      </c>
      <c r="F584" cm="1">
        <f t="array" ref="F584">INDEX(LINEST(D555:D613,$A555:$B613),1)*2</f>
        <v>7.4504437043828812E-3</v>
      </c>
      <c r="G584">
        <f t="shared" si="41"/>
        <v>36.280527316915709</v>
      </c>
      <c r="H584">
        <f t="shared" si="42"/>
        <v>0.43756455875840661</v>
      </c>
      <c r="J584">
        <v>7.6316358959448207</v>
      </c>
      <c r="K584">
        <v>2.6253690261497713</v>
      </c>
      <c r="L584" cm="1">
        <f t="array" ref="L584">INDEX(LINEST(J555:J613,$A555:$B613),1)*2</f>
        <v>-0.49974238461660331</v>
      </c>
      <c r="M584" cm="1">
        <f t="array" ref="M584">INDEX(LINEST(K555:K613,$A555:$B613),1)*2</f>
        <v>-1.2512563348164946E-2</v>
      </c>
      <c r="N584">
        <f t="shared" si="43"/>
        <v>39.289746278557352</v>
      </c>
      <c r="O584">
        <f t="shared" si="44"/>
        <v>0.98373773043272805</v>
      </c>
    </row>
    <row r="585" spans="1:15" x14ac:dyDescent="0.4">
      <c r="A585">
        <v>19.433333333333334</v>
      </c>
      <c r="B585">
        <f t="shared" si="45"/>
        <v>377.65444444444444</v>
      </c>
      <c r="C585">
        <v>-5.8324100016706586</v>
      </c>
      <c r="D585">
        <v>2.591546047241144</v>
      </c>
      <c r="E585" cm="1">
        <f t="array" ref="E585">INDEX(LINEST(C556:C614,$A556:$B614),1)*2</f>
        <v>0.63669830366622526</v>
      </c>
      <c r="F585" cm="1">
        <f t="array" ref="F585">INDEX(LINEST(D556:D614,$A556:$B614),1)*2</f>
        <v>9.3228064027710677E-3</v>
      </c>
      <c r="G585">
        <f t="shared" si="41"/>
        <v>37.393291374317407</v>
      </c>
      <c r="H585">
        <f t="shared" si="42"/>
        <v>0.54752842003474478</v>
      </c>
      <c r="J585">
        <v>7.5935915668467251</v>
      </c>
      <c r="K585">
        <v>2.630391523997377</v>
      </c>
      <c r="L585" cm="1">
        <f t="array" ref="L585">INDEX(LINEST(J556:J614,$A556:$B614),1)*2</f>
        <v>-0.51357785376516429</v>
      </c>
      <c r="M585" cm="1">
        <f t="array" ref="M585">INDEX(LINEST(K556:K614,$A556:$B614),1)*2</f>
        <v>-1.2184964310053184E-2</v>
      </c>
      <c r="N585">
        <f t="shared" si="43"/>
        <v>40.377490863017222</v>
      </c>
      <c r="O585">
        <f t="shared" si="44"/>
        <v>0.95798189405638134</v>
      </c>
    </row>
    <row r="586" spans="1:15" x14ac:dyDescent="0.4">
      <c r="A586">
        <v>19.466666666666665</v>
      </c>
      <c r="B586">
        <f t="shared" si="45"/>
        <v>378.95111111111106</v>
      </c>
      <c r="C586">
        <v>-5.778703457055121</v>
      </c>
      <c r="D586">
        <v>2.6017913516777176</v>
      </c>
      <c r="E586" cm="1">
        <f t="array" ref="E586">INDEX(LINEST(C557:C615,$A557:$B615),1)*2</f>
        <v>0.65829947948953904</v>
      </c>
      <c r="F586" cm="1">
        <f t="array" ref="F586">INDEX(LINEST(D557:D615,$A557:$B615),1)*2</f>
        <v>9.649628704587224E-3</v>
      </c>
      <c r="G586">
        <f t="shared" si="41"/>
        <v>38.661928430420623</v>
      </c>
      <c r="H586">
        <f t="shared" si="42"/>
        <v>0.56672269382040763</v>
      </c>
      <c r="J586">
        <v>7.5557639729656287</v>
      </c>
      <c r="K586">
        <v>2.6359097815384631</v>
      </c>
      <c r="L586" cm="1">
        <f t="array" ref="L586">INDEX(LINEST(J557:J615,$A557:$B615),1)*2</f>
        <v>-0.52624293761706609</v>
      </c>
      <c r="M586" cm="1">
        <f t="array" ref="M586">INDEX(LINEST(K557:K615,$A557:$B615),1)*2</f>
        <v>-1.0298145852324607E-2</v>
      </c>
      <c r="N586">
        <f t="shared" si="43"/>
        <v>41.373219755453739</v>
      </c>
      <c r="O586">
        <f t="shared" si="44"/>
        <v>0.80964022690976056</v>
      </c>
    </row>
    <row r="587" spans="1:15" x14ac:dyDescent="0.4">
      <c r="A587">
        <v>19.5</v>
      </c>
      <c r="B587">
        <f t="shared" si="45"/>
        <v>380.25</v>
      </c>
      <c r="C587">
        <v>-5.7218743791094759</v>
      </c>
      <c r="D587">
        <v>2.6047441868788077</v>
      </c>
      <c r="E587" cm="1">
        <f t="array" ref="E587">INDEX(LINEST(C558:C616,$A558:$B616),1)*2</f>
        <v>0.68160023031894945</v>
      </c>
      <c r="F587" cm="1">
        <f t="array" ref="F587">INDEX(LINEST(D558:D616,$A558:$B616),1)*2</f>
        <v>9.4302997162087083E-3</v>
      </c>
      <c r="G587">
        <f t="shared" si="41"/>
        <v>40.030381526631899</v>
      </c>
      <c r="H587">
        <f t="shared" si="42"/>
        <v>0.55384150233293739</v>
      </c>
      <c r="J587">
        <v>7.5127497655439219</v>
      </c>
      <c r="K587">
        <v>2.6406469849810579</v>
      </c>
      <c r="L587" cm="1">
        <f t="array" ref="L587">INDEX(LINEST(J558:J616,$A558:$B616),1)*2</f>
        <v>-0.54052376598221397</v>
      </c>
      <c r="M587" cm="1">
        <f t="array" ref="M587">INDEX(LINEST(K558:K616,$A558:$B616),1)*2</f>
        <v>-8.7129775314132053E-3</v>
      </c>
      <c r="N587">
        <f t="shared" si="43"/>
        <v>42.495978481521668</v>
      </c>
      <c r="O587">
        <f t="shared" si="44"/>
        <v>0.68501429351970622</v>
      </c>
    </row>
    <row r="588" spans="1:15" x14ac:dyDescent="0.4">
      <c r="A588">
        <v>19.533333333333335</v>
      </c>
      <c r="B588">
        <f t="shared" si="45"/>
        <v>381.5511111111112</v>
      </c>
      <c r="C588">
        <v>-5.6609675560018369</v>
      </c>
      <c r="D588">
        <v>2.6059984492664707</v>
      </c>
      <c r="E588" cm="1">
        <f t="array" ref="E588">INDEX(LINEST(C559:C617,$A559:$B617),1)*2</f>
        <v>0.70398728087272355</v>
      </c>
      <c r="F588" cm="1">
        <f t="array" ref="F588">INDEX(LINEST(D559:D617,$A559:$B617),1)*2</f>
        <v>9.4345264433680215E-3</v>
      </c>
      <c r="G588">
        <f t="shared" si="41"/>
        <v>41.345173005655049</v>
      </c>
      <c r="H588">
        <f t="shared" si="42"/>
        <v>0.55408973801900385</v>
      </c>
      <c r="J588">
        <v>7.4614360052378501</v>
      </c>
      <c r="K588">
        <v>2.635279470142645</v>
      </c>
      <c r="L588" cm="1">
        <f t="array" ref="L588">INDEX(LINEST(J559:J617,$A559:$B617),1)*2</f>
        <v>-0.55554917630175837</v>
      </c>
      <c r="M588" cm="1">
        <f t="array" ref="M588">INDEX(LINEST(K559:K617,$A559:$B617),1)*2</f>
        <v>-5.6810126524613576E-3</v>
      </c>
      <c r="N588">
        <f t="shared" si="43"/>
        <v>43.677276240844243</v>
      </c>
      <c r="O588">
        <f t="shared" si="44"/>
        <v>0.44664121473651197</v>
      </c>
    </row>
    <row r="589" spans="1:15" x14ac:dyDescent="0.4">
      <c r="A589">
        <v>19.566666666666666</v>
      </c>
      <c r="B589">
        <f t="shared" si="45"/>
        <v>382.85444444444443</v>
      </c>
      <c r="C589">
        <v>-5.6131727753399874</v>
      </c>
      <c r="D589">
        <v>2.6085203129374137</v>
      </c>
      <c r="E589" cm="1">
        <f t="array" ref="E589">INDEX(LINEST(C560:C618,$A560:$B618),1)*2</f>
        <v>0.72396236431373995</v>
      </c>
      <c r="F589" cm="1">
        <f t="array" ref="F589">INDEX(LINEST(D560:D618,$A560:$B618),1)*2</f>
        <v>8.4393455596712599E-3</v>
      </c>
      <c r="G589">
        <f t="shared" si="41"/>
        <v>42.518309656145945</v>
      </c>
      <c r="H589">
        <f t="shared" si="42"/>
        <v>0.49564276471949309</v>
      </c>
      <c r="J589">
        <v>7.4150404829658845</v>
      </c>
      <c r="K589">
        <v>2.6349316632336008</v>
      </c>
      <c r="L589" cm="1">
        <f t="array" ref="L589">INDEX(LINEST(J560:J618,$A560:$B618),1)*2</f>
        <v>-0.57217617528623399</v>
      </c>
      <c r="M589" cm="1">
        <f t="array" ref="M589">INDEX(LINEST(K560:K618,$A560:$B618),1)*2</f>
        <v>-5.2931499151369363E-3</v>
      </c>
      <c r="N589">
        <f t="shared" si="43"/>
        <v>44.984490901003717</v>
      </c>
      <c r="O589">
        <f t="shared" si="44"/>
        <v>0.41614744632806594</v>
      </c>
    </row>
    <row r="590" spans="1:15" x14ac:dyDescent="0.4">
      <c r="A590">
        <v>19.600000000000001</v>
      </c>
      <c r="B590">
        <f t="shared" si="45"/>
        <v>384.16000000000008</v>
      </c>
      <c r="C590">
        <v>-5.5632810473028504</v>
      </c>
      <c r="D590">
        <v>2.6125861691578143</v>
      </c>
      <c r="E590" cm="1">
        <f t="array" ref="E590">INDEX(LINEST(C561:C619,$A561:$B619),1)*2</f>
        <v>0.74642578790182301</v>
      </c>
      <c r="F590" cm="1">
        <f t="array" ref="F590">INDEX(LINEST(D561:D619,$A561:$B619),1)*2</f>
        <v>8.3766942481982489E-3</v>
      </c>
      <c r="G590">
        <f t="shared" si="41"/>
        <v>43.837586523474066</v>
      </c>
      <c r="H590">
        <f t="shared" si="42"/>
        <v>0.49196325319668316</v>
      </c>
      <c r="J590">
        <v>7.3715586071105239</v>
      </c>
      <c r="K590">
        <v>2.6325155688648056</v>
      </c>
      <c r="L590" cm="1">
        <f t="array" ref="L590">INDEX(LINEST(J561:J619,$A561:$B619),1)*2</f>
        <v>-0.58889485962818289</v>
      </c>
      <c r="M590" cm="1">
        <f t="array" ref="M590">INDEX(LINEST(K561:K619,$A561:$B619),1)*2</f>
        <v>-3.1044274689330594E-3</v>
      </c>
      <c r="N590">
        <f t="shared" si="43"/>
        <v>46.298913863967741</v>
      </c>
      <c r="O590">
        <f t="shared" si="44"/>
        <v>0.24407008760751714</v>
      </c>
    </row>
    <row r="591" spans="1:15" x14ac:dyDescent="0.4">
      <c r="A591">
        <v>19.633333333333333</v>
      </c>
      <c r="B591">
        <f t="shared" si="45"/>
        <v>385.46777777777777</v>
      </c>
      <c r="C591">
        <v>-5.4958835257787575</v>
      </c>
      <c r="D591">
        <v>2.6080862578724284</v>
      </c>
      <c r="E591" cm="1">
        <f t="array" ref="E591">INDEX(LINEST(C562:C620,$A562:$B620),1)*2</f>
        <v>0.76273869123736682</v>
      </c>
      <c r="F591" cm="1">
        <f t="array" ref="F591">INDEX(LINEST(D562:D620,$A562:$B620),1)*2</f>
        <v>8.9156259001625521E-3</v>
      </c>
      <c r="G591">
        <f t="shared" si="41"/>
        <v>44.795643336370553</v>
      </c>
      <c r="H591">
        <f t="shared" si="42"/>
        <v>0.52361470911654662</v>
      </c>
      <c r="J591">
        <v>7.3327033063996563</v>
      </c>
      <c r="K591">
        <v>2.635406325317255</v>
      </c>
      <c r="L591" cm="1">
        <f t="array" ref="L591">INDEX(LINEST(J562:J620,$A562:$B620),1)*2</f>
        <v>-0.59880653661303562</v>
      </c>
      <c r="M591" cm="1">
        <f t="array" ref="M591">INDEX(LINEST(K562:K620,$A562:$B620),1)*2</f>
        <v>-1.5100018962851799E-3</v>
      </c>
      <c r="N591">
        <f t="shared" si="43"/>
        <v>47.078169908516863</v>
      </c>
      <c r="O591">
        <f t="shared" si="44"/>
        <v>0.11871634908594085</v>
      </c>
    </row>
    <row r="592" spans="1:15" x14ac:dyDescent="0.4">
      <c r="A592">
        <v>19.666666666666668</v>
      </c>
      <c r="B592">
        <f t="shared" si="45"/>
        <v>386.77777777777783</v>
      </c>
      <c r="C592">
        <v>-5.4381268020696156</v>
      </c>
      <c r="D592">
        <v>2.6128218199670541</v>
      </c>
      <c r="E592" cm="1">
        <f t="array" ref="E592">INDEX(LINEST(C563:C621,$A563:$B621),1)*2</f>
        <v>0.75137830213138168</v>
      </c>
      <c r="F592" cm="1">
        <f t="array" ref="F592">INDEX(LINEST(D563:D621,$A563:$B621),1)*2</f>
        <v>9.2503934999437938E-3</v>
      </c>
      <c r="G592">
        <f t="shared" si="41"/>
        <v>44.128447684176045</v>
      </c>
      <c r="H592">
        <f t="shared" si="42"/>
        <v>0.54327561025169901</v>
      </c>
      <c r="J592">
        <v>7.282824286032902</v>
      </c>
      <c r="K592">
        <v>2.6395393100165516</v>
      </c>
      <c r="L592" cm="1">
        <f t="array" ref="L592">INDEX(LINEST(J563:J621,$A563:$B621),1)*2</f>
        <v>-0.58850383019044339</v>
      </c>
      <c r="M592" cm="1">
        <f t="array" ref="M592">INDEX(LINEST(K563:K621,$A563:$B621),1)*2</f>
        <v>2.1461586250997957E-4</v>
      </c>
      <c r="N592">
        <f t="shared" si="43"/>
        <v>46.268171129572664</v>
      </c>
      <c r="O592">
        <f t="shared" si="44"/>
        <v>-1.6873099110534594E-2</v>
      </c>
    </row>
    <row r="593" spans="1:15" x14ac:dyDescent="0.4">
      <c r="A593">
        <v>19.7</v>
      </c>
      <c r="B593">
        <f t="shared" si="45"/>
        <v>388.09</v>
      </c>
      <c r="C593">
        <v>-5.3817814620246152</v>
      </c>
      <c r="D593">
        <v>2.619874471882186</v>
      </c>
      <c r="E593" cm="1">
        <f t="array" ref="E593">INDEX(LINEST(C564:C622,$A564:$B622),1)*2</f>
        <v>0.71970361300536645</v>
      </c>
      <c r="F593" cm="1">
        <f t="array" ref="F593">INDEX(LINEST(D564:D622,$A564:$B622),1)*2</f>
        <v>9.0404760199693217E-3</v>
      </c>
      <c r="G593">
        <f t="shared" si="41"/>
        <v>42.268193191805167</v>
      </c>
      <c r="H593">
        <f t="shared" si="42"/>
        <v>0.53094715665279824</v>
      </c>
      <c r="J593">
        <v>7.2438531136376376</v>
      </c>
      <c r="K593">
        <v>2.6381193329044561</v>
      </c>
      <c r="L593" cm="1">
        <f t="array" ref="L593">INDEX(LINEST(J564:J622,$A564:$B622),1)*2</f>
        <v>-0.56408238997862237</v>
      </c>
      <c r="M593" cm="1">
        <f t="array" ref="M593">INDEX(LINEST(K564:K622,$A564:$B622),1)*2</f>
        <v>2.3469411151135632E-3</v>
      </c>
      <c r="N593">
        <f t="shared" si="43"/>
        <v>44.348157500119292</v>
      </c>
      <c r="O593">
        <f t="shared" si="44"/>
        <v>-0.18451651047022835</v>
      </c>
    </row>
    <row r="594" spans="1:15" x14ac:dyDescent="0.4">
      <c r="A594">
        <v>19.733333333333334</v>
      </c>
      <c r="B594">
        <f t="shared" si="45"/>
        <v>389.40444444444449</v>
      </c>
      <c r="C594">
        <v>-5.3235091572634268</v>
      </c>
      <c r="D594">
        <v>2.6185080033047226</v>
      </c>
      <c r="E594" cm="1">
        <f t="array" ref="E594">INDEX(LINEST(C565:C623,$A565:$B623),1)*2</f>
        <v>0.67183789777927594</v>
      </c>
      <c r="F594" cm="1">
        <f t="array" ref="F594">INDEX(LINEST(D565:D623,$A565:$B623),1)*2</f>
        <v>8.8605357192423108E-3</v>
      </c>
      <c r="G594">
        <f t="shared" si="41"/>
        <v>39.457039736576874</v>
      </c>
      <c r="H594">
        <f t="shared" si="42"/>
        <v>0.52037926279110092</v>
      </c>
      <c r="J594">
        <v>7.1943497503831182</v>
      </c>
      <c r="K594">
        <v>2.6427512001189526</v>
      </c>
      <c r="L594" cm="1">
        <f t="array" ref="L594">INDEX(LINEST(J565:J623,$A565:$B623),1)*2</f>
        <v>-0.52668607015486069</v>
      </c>
      <c r="M594" cm="1">
        <f t="array" ref="M594">INDEX(LINEST(K565:K623,$A565:$B623),1)*2</f>
        <v>5.6532981349611856E-3</v>
      </c>
      <c r="N594">
        <f t="shared" si="43"/>
        <v>41.408058835575147</v>
      </c>
      <c r="O594">
        <f t="shared" si="44"/>
        <v>-0.44446229937064846</v>
      </c>
    </row>
    <row r="595" spans="1:15" x14ac:dyDescent="0.4">
      <c r="A595">
        <v>19.766666666666666</v>
      </c>
      <c r="B595">
        <f t="shared" si="45"/>
        <v>390.7211111111111</v>
      </c>
      <c r="C595">
        <v>-5.2735388648145172</v>
      </c>
      <c r="D595">
        <v>2.6256184020741786</v>
      </c>
      <c r="E595" cm="1">
        <f t="array" ref="E595">INDEX(LINEST(C566:C624,$A566:$B624),1)*2</f>
        <v>0.60582059655001685</v>
      </c>
      <c r="F595" cm="1">
        <f t="array" ref="F595">INDEX(LINEST(D566:D624,$A566:$B624),1)*2</f>
        <v>8.6724649694155109E-3</v>
      </c>
      <c r="G595">
        <f t="shared" si="41"/>
        <v>35.579843635382488</v>
      </c>
      <c r="H595">
        <f t="shared" si="42"/>
        <v>0.50933386765377298</v>
      </c>
      <c r="J595">
        <v>7.1554490755735385</v>
      </c>
      <c r="K595">
        <v>2.6406759584727175</v>
      </c>
      <c r="L595" cm="1">
        <f t="array" ref="L595">INDEX(LINEST(J566:J624,$A566:$B624),1)*2</f>
        <v>-0.4785173974701869</v>
      </c>
      <c r="M595" cm="1">
        <f t="array" ref="M595">INDEX(LINEST(K566:K624,$A566:$B624),1)*2</f>
        <v>7.7019638260156517E-3</v>
      </c>
      <c r="N595">
        <f t="shared" si="43"/>
        <v>37.621037789106097</v>
      </c>
      <c r="O595">
        <f t="shared" si="44"/>
        <v>-0.60552839600135056</v>
      </c>
    </row>
    <row r="596" spans="1:15" x14ac:dyDescent="0.4">
      <c r="A596">
        <v>19.8</v>
      </c>
      <c r="B596">
        <f t="shared" si="45"/>
        <v>392.04</v>
      </c>
      <c r="C596">
        <v>-5.2079078330097923</v>
      </c>
      <c r="D596">
        <v>2.6229426750535838</v>
      </c>
      <c r="E596" cm="1">
        <f t="array" ref="E596">INDEX(LINEST(C567:C625,$A567:$B625),1)*2</f>
        <v>0.5265731661829981</v>
      </c>
      <c r="F596" cm="1">
        <f t="array" ref="F596">INDEX(LINEST(D567:D625,$A567:$B625),1)*2</f>
        <v>7.8978100231796092E-3</v>
      </c>
      <c r="G596">
        <f t="shared" si="41"/>
        <v>30.925642049927475</v>
      </c>
      <c r="H596">
        <f t="shared" si="42"/>
        <v>0.46383838266133842</v>
      </c>
      <c r="J596">
        <v>7.0987321175958993</v>
      </c>
      <c r="K596">
        <v>2.6359539686372204</v>
      </c>
      <c r="L596" cm="1">
        <f t="array" ref="L596">INDEX(LINEST(J567:J625,$A567:$B625),1)*2</f>
        <v>-0.41931095825097214</v>
      </c>
      <c r="M596" cm="1">
        <f t="array" ref="M596">INDEX(LINEST(K567:K625,$A567:$B625),1)*2</f>
        <v>1.1243735831328816E-2</v>
      </c>
      <c r="N596">
        <f t="shared" si="43"/>
        <v>32.966227537691431</v>
      </c>
      <c r="O596">
        <f t="shared" si="44"/>
        <v>-0.88398251105907155</v>
      </c>
    </row>
    <row r="597" spans="1:15" x14ac:dyDescent="0.4">
      <c r="A597">
        <v>19.833333333333332</v>
      </c>
      <c r="B597">
        <f t="shared" si="45"/>
        <v>393.36111111111109</v>
      </c>
      <c r="C597">
        <v>-5.1474842427750573</v>
      </c>
      <c r="D597">
        <v>2.6323385830640547</v>
      </c>
      <c r="E597" cm="1">
        <f t="array" ref="E597">INDEX(LINEST(C568:C626,$A568:$B626),1)*2</f>
        <v>0.43654420365996854</v>
      </c>
      <c r="F597" cm="1">
        <f t="array" ref="F597">INDEX(LINEST(D568:D626,$A568:$B626),1)*2</f>
        <v>5.0041110393102195E-3</v>
      </c>
      <c r="G597">
        <f t="shared" si="41"/>
        <v>25.63824108094995</v>
      </c>
      <c r="H597">
        <f t="shared" si="42"/>
        <v>0.29389144133868916</v>
      </c>
      <c r="J597">
        <v>7.0495361493722166</v>
      </c>
      <c r="K597">
        <v>2.6379695240417309</v>
      </c>
      <c r="L597" cm="1">
        <f t="array" ref="L597">INDEX(LINEST(J568:J626,$A568:$B626),1)*2</f>
        <v>-0.35395850097135095</v>
      </c>
      <c r="M597" cm="1">
        <f t="array" ref="M597">INDEX(LINEST(K568:K626,$A568:$B626),1)*2</f>
        <v>1.2376053364002625E-2</v>
      </c>
      <c r="N597">
        <f t="shared" si="43"/>
        <v>27.828217346367612</v>
      </c>
      <c r="O597">
        <f t="shared" si="44"/>
        <v>-0.97300531547788638</v>
      </c>
    </row>
    <row r="598" spans="1:15" x14ac:dyDescent="0.4">
      <c r="A598">
        <v>19.866666666666667</v>
      </c>
      <c r="B598">
        <f t="shared" si="45"/>
        <v>394.68444444444447</v>
      </c>
      <c r="C598">
        <v>-5.0840206832292383</v>
      </c>
      <c r="D598">
        <v>2.6327854996235414</v>
      </c>
      <c r="E598" cm="1">
        <f t="array" ref="E598">INDEX(LINEST(C569:C627,$A569:$B627),1)*2</f>
        <v>0.33783056324574912</v>
      </c>
      <c r="F598" cm="1">
        <f t="array" ref="F598">INDEX(LINEST(D569:D627,$A569:$B627),1)*2</f>
        <v>2.4769383100241549E-3</v>
      </c>
      <c r="G598">
        <f t="shared" si="41"/>
        <v>19.840788979422843</v>
      </c>
      <c r="H598">
        <f t="shared" si="42"/>
        <v>0.14547058694771861</v>
      </c>
      <c r="J598">
        <v>6.9957743982870326</v>
      </c>
      <c r="K598">
        <v>2.6455456365006698</v>
      </c>
      <c r="L598" cm="1">
        <f t="array" ref="L598">INDEX(LINEST(J569:J627,$A569:$B627),1)*2</f>
        <v>-0.27917870093887315</v>
      </c>
      <c r="M598" cm="1">
        <f t="array" ref="M598">INDEX(LINEST(K569:K627,$A569:$B627),1)*2</f>
        <v>1.259448835863281E-2</v>
      </c>
      <c r="N598">
        <f t="shared" si="43"/>
        <v>21.949029467814206</v>
      </c>
      <c r="O598">
        <f t="shared" si="44"/>
        <v>-0.99017867475571164</v>
      </c>
    </row>
    <row r="599" spans="1:15" x14ac:dyDescent="0.4">
      <c r="A599">
        <v>19.899999999999999</v>
      </c>
      <c r="B599">
        <f t="shared" si="45"/>
        <v>396.00999999999993</v>
      </c>
      <c r="C599">
        <v>-5.0190930545543484</v>
      </c>
      <c r="D599">
        <v>2.6403447676001344</v>
      </c>
      <c r="E599" cm="1">
        <f t="array" ref="E599">INDEX(LINEST(C570:C628,$A570:$B628),1)*2</f>
        <v>0.22971692920920095</v>
      </c>
      <c r="F599" cm="1">
        <f t="array" ref="F599">INDEX(LINEST(D570:D628,$A570:$B628),1)*2</f>
        <v>9.9660905199439693E-4</v>
      </c>
      <c r="G599">
        <f t="shared" si="41"/>
        <v>13.49127525245637</v>
      </c>
      <c r="H599">
        <f t="shared" si="42"/>
        <v>5.8530849623630928E-2</v>
      </c>
      <c r="J599">
        <v>6.9430264285977268</v>
      </c>
      <c r="K599">
        <v>2.6488745512464256</v>
      </c>
      <c r="L599" cm="1">
        <f t="array" ref="L599">INDEX(LINEST(J570:J628,$A570:$B628),1)*2</f>
        <v>-0.19802922931816952</v>
      </c>
      <c r="M599" cm="1">
        <f t="array" ref="M599">INDEX(LINEST(K570:K628,$A570:$B628),1)*2</f>
        <v>1.143888199329199E-2</v>
      </c>
      <c r="N599">
        <f t="shared" si="43"/>
        <v>15.569058008994489</v>
      </c>
      <c r="O599">
        <f t="shared" si="44"/>
        <v>-0.8993249023126163</v>
      </c>
    </row>
    <row r="600" spans="1:15" x14ac:dyDescent="0.4">
      <c r="A600">
        <v>19.933333333333334</v>
      </c>
      <c r="B600">
        <f t="shared" si="45"/>
        <v>397.33777777777777</v>
      </c>
      <c r="C600">
        <v>-4.9656574263197824</v>
      </c>
      <c r="D600">
        <v>2.6369957559316743</v>
      </c>
      <c r="E600" cm="1">
        <f t="array" ref="E600">INDEX(LINEST(C571:C629,$A571:$B629),1)*2</f>
        <v>0.11412726371915696</v>
      </c>
      <c r="F600" cm="1">
        <f t="array" ref="F600">INDEX(LINEST(D571:D629,$A571:$B629),1)*2</f>
        <v>-2.703023831830883E-3</v>
      </c>
      <c r="G600">
        <f t="shared" si="41"/>
        <v>6.7026941982260881</v>
      </c>
      <c r="H600">
        <f t="shared" si="42"/>
        <v>-0.15874858964342775</v>
      </c>
      <c r="J600">
        <v>6.8935196332914597</v>
      </c>
      <c r="K600">
        <v>2.6519017501651767</v>
      </c>
      <c r="L600" cm="1">
        <f t="array" ref="L600">INDEX(LINEST(J571:J629,$A571:$B629),1)*2</f>
        <v>-0.11109977011023138</v>
      </c>
      <c r="M600" cm="1">
        <f t="array" ref="M600">INDEX(LINEST(K571:K629,$A571:$B629),1)*2</f>
        <v>9.4350537080406995E-3</v>
      </c>
      <c r="N600">
        <f t="shared" si="43"/>
        <v>8.734663926066391</v>
      </c>
      <c r="O600">
        <f t="shared" si="44"/>
        <v>-0.74178392252615988</v>
      </c>
    </row>
    <row r="601" spans="1:15" x14ac:dyDescent="0.4">
      <c r="A601">
        <v>19.966666666666665</v>
      </c>
      <c r="B601">
        <f t="shared" si="45"/>
        <v>398.6677777777777</v>
      </c>
      <c r="C601">
        <v>-4.900848516382708</v>
      </c>
      <c r="D601">
        <v>2.6400058773773076</v>
      </c>
      <c r="E601" cm="1">
        <f t="array" ref="E601">INDEX(LINEST(C572:C630,$A572:$B630),1)*2</f>
        <v>-7.3765407039736493E-3</v>
      </c>
      <c r="F601" cm="1">
        <f t="array" ref="F601">INDEX(LINEST(D572:D630,$A572:$B630),1)*2</f>
        <v>-7.1150623712560972E-3</v>
      </c>
      <c r="G601">
        <f t="shared" si="41"/>
        <v>-0.43322423554437239</v>
      </c>
      <c r="H601">
        <f t="shared" si="42"/>
        <v>-0.41786761306387055</v>
      </c>
      <c r="J601">
        <v>6.837933238367893</v>
      </c>
      <c r="K601">
        <v>2.6545061870832893</v>
      </c>
      <c r="L601" cm="1">
        <f t="array" ref="L601">INDEX(LINEST(J572:J630,$A572:$B630),1)*2</f>
        <v>-1.8382057509236917E-2</v>
      </c>
      <c r="M601" cm="1">
        <f t="array" ref="M601">INDEX(LINEST(K572:K630,$A572:$B630),1)*2</f>
        <v>7.6336323412087631E-3</v>
      </c>
      <c r="N601">
        <f t="shared" si="43"/>
        <v>1.4451973613762066</v>
      </c>
      <c r="O601">
        <f t="shared" si="44"/>
        <v>-0.60015617466583304</v>
      </c>
    </row>
    <row r="602" spans="1:15" x14ac:dyDescent="0.4">
      <c r="A602">
        <v>20</v>
      </c>
      <c r="B602">
        <f t="shared" si="45"/>
        <v>400</v>
      </c>
      <c r="C602">
        <v>-4.8284521974300958</v>
      </c>
      <c r="D602">
        <v>2.6388005999186297</v>
      </c>
      <c r="E602" cm="1">
        <f t="array" ref="E602">INDEX(LINEST(C573:C631,$A573:$B631),1)*2</f>
        <v>-0.13399795532976652</v>
      </c>
      <c r="F602" cm="1">
        <f t="array" ref="F602">INDEX(LINEST(D573:D631,$A573:$B631),1)*2</f>
        <v>-1.160150886277634E-2</v>
      </c>
      <c r="G602">
        <f t="shared" si="41"/>
        <v>-7.8696999165171873</v>
      </c>
      <c r="H602">
        <f t="shared" si="42"/>
        <v>-0.68135661551085436</v>
      </c>
      <c r="J602">
        <v>6.7731218790016001</v>
      </c>
      <c r="K602">
        <v>2.6455519992882013</v>
      </c>
      <c r="L602" cm="1">
        <f t="array" ref="L602">INDEX(LINEST(J573:J631,$A573:$B631),1)*2</f>
        <v>8.1949392223835224E-2</v>
      </c>
      <c r="M602" cm="1">
        <f t="array" ref="M602">INDEX(LINEST(K573:K631,$A573:$B631),1)*2</f>
        <v>6.6392390787672912E-3</v>
      </c>
      <c r="N602">
        <f t="shared" si="43"/>
        <v>-6.442861216637926</v>
      </c>
      <c r="O602">
        <f t="shared" si="44"/>
        <v>-0.52197697637268448</v>
      </c>
    </row>
    <row r="603" spans="1:15" x14ac:dyDescent="0.4">
      <c r="A603">
        <v>20.033333333333335</v>
      </c>
      <c r="B603">
        <f t="shared" si="45"/>
        <v>401.3344444444445</v>
      </c>
      <c r="C603">
        <v>-4.7641602478410423</v>
      </c>
      <c r="D603">
        <v>2.6425783106616421</v>
      </c>
      <c r="E603" cm="1">
        <f t="array" ref="E603">INDEX(LINEST(C574:C632,$A574:$B632),1)*2</f>
        <v>-0.2651091691477403</v>
      </c>
      <c r="F603" cm="1">
        <f t="array" ref="F603">INDEX(LINEST(D574:D632,$A574:$B632),1)*2</f>
        <v>-1.5127362138691924E-2</v>
      </c>
      <c r="G603">
        <f t="shared" si="41"/>
        <v>-15.569861504046786</v>
      </c>
      <c r="H603">
        <f t="shared" si="42"/>
        <v>-0.88842997840537663</v>
      </c>
      <c r="J603">
        <v>6.7245422641333272</v>
      </c>
      <c r="K603">
        <v>2.6422278097378156</v>
      </c>
      <c r="L603" cm="1">
        <f t="array" ref="L603">INDEX(LINEST(J574:J632,$A574:$B632),1)*2</f>
        <v>0.1855401006380519</v>
      </c>
      <c r="M603" cm="1">
        <f t="array" ref="M603">INDEX(LINEST(K574:K632,$A574:$B632),1)*2</f>
        <v>6.4334022109511831E-3</v>
      </c>
      <c r="N603">
        <f t="shared" si="43"/>
        <v>-14.587162712163641</v>
      </c>
      <c r="O603">
        <f t="shared" si="44"/>
        <v>-0.50579408182498209</v>
      </c>
    </row>
    <row r="604" spans="1:15" x14ac:dyDescent="0.4">
      <c r="A604">
        <v>20.066666666666666</v>
      </c>
      <c r="B604">
        <f t="shared" si="45"/>
        <v>402.67111111111109</v>
      </c>
      <c r="C604">
        <v>-4.6981308234394419</v>
      </c>
      <c r="D604">
        <v>2.6464340338138417</v>
      </c>
      <c r="E604" cm="1">
        <f t="array" ref="E604">INDEX(LINEST(C575:C633,$A575:$B633),1)*2</f>
        <v>-0.40131096275622413</v>
      </c>
      <c r="F604" cm="1">
        <f t="array" ref="F604">INDEX(LINEST(D575:D633,$A575:$B633),1)*2</f>
        <v>-1.8973887016084996E-2</v>
      </c>
      <c r="G604">
        <f t="shared" si="41"/>
        <v>-23.56899284267304</v>
      </c>
      <c r="H604">
        <f t="shared" si="42"/>
        <v>-1.1143363844546719</v>
      </c>
      <c r="J604">
        <v>6.6726049845219775</v>
      </c>
      <c r="K604">
        <v>2.6418629062206271</v>
      </c>
      <c r="L604" cm="1">
        <f t="array" ref="L604">INDEX(LINEST(J575:J633,$A575:$B633),1)*2</f>
        <v>0.28894366828634971</v>
      </c>
      <c r="M604" cm="1">
        <f t="array" ref="M604">INDEX(LINEST(K575:K633,$A575:$B633),1)*2</f>
        <v>5.4871051755229633E-3</v>
      </c>
      <c r="N604">
        <f t="shared" si="43"/>
        <v>-22.716751200672814</v>
      </c>
      <c r="O604">
        <f t="shared" si="44"/>
        <v>-0.43139620889961539</v>
      </c>
    </row>
    <row r="605" spans="1:15" x14ac:dyDescent="0.4">
      <c r="A605">
        <v>20.100000000000001</v>
      </c>
      <c r="B605">
        <f t="shared" si="45"/>
        <v>404.01000000000005</v>
      </c>
      <c r="C605">
        <v>-4.635093875716092</v>
      </c>
      <c r="D605">
        <v>2.6552624106703777</v>
      </c>
      <c r="E605" cm="1">
        <f t="array" ref="E605">INDEX(LINEST(C576:C634,$A576:$B634),1)*2</f>
        <v>-0.54028821571734187</v>
      </c>
      <c r="F605" cm="1">
        <f t="array" ref="F605">INDEX(LINEST(D576:D634,$A576:$B634),1)*2</f>
        <v>-2.1300901635059887E-2</v>
      </c>
      <c r="G605">
        <f t="shared" si="41"/>
        <v>-31.731126909079485</v>
      </c>
      <c r="H605">
        <f t="shared" si="42"/>
        <v>-1.2510019530270671</v>
      </c>
      <c r="J605">
        <v>6.6156034422788421</v>
      </c>
      <c r="K605">
        <v>2.6439788427907276</v>
      </c>
      <c r="L605" cm="1">
        <f t="array" ref="L605">INDEX(LINEST(J576:J634,$A576:$B634),1)*2</f>
        <v>0.3953809126048467</v>
      </c>
      <c r="M605" cm="1">
        <f t="array" ref="M605">INDEX(LINEST(K576:K634,$A576:$B634),1)*2</f>
        <v>5.4830291238006663E-3</v>
      </c>
      <c r="N605">
        <f t="shared" si="43"/>
        <v>-31.084847348993051</v>
      </c>
      <c r="O605">
        <f t="shared" si="44"/>
        <v>-0.43107574971320839</v>
      </c>
    </row>
    <row r="606" spans="1:15" x14ac:dyDescent="0.4">
      <c r="A606">
        <v>20.133333333333333</v>
      </c>
      <c r="B606">
        <f t="shared" si="45"/>
        <v>405.35111111111109</v>
      </c>
      <c r="C606">
        <v>-4.5631400321571789</v>
      </c>
      <c r="D606">
        <v>2.6548633272022322</v>
      </c>
      <c r="E606" cm="1">
        <f t="array" ref="E606">INDEX(LINEST(C577:C635,$A577:$B635),1)*2</f>
        <v>-0.67979255765960422</v>
      </c>
      <c r="F606" cm="1">
        <f t="array" ref="F606">INDEX(LINEST(D577:D635,$A577:$B635),1)*2</f>
        <v>-2.2595873480317091E-2</v>
      </c>
      <c r="G606">
        <f t="shared" si="41"/>
        <v>-39.924216911348552</v>
      </c>
      <c r="H606">
        <f t="shared" si="42"/>
        <v>-1.3270556494990227</v>
      </c>
      <c r="J606">
        <v>6.5640081480779893</v>
      </c>
      <c r="K606">
        <v>2.6502658086589808</v>
      </c>
      <c r="L606" cm="1">
        <f t="array" ref="L606">INDEX(LINEST(J577:J635,$A577:$B635),1)*2</f>
        <v>0.50240158798242318</v>
      </c>
      <c r="M606" cm="1">
        <f t="array" ref="M606">INDEX(LINEST(K577:K635,$A577:$B635),1)*2</f>
        <v>5.9863850607433178E-3</v>
      </c>
      <c r="N606">
        <f t="shared" si="43"/>
        <v>-39.498812847178115</v>
      </c>
      <c r="O606">
        <f t="shared" si="44"/>
        <v>-0.47064959347563967</v>
      </c>
    </row>
    <row r="607" spans="1:15" x14ac:dyDescent="0.4">
      <c r="A607">
        <v>20.166666666666668</v>
      </c>
      <c r="B607">
        <f t="shared" si="45"/>
        <v>406.69444444444451</v>
      </c>
      <c r="C607">
        <v>-4.4779888715484217</v>
      </c>
      <c r="D607">
        <v>2.6539457484657558</v>
      </c>
      <c r="E607" cm="1">
        <f t="array" ref="E607">INDEX(LINEST(C578:C636,$A578:$B636),1)*2</f>
        <v>-0.81872630197570573</v>
      </c>
      <c r="F607" cm="1">
        <f t="array" ref="F607">INDEX(LINEST(D578:D636,$A578:$B636),1)*2</f>
        <v>-2.4595501705050371E-2</v>
      </c>
      <c r="G607">
        <f t="shared" si="41"/>
        <v>-48.083795715033197</v>
      </c>
      <c r="H607">
        <f t="shared" si="42"/>
        <v>-1.4444938151376081</v>
      </c>
      <c r="J607">
        <v>6.5027740728491539</v>
      </c>
      <c r="K607">
        <v>2.6560367438128867</v>
      </c>
      <c r="L607" cm="1">
        <f t="array" ref="L607">INDEX(LINEST(J578:J636,$A578:$B636),1)*2</f>
        <v>0.60746379925618155</v>
      </c>
      <c r="M607" cm="1">
        <f t="array" ref="M607">INDEX(LINEST(K578:K636,$A578:$B636),1)*2</f>
        <v>4.866869915715861E-3</v>
      </c>
      <c r="N607">
        <f t="shared" si="43"/>
        <v>-47.758803897520998</v>
      </c>
      <c r="O607">
        <f t="shared" si="44"/>
        <v>-0.38263331277358104</v>
      </c>
    </row>
    <row r="608" spans="1:15" x14ac:dyDescent="0.4">
      <c r="A608">
        <v>20.2</v>
      </c>
      <c r="B608">
        <f t="shared" si="45"/>
        <v>408.03999999999996</v>
      </c>
      <c r="C608">
        <v>-4.4099780284677346</v>
      </c>
      <c r="D608">
        <v>2.6540133435021045</v>
      </c>
      <c r="E608" cm="1">
        <f t="array" ref="E608">INDEX(LINEST(C579:C637,$A579:$B637),1)*2</f>
        <v>-0.95338385446318263</v>
      </c>
      <c r="F608" cm="1">
        <f t="array" ref="F608">INDEX(LINEST(D579:D637,$A579:$B637),1)*2</f>
        <v>-2.5155395097314265E-2</v>
      </c>
      <c r="G608">
        <f t="shared" ref="G608:G671" si="46">E608*58.73</f>
        <v>-55.992233772622711</v>
      </c>
      <c r="H608">
        <f t="shared" ref="H608:H671" si="47">F608*58.73</f>
        <v>-1.4773763540652667</v>
      </c>
      <c r="J608">
        <v>6.4364807336164116</v>
      </c>
      <c r="K608">
        <v>2.64643789793397</v>
      </c>
      <c r="L608" cm="1">
        <f t="array" ref="L608">INDEX(LINEST(J579:J637,$A579:$B637),1)*2</f>
        <v>0.71130630267446915</v>
      </c>
      <c r="M608" cm="1">
        <f t="array" ref="M608">INDEX(LINEST(K579:K637,$A579:$B637),1)*2</f>
        <v>4.3710424510599059E-3</v>
      </c>
      <c r="N608">
        <f t="shared" ref="N608:N671" si="48">-L608*78.62</f>
        <v>-55.922901516266769</v>
      </c>
      <c r="O608">
        <f t="shared" ref="O608:O671" si="49">-M608*78.62</f>
        <v>-0.34365135750232984</v>
      </c>
    </row>
    <row r="609" spans="1:15" x14ac:dyDescent="0.4">
      <c r="A609">
        <v>20.233333333333334</v>
      </c>
      <c r="B609">
        <f t="shared" si="45"/>
        <v>409.38777777777784</v>
      </c>
      <c r="C609">
        <v>-4.3324775925635262</v>
      </c>
      <c r="D609">
        <v>2.6581704293352484</v>
      </c>
      <c r="E609" cm="1">
        <f t="array" ref="E609">INDEX(LINEST(C580:C638,$A580:$B638),1)*2</f>
        <v>-1.0828398039544842</v>
      </c>
      <c r="F609" cm="1">
        <f t="array" ref="F609">INDEX(LINEST(D580:D638,$A580:$B638),1)*2</f>
        <v>-2.629802955644767E-2</v>
      </c>
      <c r="G609">
        <f t="shared" si="46"/>
        <v>-63.595181686246853</v>
      </c>
      <c r="H609">
        <f t="shared" si="47"/>
        <v>-1.5444832758501716</v>
      </c>
      <c r="J609">
        <v>6.3879365937803456</v>
      </c>
      <c r="K609">
        <v>2.6477864637895476</v>
      </c>
      <c r="L609" cm="1">
        <f t="array" ref="L609">INDEX(LINEST(J580:J638,$A580:$B638),1)*2</f>
        <v>0.81100068188704177</v>
      </c>
      <c r="M609" cm="1">
        <f t="array" ref="M609">INDEX(LINEST(K580:K638,$A580:$B638),1)*2</f>
        <v>3.2017421179613968E-3</v>
      </c>
      <c r="N609">
        <f t="shared" si="48"/>
        <v>-63.760873609959226</v>
      </c>
      <c r="O609">
        <f t="shared" si="49"/>
        <v>-0.25172096531412502</v>
      </c>
    </row>
    <row r="610" spans="1:15" x14ac:dyDescent="0.4">
      <c r="A610">
        <v>20.266666666666666</v>
      </c>
      <c r="B610">
        <f t="shared" si="45"/>
        <v>410.73777777777775</v>
      </c>
      <c r="C610">
        <v>-4.2481011846655701</v>
      </c>
      <c r="D610">
        <v>2.6604501671838978</v>
      </c>
      <c r="E610" cm="1">
        <f t="array" ref="E610">INDEX(LINEST(C581:C639,$A581:$B639),1)*2</f>
        <v>-1.2075598372536187</v>
      </c>
      <c r="F610" cm="1">
        <f t="array" ref="F610">INDEX(LINEST(D581:D639,$A581:$B639),1)*2</f>
        <v>-2.6185405632316538E-2</v>
      </c>
      <c r="G610">
        <f t="shared" si="46"/>
        <v>-70.919989241905029</v>
      </c>
      <c r="H610">
        <f t="shared" si="47"/>
        <v>-1.5378688727859502</v>
      </c>
      <c r="J610">
        <v>6.3244168383859876</v>
      </c>
      <c r="K610">
        <v>2.6511033668131878</v>
      </c>
      <c r="L610" cm="1">
        <f t="array" ref="L610">INDEX(LINEST(J581:J639,$A581:$B639),1)*2</f>
        <v>0.90741979309513132</v>
      </c>
      <c r="M610" cm="1">
        <f t="array" ref="M610">INDEX(LINEST(K581:K639,$A581:$B639),1)*2</f>
        <v>1.5310986898734789E-3</v>
      </c>
      <c r="N610">
        <f t="shared" si="48"/>
        <v>-71.341344133139231</v>
      </c>
      <c r="O610">
        <f t="shared" si="49"/>
        <v>-0.12037497899785292</v>
      </c>
    </row>
    <row r="611" spans="1:15" x14ac:dyDescent="0.4">
      <c r="A611">
        <v>20.3</v>
      </c>
      <c r="B611">
        <f t="shared" si="45"/>
        <v>412.09000000000003</v>
      </c>
      <c r="C611">
        <v>-4.1684536474503551</v>
      </c>
      <c r="D611">
        <v>2.6634668912902626</v>
      </c>
      <c r="E611" cm="1">
        <f t="array" ref="E611">INDEX(LINEST(C582:C640,$A582:$B640),1)*2</f>
        <v>-1.3285955068155484</v>
      </c>
      <c r="F611" cm="1">
        <f t="array" ref="F611">INDEX(LINEST(D582:D640,$A582:$B640),1)*2</f>
        <v>-2.4632583270903091E-2</v>
      </c>
      <c r="G611">
        <f t="shared" si="46"/>
        <v>-78.028414115277158</v>
      </c>
      <c r="H611">
        <f t="shared" si="47"/>
        <v>-1.4466716155001385</v>
      </c>
      <c r="J611">
        <v>6.264006321052884</v>
      </c>
      <c r="K611">
        <v>2.6533020267659033</v>
      </c>
      <c r="L611" cm="1">
        <f t="array" ref="L611">INDEX(LINEST(J582:J640,$A582:$B640),1)*2</f>
        <v>1.0004406390451357</v>
      </c>
      <c r="M611" cm="1">
        <f t="array" ref="M611">INDEX(LINEST(K582:K640,$A582:$B640),1)*2</f>
        <v>1.7057462352114416E-3</v>
      </c>
      <c r="N611">
        <f t="shared" si="48"/>
        <v>-78.654643041728576</v>
      </c>
      <c r="O611">
        <f t="shared" si="49"/>
        <v>-0.13410576901232354</v>
      </c>
    </row>
    <row r="612" spans="1:15" x14ac:dyDescent="0.4">
      <c r="A612">
        <v>20.333333333333332</v>
      </c>
      <c r="B612">
        <f t="shared" si="45"/>
        <v>413.4444444444444</v>
      </c>
      <c r="C612">
        <v>-4.0849721996284396</v>
      </c>
      <c r="D612">
        <v>2.6649179119213029</v>
      </c>
      <c r="E612" cm="1">
        <f t="array" ref="E612">INDEX(LINEST(C583:C641,$A583:$B641),1)*2</f>
        <v>-1.445423146714925</v>
      </c>
      <c r="F612" cm="1">
        <f t="array" ref="F612">INDEX(LINEST(D583:D641,$A583:$B641),1)*2</f>
        <v>-2.1744187183620037E-2</v>
      </c>
      <c r="G612">
        <f t="shared" si="46"/>
        <v>-84.889701406567539</v>
      </c>
      <c r="H612">
        <f t="shared" si="47"/>
        <v>-1.2770361132940047</v>
      </c>
      <c r="J612">
        <v>6.187637853380954</v>
      </c>
      <c r="K612">
        <v>2.6587798786800727</v>
      </c>
      <c r="L612" cm="1">
        <f t="array" ref="L612">INDEX(LINEST(J583:J641,$A583:$B641),1)*2</f>
        <v>1.0874844818997804</v>
      </c>
      <c r="M612" cm="1">
        <f t="array" ref="M612">INDEX(LINEST(K583:K641,$A583:$B641),1)*2</f>
        <v>3.9121116485409963E-3</v>
      </c>
      <c r="N612">
        <f t="shared" si="48"/>
        <v>-85.498029966960743</v>
      </c>
      <c r="O612">
        <f t="shared" si="49"/>
        <v>-0.30757021780829313</v>
      </c>
    </row>
    <row r="613" spans="1:15" x14ac:dyDescent="0.4">
      <c r="A613">
        <v>20.366666666666667</v>
      </c>
      <c r="B613">
        <f t="shared" si="45"/>
        <v>414.80111111111114</v>
      </c>
      <c r="C613">
        <v>-4.0110681048086434</v>
      </c>
      <c r="D613">
        <v>2.6698012651431617</v>
      </c>
      <c r="E613" cm="1">
        <f t="array" ref="E613">INDEX(LINEST(C584:C642,$A584:$B642),1)*2</f>
        <v>-1.5548478534618153</v>
      </c>
      <c r="F613" cm="1">
        <f t="array" ref="F613">INDEX(LINEST(D584:D642,$A584:$B642),1)*2</f>
        <v>-2.0199307497524202E-2</v>
      </c>
      <c r="G613">
        <f t="shared" si="46"/>
        <v>-91.316214433812405</v>
      </c>
      <c r="H613">
        <f t="shared" si="47"/>
        <v>-1.1863053293295964</v>
      </c>
      <c r="J613">
        <v>6.1251912866087359</v>
      </c>
      <c r="K613">
        <v>2.6569303915682703</v>
      </c>
      <c r="L613" cm="1">
        <f t="array" ref="L613">INDEX(LINEST(J584:J642,$A584:$B642),1)*2</f>
        <v>1.1689328645144463</v>
      </c>
      <c r="M613" cm="1">
        <f t="array" ref="M613">INDEX(LINEST(K584:K642,$A584:$B642),1)*2</f>
        <v>6.5811352858924825E-3</v>
      </c>
      <c r="N613">
        <f t="shared" si="48"/>
        <v>-91.901501808125772</v>
      </c>
      <c r="O613">
        <f t="shared" si="49"/>
        <v>-0.51740885617686705</v>
      </c>
    </row>
    <row r="614" spans="1:15" x14ac:dyDescent="0.4">
      <c r="A614">
        <v>20.399999999999999</v>
      </c>
      <c r="B614">
        <f t="shared" si="45"/>
        <v>416.15999999999997</v>
      </c>
      <c r="C614">
        <v>-3.9280024782727261</v>
      </c>
      <c r="D614">
        <v>2.6767092765952554</v>
      </c>
      <c r="E614" cm="1">
        <f t="array" ref="E614">INDEX(LINEST(C585:C643,$A585:$B643),1)*2</f>
        <v>-1.6581167027125847</v>
      </c>
      <c r="F614" cm="1">
        <f t="array" ref="F614">INDEX(LINEST(D585:D643,$A585:$B643),1)*2</f>
        <v>-1.9135547713101619E-2</v>
      </c>
      <c r="G614">
        <f t="shared" si="46"/>
        <v>-97.381193950310092</v>
      </c>
      <c r="H614">
        <f t="shared" si="47"/>
        <v>-1.123830717190458</v>
      </c>
      <c r="J614">
        <v>6.0595377844967988</v>
      </c>
      <c r="K614">
        <v>2.651895562220123</v>
      </c>
      <c r="L614" cm="1">
        <f t="array" ref="L614">INDEX(LINEST(J585:J643,$A585:$B643),1)*2</f>
        <v>1.2465594216517963</v>
      </c>
      <c r="M614" cm="1">
        <f t="array" ref="M614">INDEX(LINEST(K585:K643,$A585:$B643),1)*2</f>
        <v>9.4691510252545366E-3</v>
      </c>
      <c r="N614">
        <f t="shared" si="48"/>
        <v>-98.004501730264238</v>
      </c>
      <c r="O614">
        <f t="shared" si="49"/>
        <v>-0.74446465360551173</v>
      </c>
    </row>
    <row r="615" spans="1:15" x14ac:dyDescent="0.4">
      <c r="A615">
        <v>20.433333333333334</v>
      </c>
      <c r="B615">
        <f t="shared" si="45"/>
        <v>417.52111111111111</v>
      </c>
      <c r="C615">
        <v>-3.8365436339678638</v>
      </c>
      <c r="D615">
        <v>2.6781949485432768</v>
      </c>
      <c r="E615" cm="1">
        <f t="array" ref="E615">INDEX(LINEST(C586:C644,$A586:$B644),1)*2</f>
        <v>-1.7507418310552278</v>
      </c>
      <c r="F615" cm="1">
        <f t="array" ref="F615">INDEX(LINEST(D586:D644,$A586:$B644),1)*2</f>
        <v>-1.7288827942816557E-2</v>
      </c>
      <c r="G615">
        <f t="shared" si="46"/>
        <v>-102.82106773787352</v>
      </c>
      <c r="H615">
        <f t="shared" si="47"/>
        <v>-1.0153728650816163</v>
      </c>
      <c r="J615">
        <v>5.9982151903542862</v>
      </c>
      <c r="K615">
        <v>2.6568546036801557</v>
      </c>
      <c r="L615" cm="1">
        <f t="array" ref="L615">INDEX(LINEST(J586:J644,$A586:$B644),1)*2</f>
        <v>1.3175652231371677</v>
      </c>
      <c r="M615" cm="1">
        <f t="array" ref="M615">INDEX(LINEST(K586:K644,$A586:$B644),1)*2</f>
        <v>1.1179603646752519E-2</v>
      </c>
      <c r="N615">
        <f t="shared" si="48"/>
        <v>-103.58697784304414</v>
      </c>
      <c r="O615">
        <f t="shared" si="49"/>
        <v>-0.87894043870768312</v>
      </c>
    </row>
    <row r="616" spans="1:15" x14ac:dyDescent="0.4">
      <c r="A616">
        <v>20.466666666666665</v>
      </c>
      <c r="B616">
        <f t="shared" si="45"/>
        <v>418.8844444444444</v>
      </c>
      <c r="C616">
        <v>-3.7490598619926701</v>
      </c>
      <c r="D616">
        <v>2.6787415800782077</v>
      </c>
      <c r="E616" cm="1">
        <f t="array" ref="E616">INDEX(LINEST(C587:C645,$A587:$B645),1)*2</f>
        <v>-1.8340901262495517</v>
      </c>
      <c r="F616" cm="1">
        <f t="array" ref="F616">INDEX(LINEST(D587:D645,$A587:$B645),1)*2</f>
        <v>-1.6361495723272799E-2</v>
      </c>
      <c r="G616">
        <f t="shared" si="46"/>
        <v>-107.71611311463617</v>
      </c>
      <c r="H616">
        <f t="shared" si="47"/>
        <v>-0.96091064382781144</v>
      </c>
      <c r="J616">
        <v>5.9269524545769592</v>
      </c>
      <c r="K616">
        <v>2.661280500792726</v>
      </c>
      <c r="L616" cm="1">
        <f t="array" ref="L616">INDEX(LINEST(J587:J645,$A587:$B645),1)*2</f>
        <v>1.3800152477552803</v>
      </c>
      <c r="M616" cm="1">
        <f t="array" ref="M616">INDEX(LINEST(K587:K645,$A587:$B645),1)*2</f>
        <v>1.1452193358561798E-2</v>
      </c>
      <c r="N616">
        <f t="shared" si="48"/>
        <v>-108.49679877852014</v>
      </c>
      <c r="O616">
        <f t="shared" si="49"/>
        <v>-0.90037144185012863</v>
      </c>
    </row>
    <row r="617" spans="1:15" x14ac:dyDescent="0.4">
      <c r="A617">
        <v>20.5</v>
      </c>
      <c r="B617">
        <f t="shared" si="45"/>
        <v>420.25</v>
      </c>
      <c r="C617">
        <v>-3.6653197098134926</v>
      </c>
      <c r="D617">
        <v>2.6793709259181724</v>
      </c>
      <c r="E617" cm="1">
        <f t="array" ref="E617">INDEX(LINEST(C588:C646,$A588:$B646),1)*2</f>
        <v>-1.9071586363388748</v>
      </c>
      <c r="F617" cm="1">
        <f t="array" ref="F617">INDEX(LINEST(D588:D646,$A588:$B646),1)*2</f>
        <v>-1.5408026538848691E-2</v>
      </c>
      <c r="G617">
        <f t="shared" si="46"/>
        <v>-112.00742671218211</v>
      </c>
      <c r="H617">
        <f t="shared" si="47"/>
        <v>-0.9049133986265836</v>
      </c>
      <c r="J617">
        <v>5.8532449029988847</v>
      </c>
      <c r="K617">
        <v>2.6670876659165987</v>
      </c>
      <c r="L617" cm="1">
        <f t="array" ref="L617">INDEX(LINEST(J588:J646,$A588:$B646),1)*2</f>
        <v>1.4348907352546252</v>
      </c>
      <c r="M617" cm="1">
        <f t="array" ref="M617">INDEX(LINEST(K588:K646,$A588:$B646),1)*2</f>
        <v>1.0876610256101135E-2</v>
      </c>
      <c r="N617">
        <f t="shared" si="48"/>
        <v>-112.81110960571864</v>
      </c>
      <c r="O617">
        <f t="shared" si="49"/>
        <v>-0.85511909833467126</v>
      </c>
    </row>
    <row r="618" spans="1:15" x14ac:dyDescent="0.4">
      <c r="A618">
        <v>20.533333333333335</v>
      </c>
      <c r="B618">
        <f t="shared" si="45"/>
        <v>421.61777777777786</v>
      </c>
      <c r="C618">
        <v>-3.5795931142462076</v>
      </c>
      <c r="D618">
        <v>2.6805249296799314</v>
      </c>
      <c r="E618" cm="1">
        <f t="array" ref="E618">INDEX(LINEST(C589:C647,$A589:$B647),1)*2</f>
        <v>-1.970844486121345</v>
      </c>
      <c r="F618" cm="1">
        <f t="array" ref="F618">INDEX(LINEST(D589:D647,$A589:$B647),1)*2</f>
        <v>-1.4028185774884114E-2</v>
      </c>
      <c r="G618">
        <f t="shared" si="46"/>
        <v>-115.74769666990659</v>
      </c>
      <c r="H618">
        <f t="shared" si="47"/>
        <v>-0.82387535055894401</v>
      </c>
      <c r="J618">
        <v>5.7871733527896403</v>
      </c>
      <c r="K618">
        <v>2.6593191408731647</v>
      </c>
      <c r="L618" cm="1">
        <f t="array" ref="L618">INDEX(LINEST(J589:J647,$A589:$B647),1)*2</f>
        <v>1.4835988147327639</v>
      </c>
      <c r="M618" cm="1">
        <f t="array" ref="M618">INDEX(LINEST(K589:K647,$A589:$B647),1)*2</f>
        <v>1.1074276021135986E-2</v>
      </c>
      <c r="N618">
        <f t="shared" si="48"/>
        <v>-116.6405388142899</v>
      </c>
      <c r="O618">
        <f t="shared" si="49"/>
        <v>-0.87065958078171124</v>
      </c>
    </row>
    <row r="619" spans="1:15" x14ac:dyDescent="0.4">
      <c r="A619">
        <v>20.566666666666666</v>
      </c>
      <c r="B619">
        <f t="shared" si="45"/>
        <v>422.98777777777775</v>
      </c>
      <c r="C619">
        <v>-3.4819741263194803</v>
      </c>
      <c r="D619">
        <v>2.688189234987223</v>
      </c>
      <c r="E619" cm="1">
        <f t="array" ref="E619">INDEX(LINEST(C590:C648,$A590:$B648),1)*2</f>
        <v>-2.0209498776496115</v>
      </c>
      <c r="F619" cm="1">
        <f t="array" ref="F619">INDEX(LINEST(D590:D648,$A590:$B648),1)*2</f>
        <v>-1.3012854771960502E-2</v>
      </c>
      <c r="G619">
        <f t="shared" si="46"/>
        <v>-118.69038631436167</v>
      </c>
      <c r="H619">
        <f t="shared" si="47"/>
        <v>-0.76424496075724024</v>
      </c>
      <c r="J619">
        <v>5.715508636038324</v>
      </c>
      <c r="K619">
        <v>2.6637335838336216</v>
      </c>
      <c r="L619" cm="1">
        <f t="array" ref="L619">INDEX(LINEST(J590:J648,$A590:$B648),1)*2</f>
        <v>1.524473915287416</v>
      </c>
      <c r="M619" cm="1">
        <f t="array" ref="M619">INDEX(LINEST(K590:K648,$A590:$B648),1)*2</f>
        <v>1.1380626828787476E-2</v>
      </c>
      <c r="N619">
        <f t="shared" si="48"/>
        <v>-119.85413921989665</v>
      </c>
      <c r="O619">
        <f t="shared" si="49"/>
        <v>-0.89474488127927143</v>
      </c>
    </row>
    <row r="620" spans="1:15" x14ac:dyDescent="0.4">
      <c r="A620">
        <v>20.6</v>
      </c>
      <c r="B620">
        <f t="shared" si="45"/>
        <v>424.36000000000007</v>
      </c>
      <c r="C620">
        <v>-3.4164906798842898</v>
      </c>
      <c r="D620">
        <v>2.6880600569427386</v>
      </c>
      <c r="E620" cm="1">
        <f t="array" ref="E620">INDEX(LINEST(C591:C649,$A591:$B649),1)*2</f>
        <v>-2.0576512544467671</v>
      </c>
      <c r="F620" cm="1">
        <f t="array" ref="F620">INDEX(LINEST(D591:D649,$A591:$B649),1)*2</f>
        <v>-1.2712355822173236E-2</v>
      </c>
      <c r="G620">
        <f t="shared" si="46"/>
        <v>-120.84585817365863</v>
      </c>
      <c r="H620">
        <f t="shared" si="47"/>
        <v>-0.74659665743623405</v>
      </c>
      <c r="J620">
        <v>5.6702460414620193</v>
      </c>
      <c r="K620">
        <v>2.6660233628161709</v>
      </c>
      <c r="L620" cm="1">
        <f t="array" ref="L620">INDEX(LINEST(J591:J649,$A591:$B649),1)*2</f>
        <v>1.5562687230720063</v>
      </c>
      <c r="M620" cm="1">
        <f t="array" ref="M620">INDEX(LINEST(K591:K649,$A591:$B649),1)*2</f>
        <v>1.2469742047248411E-2</v>
      </c>
      <c r="N620">
        <f t="shared" si="48"/>
        <v>-122.35384700792113</v>
      </c>
      <c r="O620">
        <f t="shared" si="49"/>
        <v>-0.98037111975467006</v>
      </c>
    </row>
    <row r="621" spans="1:15" x14ac:dyDescent="0.4">
      <c r="A621">
        <v>20.633333333333333</v>
      </c>
      <c r="B621">
        <f t="shared" si="45"/>
        <v>425.73444444444442</v>
      </c>
      <c r="C621">
        <v>-3.435073230069229</v>
      </c>
      <c r="D621">
        <v>2.6936541411070181</v>
      </c>
      <c r="E621" cm="1">
        <f t="array" ref="E621">INDEX(LINEST(C592:C650,$A592:$B650),1)*2</f>
        <v>-2.0847968059479354</v>
      </c>
      <c r="F621" cm="1">
        <f t="array" ref="F621">INDEX(LINEST(D592:D650,$A592:$B650),1)*2</f>
        <v>-1.0817555408661802E-2</v>
      </c>
      <c r="G621">
        <f t="shared" si="46"/>
        <v>-122.44011641332224</v>
      </c>
      <c r="H621">
        <f t="shared" si="47"/>
        <v>-0.63531502915070759</v>
      </c>
      <c r="J621">
        <v>5.6811722211268751</v>
      </c>
      <c r="K621">
        <v>2.6703224913944705</v>
      </c>
      <c r="L621" cm="1">
        <f t="array" ref="L621">INDEX(LINEST(J592:J650,$A592:$B650),1)*2</f>
        <v>1.5779069614800869</v>
      </c>
      <c r="M621" cm="1">
        <f t="array" ref="M621">INDEX(LINEST(K592:K650,$A592:$B650),1)*2</f>
        <v>1.3074908122692784E-2</v>
      </c>
      <c r="N621">
        <f t="shared" si="48"/>
        <v>-124.05504531156444</v>
      </c>
      <c r="O621">
        <f t="shared" si="49"/>
        <v>-1.0279492766061067</v>
      </c>
    </row>
    <row r="622" spans="1:15" x14ac:dyDescent="0.4">
      <c r="A622">
        <v>20.666666666666668</v>
      </c>
      <c r="B622">
        <f t="shared" si="45"/>
        <v>427.11111111111114</v>
      </c>
      <c r="C622">
        <v>-3.4388350424685825</v>
      </c>
      <c r="D622">
        <v>2.6971320855742738</v>
      </c>
      <c r="E622" cm="1">
        <f t="array" ref="E622">INDEX(LINEST(C593:C651,$A593:$B651),1)*2</f>
        <v>-2.1023782326143352</v>
      </c>
      <c r="F622" cm="1">
        <f t="array" ref="F622">INDEX(LINEST(D593:D651,$A593:$B651),1)*2</f>
        <v>-8.8232510568833043E-3</v>
      </c>
      <c r="G622">
        <f t="shared" si="46"/>
        <v>-123.47267360143989</v>
      </c>
      <c r="H622">
        <f t="shared" si="47"/>
        <v>-0.51818953457075645</v>
      </c>
      <c r="J622">
        <v>5.6784024709559251</v>
      </c>
      <c r="K622">
        <v>2.6725965821004842</v>
      </c>
      <c r="L622" cm="1">
        <f t="array" ref="L622">INDEX(LINEST(J593:J651,$A593:$B651),1)*2</f>
        <v>1.5920394278812915</v>
      </c>
      <c r="M622" cm="1">
        <f t="array" ref="M622">INDEX(LINEST(K593:K651,$A593:$B651),1)*2</f>
        <v>1.216140342468632E-2</v>
      </c>
      <c r="N622">
        <f t="shared" si="48"/>
        <v>-125.16613982002714</v>
      </c>
      <c r="O622">
        <f t="shared" si="49"/>
        <v>-0.95612953724883853</v>
      </c>
    </row>
    <row r="623" spans="1:15" x14ac:dyDescent="0.4">
      <c r="A623">
        <v>20.7</v>
      </c>
      <c r="B623">
        <f t="shared" si="45"/>
        <v>428.48999999999995</v>
      </c>
      <c r="C623">
        <v>-3.4339920015135226</v>
      </c>
      <c r="D623">
        <v>2.7007784138619124</v>
      </c>
      <c r="E623" cm="1">
        <f t="array" ref="E623">INDEX(LINEST(C594:C652,$A594:$B652),1)*2</f>
        <v>-2.1088042100576767</v>
      </c>
      <c r="F623" cm="1">
        <f t="array" ref="F623">INDEX(LINEST(D594:D652,$A594:$B652),1)*2</f>
        <v>-7.9173448326398596E-3</v>
      </c>
      <c r="G623">
        <f t="shared" si="46"/>
        <v>-123.85007125668734</v>
      </c>
      <c r="H623">
        <f t="shared" si="47"/>
        <v>-0.46498566202093894</v>
      </c>
      <c r="J623">
        <v>5.6774486161310751</v>
      </c>
      <c r="K623">
        <v>2.6751060006152771</v>
      </c>
      <c r="L623" cm="1">
        <f t="array" ref="L623">INDEX(LINEST(J594:J652,$A594:$B652),1)*2</f>
        <v>1.5953757201582244</v>
      </c>
      <c r="M623" cm="1">
        <f t="array" ref="M623">INDEX(LINEST(K594:K652,$A594:$B652),1)*2</f>
        <v>1.1772800644548692E-2</v>
      </c>
      <c r="N623">
        <f t="shared" si="48"/>
        <v>-125.42843911883961</v>
      </c>
      <c r="O623">
        <f t="shared" si="49"/>
        <v>-0.92557758667441825</v>
      </c>
    </row>
    <row r="624" spans="1:15" x14ac:dyDescent="0.4">
      <c r="A624">
        <v>20.733333333333334</v>
      </c>
      <c r="B624">
        <f t="shared" si="45"/>
        <v>429.87111111111113</v>
      </c>
      <c r="C624">
        <v>-3.4417381970288714</v>
      </c>
      <c r="D624">
        <v>2.7044340966705511</v>
      </c>
      <c r="E624" cm="1">
        <f t="array" ref="E624">INDEX(LINEST(C595:C653,$A595:$B653),1)*2</f>
        <v>-2.1033586003128733</v>
      </c>
      <c r="F624" cm="1">
        <f t="array" ref="F624">INDEX(LINEST(D595:D653,$A595:$B653),1)*2</f>
        <v>-5.8318048652522504E-3</v>
      </c>
      <c r="G624">
        <f t="shared" si="46"/>
        <v>-123.53025059637504</v>
      </c>
      <c r="H624">
        <f t="shared" si="47"/>
        <v>-0.34250189973626466</v>
      </c>
      <c r="J624">
        <v>5.6670370277045823</v>
      </c>
      <c r="K624">
        <v>2.6736202776283409</v>
      </c>
      <c r="L624" cm="1">
        <f t="array" ref="L624">INDEX(LINEST(J595:J653,$A595:$B653),1)*2</f>
        <v>1.5906336834800674</v>
      </c>
      <c r="M624" cm="1">
        <f t="array" ref="M624">INDEX(LINEST(K595:K653,$A595:$B653),1)*2</f>
        <v>9.7182576414435329E-3</v>
      </c>
      <c r="N624">
        <f t="shared" si="48"/>
        <v>-125.05562019520291</v>
      </c>
      <c r="O624">
        <f t="shared" si="49"/>
        <v>-0.76404941577029062</v>
      </c>
    </row>
    <row r="625" spans="1:15" x14ac:dyDescent="0.4">
      <c r="A625">
        <v>20.766666666666666</v>
      </c>
      <c r="B625">
        <f t="shared" si="45"/>
        <v>431.2544444444444</v>
      </c>
      <c r="C625">
        <v>-3.438351026277696</v>
      </c>
      <c r="D625">
        <v>2.7024149784293221</v>
      </c>
      <c r="E625" cm="1">
        <f t="array" ref="E625">INDEX(LINEST(C596:C654,$A596:$B654),1)*2</f>
        <v>-2.0838800776708162</v>
      </c>
      <c r="F625" cm="1">
        <f t="array" ref="F625">INDEX(LINEST(D596:D654,$A596:$B654),1)*2</f>
        <v>-4.820059122964856E-3</v>
      </c>
      <c r="G625">
        <f t="shared" si="46"/>
        <v>-122.38627696160702</v>
      </c>
      <c r="H625">
        <f t="shared" si="47"/>
        <v>-0.28308207229172599</v>
      </c>
      <c r="J625">
        <v>5.66240601742303</v>
      </c>
      <c r="K625">
        <v>2.6784596023505713</v>
      </c>
      <c r="L625" cm="1">
        <f t="array" ref="L625">INDEX(LINEST(J596:J654,$A596:$B654),1)*2</f>
        <v>1.5741655753716817</v>
      </c>
      <c r="M625" cm="1">
        <f t="array" ref="M625">INDEX(LINEST(K596:K654,$A596:$B654),1)*2</f>
        <v>8.4251403205590682E-3</v>
      </c>
      <c r="N625">
        <f t="shared" si="48"/>
        <v>-123.76089753572163</v>
      </c>
      <c r="O625">
        <f t="shared" si="49"/>
        <v>-0.66238453200235403</v>
      </c>
    </row>
    <row r="626" spans="1:15" x14ac:dyDescent="0.4">
      <c r="A626">
        <v>20.8</v>
      </c>
      <c r="B626">
        <f t="shared" si="45"/>
        <v>432.64000000000004</v>
      </c>
      <c r="C626">
        <v>-3.4292413628529461</v>
      </c>
      <c r="D626">
        <v>2.698095591683122</v>
      </c>
      <c r="E626" cm="1">
        <f t="array" ref="E626">INDEX(LINEST(C597:C655,$A597:$B655),1)*2</f>
        <v>-2.0538213007870176</v>
      </c>
      <c r="F626" cm="1">
        <f t="array" ref="F626">INDEX(LINEST(D597:D655,$A597:$B655),1)*2</f>
        <v>-2.2031219202827499E-3</v>
      </c>
      <c r="G626">
        <f t="shared" si="46"/>
        <v>-120.62092499522154</v>
      </c>
      <c r="H626">
        <f t="shared" si="47"/>
        <v>-0.1293893503782059</v>
      </c>
      <c r="J626">
        <v>5.6482030299826951</v>
      </c>
      <c r="K626">
        <v>2.6727184174542069</v>
      </c>
      <c r="L626" cm="1">
        <f t="array" ref="L626">INDEX(LINEST(J597:J655,$A597:$B655),1)*2</f>
        <v>1.5506450199706592</v>
      </c>
      <c r="M626" cm="1">
        <f t="array" ref="M626">INDEX(LINEST(K597:K655,$A597:$B655),1)*2</f>
        <v>7.9581357815719546E-3</v>
      </c>
      <c r="N626">
        <f t="shared" si="48"/>
        <v>-121.91171147009324</v>
      </c>
      <c r="O626">
        <f t="shared" si="49"/>
        <v>-0.62566863514718707</v>
      </c>
    </row>
    <row r="627" spans="1:15" x14ac:dyDescent="0.4">
      <c r="A627">
        <v>20.833333333333332</v>
      </c>
      <c r="B627">
        <f t="shared" si="45"/>
        <v>434.02777777777771</v>
      </c>
      <c r="C627">
        <v>-3.4222007163721333</v>
      </c>
      <c r="D627">
        <v>2.7001406645948545</v>
      </c>
      <c r="E627" cm="1">
        <f t="array" ref="E627">INDEX(LINEST(C598:C656,$A598:$B656),1)*2</f>
        <v>-2.012443416445779</v>
      </c>
      <c r="F627" cm="1">
        <f t="array" ref="F627">INDEX(LINEST(D598:D656,$A598:$B656),1)*2</f>
        <v>-9.9864926751073307E-4</v>
      </c>
      <c r="G627">
        <f t="shared" si="46"/>
        <v>-118.1908018478606</v>
      </c>
      <c r="H627">
        <f t="shared" si="47"/>
        <v>-5.8650671480905352E-2</v>
      </c>
      <c r="J627">
        <v>5.6465345662807769</v>
      </c>
      <c r="K627">
        <v>2.6711675431791657</v>
      </c>
      <c r="L627" cm="1">
        <f t="array" ref="L627">INDEX(LINEST(J598:J656,$A598:$B656),1)*2</f>
        <v>1.518308462427173</v>
      </c>
      <c r="M627" cm="1">
        <f t="array" ref="M627">INDEX(LINEST(K598:K656,$A598:$B656),1)*2</f>
        <v>7.1717240337794089E-3</v>
      </c>
      <c r="N627">
        <f t="shared" si="48"/>
        <v>-119.36941131602434</v>
      </c>
      <c r="O627">
        <f t="shared" si="49"/>
        <v>-0.56384094353573722</v>
      </c>
    </row>
    <row r="628" spans="1:15" x14ac:dyDescent="0.4">
      <c r="A628">
        <v>20.866666666666667</v>
      </c>
      <c r="B628">
        <f t="shared" si="45"/>
        <v>435.41777777777781</v>
      </c>
      <c r="C628">
        <v>-3.4150717910117341</v>
      </c>
      <c r="D628">
        <v>2.7046108835921987</v>
      </c>
      <c r="E628" cm="1">
        <f t="array" ref="E628">INDEX(LINEST(C599:C657,$A599:$B657),1)*2</f>
        <v>-1.9603260965192832</v>
      </c>
      <c r="F628" cm="1">
        <f t="array" ref="F628">INDEX(LINEST(D599:D657,$A599:$B657),1)*2</f>
        <v>-2.4264467369643073E-4</v>
      </c>
      <c r="G628">
        <f t="shared" si="46"/>
        <v>-115.1299516485775</v>
      </c>
      <c r="H628">
        <f t="shared" si="47"/>
        <v>-1.4250521686191377E-2</v>
      </c>
      <c r="J628">
        <v>5.6400431390025165</v>
      </c>
      <c r="K628">
        <v>2.6718862994438082</v>
      </c>
      <c r="L628" cm="1">
        <f t="array" ref="L628">INDEX(LINEST(J599:J657,$A599:$B657),1)*2</f>
        <v>1.4791548445524112</v>
      </c>
      <c r="M628" cm="1">
        <f t="array" ref="M628">INDEX(LINEST(K599:K657,$A599:$B657),1)*2</f>
        <v>4.2870139640725016E-3</v>
      </c>
      <c r="N628">
        <f t="shared" si="48"/>
        <v>-116.29115387871057</v>
      </c>
      <c r="O628">
        <f t="shared" si="49"/>
        <v>-0.33704503785538009</v>
      </c>
    </row>
    <row r="629" spans="1:15" x14ac:dyDescent="0.4">
      <c r="A629">
        <v>20.9</v>
      </c>
      <c r="B629">
        <f t="shared" si="45"/>
        <v>436.80999999999995</v>
      </c>
      <c r="C629">
        <v>-3.4128709652349145</v>
      </c>
      <c r="D629">
        <v>2.7033662474337596</v>
      </c>
      <c r="E629" cm="1">
        <f t="array" ref="E629">INDEX(LINEST(C600:C658,$A600:$B658),1)*2</f>
        <v>-1.8983846261192587</v>
      </c>
      <c r="F629" cm="1">
        <f t="array" ref="F629">INDEX(LINEST(D600:D658,$A600:$B658),1)*2</f>
        <v>-1.1543711086462976E-3</v>
      </c>
      <c r="G629">
        <f t="shared" si="46"/>
        <v>-111.49212909198405</v>
      </c>
      <c r="H629">
        <f t="shared" si="47"/>
        <v>-6.7796215210797053E-2</v>
      </c>
      <c r="J629">
        <v>5.6325523489443379</v>
      </c>
      <c r="K629">
        <v>2.6685195383147122</v>
      </c>
      <c r="L629" cm="1">
        <f t="array" ref="L629">INDEX(LINEST(J600:J658,$A600:$B658),1)*2</f>
        <v>1.4314768512018303</v>
      </c>
      <c r="M629" cm="1">
        <f t="array" ref="M629">INDEX(LINEST(K600:K658,$A600:$B658),1)*2</f>
        <v>1.2986603766715695E-3</v>
      </c>
      <c r="N629">
        <f t="shared" si="48"/>
        <v>-112.54271004148791</v>
      </c>
      <c r="O629">
        <f t="shared" si="49"/>
        <v>-0.10210067881391879</v>
      </c>
    </row>
    <row r="630" spans="1:15" x14ac:dyDescent="0.4">
      <c r="A630">
        <v>20.933333333333334</v>
      </c>
      <c r="B630">
        <f t="shared" si="45"/>
        <v>438.20444444444445</v>
      </c>
      <c r="C630">
        <v>-3.4147798817760746</v>
      </c>
      <c r="D630">
        <v>2.7002948422623247</v>
      </c>
      <c r="E630" cm="1">
        <f t="array" ref="E630">INDEX(LINEST(C601:C659,$A601:$B659),1)*2</f>
        <v>-1.8236969392135249</v>
      </c>
      <c r="F630" cm="1">
        <f t="array" ref="F630">INDEX(LINEST(D601:D659,$A601:$B659),1)*2</f>
        <v>-1.0044860665087731E-3</v>
      </c>
      <c r="G630">
        <f t="shared" si="46"/>
        <v>-107.10572124001031</v>
      </c>
      <c r="H630">
        <f t="shared" si="47"/>
        <v>-5.8993466686060238E-2</v>
      </c>
      <c r="J630">
        <v>5.6283829287396108</v>
      </c>
      <c r="K630">
        <v>2.6728570957699604</v>
      </c>
      <c r="L630" cm="1">
        <f t="array" ref="L630">INDEX(LINEST(J601:J659,$A601:$B659),1)*2</f>
        <v>1.3755548826113748</v>
      </c>
      <c r="M630" cm="1">
        <f t="array" ref="M630">INDEX(LINEST(K601:K659,$A601:$B659),1)*2</f>
        <v>-1.6946492703348885E-3</v>
      </c>
      <c r="N630">
        <f t="shared" si="48"/>
        <v>-108.14612487090629</v>
      </c>
      <c r="O630">
        <f t="shared" si="49"/>
        <v>0.13323332563372894</v>
      </c>
    </row>
    <row r="631" spans="1:15" x14ac:dyDescent="0.4">
      <c r="A631">
        <v>20.966666666666665</v>
      </c>
      <c r="B631">
        <f t="shared" si="45"/>
        <v>439.60111111111104</v>
      </c>
      <c r="C631">
        <v>-3.4171228317344875</v>
      </c>
      <c r="D631">
        <v>2.7021576137446752</v>
      </c>
      <c r="E631" cm="1">
        <f t="array" ref="E631">INDEX(LINEST(C602:C660,$A602:$B660),1)*2</f>
        <v>-1.7395917526537579</v>
      </c>
      <c r="F631" cm="1">
        <f t="array" ref="F631">INDEX(LINEST(D602:D660,$A602:$B660),1)*2</f>
        <v>-7.6872830406166429E-4</v>
      </c>
      <c r="G631">
        <f t="shared" si="46"/>
        <v>-102.16622363335519</v>
      </c>
      <c r="H631">
        <f t="shared" si="47"/>
        <v>-4.5147413297541544E-2</v>
      </c>
      <c r="J631">
        <v>5.6298404311677279</v>
      </c>
      <c r="K631">
        <v>2.6731670206476221</v>
      </c>
      <c r="L631" cm="1">
        <f t="array" ref="L631">INDEX(LINEST(J602:J660,$A602:$B660),1)*2</f>
        <v>1.3131159335573539</v>
      </c>
      <c r="M631" cm="1">
        <f t="array" ref="M631">INDEX(LINEST(K602:K660,$A602:$B660),1)*2</f>
        <v>-5.0100423606943218E-3</v>
      </c>
      <c r="N631">
        <f t="shared" si="48"/>
        <v>-103.23717469627917</v>
      </c>
      <c r="O631">
        <f t="shared" si="49"/>
        <v>0.39388953039778762</v>
      </c>
    </row>
    <row r="632" spans="1:15" x14ac:dyDescent="0.4">
      <c r="A632">
        <v>21</v>
      </c>
      <c r="B632">
        <f t="shared" si="45"/>
        <v>441</v>
      </c>
      <c r="C632">
        <v>-3.4247252654628779</v>
      </c>
      <c r="D632">
        <v>2.7080917023632645</v>
      </c>
      <c r="E632" cm="1">
        <f t="array" ref="E632">INDEX(LINEST(C603:C661,$A603:$B661),1)*2</f>
        <v>-1.6481436252710711</v>
      </c>
      <c r="F632" cm="1">
        <f t="array" ref="F632">INDEX(LINEST(D603:D661,$A603:$B661),1)*2</f>
        <v>6.4438209490470973E-4</v>
      </c>
      <c r="G632">
        <f t="shared" si="46"/>
        <v>-96.795475112169996</v>
      </c>
      <c r="H632">
        <f t="shared" si="47"/>
        <v>3.7844560433753602E-2</v>
      </c>
      <c r="J632">
        <v>5.6265069346789325</v>
      </c>
      <c r="K632">
        <v>2.6755227413689866</v>
      </c>
      <c r="L632" cm="1">
        <f t="array" ref="L632">INDEX(LINEST(J603:J661,$A603:$B661),1)*2</f>
        <v>1.2470899976962944</v>
      </c>
      <c r="M632" cm="1">
        <f t="array" ref="M632">INDEX(LINEST(K603:K661,$A603:$B661),1)*2</f>
        <v>-4.6279310738244796E-3</v>
      </c>
      <c r="N632">
        <f t="shared" si="48"/>
        <v>-98.04621561888267</v>
      </c>
      <c r="O632">
        <f t="shared" si="49"/>
        <v>0.36384794102408058</v>
      </c>
    </row>
    <row r="633" spans="1:15" x14ac:dyDescent="0.4">
      <c r="A633">
        <v>21.033333333333335</v>
      </c>
      <c r="B633">
        <f t="shared" si="45"/>
        <v>442.40111111111116</v>
      </c>
      <c r="C633">
        <v>-3.4329718014976844</v>
      </c>
      <c r="D633">
        <v>2.7057299851970065</v>
      </c>
      <c r="E633" cm="1">
        <f t="array" ref="E633">INDEX(LINEST(C604:C662,$A604:$B662),1)*2</f>
        <v>-1.548229732390116</v>
      </c>
      <c r="F633" cm="1">
        <f t="array" ref="F633">INDEX(LINEST(D604:D662,$A604:$B662),1)*2</f>
        <v>1.9899388960317975E-3</v>
      </c>
      <c r="G633">
        <f t="shared" si="46"/>
        <v>-90.927532183271509</v>
      </c>
      <c r="H633">
        <f t="shared" si="47"/>
        <v>0.11686911136394747</v>
      </c>
      <c r="J633">
        <v>5.6240004330880291</v>
      </c>
      <c r="K633">
        <v>2.6739658710358456</v>
      </c>
      <c r="L633" cm="1">
        <f t="array" ref="L633">INDEX(LINEST(J604:J662,$A604:$B662),1)*2</f>
        <v>1.1735172704316228</v>
      </c>
      <c r="M633" cm="1">
        <f t="array" ref="M633">INDEX(LINEST(K604:K662,$A604:$B662),1)*2</f>
        <v>-3.4598090256457762E-3</v>
      </c>
      <c r="N633">
        <f t="shared" si="48"/>
        <v>-92.261927801334195</v>
      </c>
      <c r="O633">
        <f t="shared" si="49"/>
        <v>0.27201018559627094</v>
      </c>
    </row>
    <row r="634" spans="1:15" x14ac:dyDescent="0.4">
      <c r="A634">
        <v>21.066666666666666</v>
      </c>
      <c r="B634">
        <f t="shared" si="45"/>
        <v>443.80444444444441</v>
      </c>
      <c r="C634">
        <v>-3.4388743932996428</v>
      </c>
      <c r="D634">
        <v>2.7106375171830646</v>
      </c>
      <c r="E634" cm="1">
        <f t="array" ref="E634">INDEX(LINEST(C605:C663,$A605:$B663),1)*2</f>
        <v>-1.4405491697358066</v>
      </c>
      <c r="F634" cm="1">
        <f t="array" ref="F634">INDEX(LINEST(D605:D663,$A605:$B663),1)*2</f>
        <v>3.4888287931350154E-3</v>
      </c>
      <c r="G634">
        <f t="shared" si="46"/>
        <v>-84.603452738583911</v>
      </c>
      <c r="H634">
        <f t="shared" si="47"/>
        <v>0.20489891502081944</v>
      </c>
      <c r="J634">
        <v>5.6227730771354736</v>
      </c>
      <c r="K634">
        <v>2.6782069072542503</v>
      </c>
      <c r="L634" cm="1">
        <f t="array" ref="L634">INDEX(LINEST(J605:J663,$A605:$B663),1)*2</f>
        <v>1.0944133794049984</v>
      </c>
      <c r="M634" cm="1">
        <f t="array" ref="M634">INDEX(LINEST(K605:K663,$A605:$B663),1)*2</f>
        <v>-2.3123282026825229E-3</v>
      </c>
      <c r="N634">
        <f t="shared" si="48"/>
        <v>-86.042779888820974</v>
      </c>
      <c r="O634">
        <f t="shared" si="49"/>
        <v>0.18179524329489996</v>
      </c>
    </row>
    <row r="635" spans="1:15" x14ac:dyDescent="0.4">
      <c r="A635">
        <v>21.1</v>
      </c>
      <c r="B635">
        <f t="shared" si="45"/>
        <v>445.21000000000004</v>
      </c>
      <c r="C635">
        <v>-3.4434888425632613</v>
      </c>
      <c r="D635">
        <v>2.7135543254534737</v>
      </c>
      <c r="E635" cm="1">
        <f t="array" ref="E635">INDEX(LINEST(C606:C664,$A606:$B664),1)*2</f>
        <v>-1.3268440838347548</v>
      </c>
      <c r="F635" cm="1">
        <f t="array" ref="F635">INDEX(LINEST(D606:D664,$A606:$B664),1)*2</f>
        <v>3.0767476421245414E-3</v>
      </c>
      <c r="G635">
        <f t="shared" si="46"/>
        <v>-77.925553043615153</v>
      </c>
      <c r="H635">
        <f t="shared" si="47"/>
        <v>0.1806973890219743</v>
      </c>
      <c r="J635">
        <v>5.6217315236949021</v>
      </c>
      <c r="K635">
        <v>2.682928739492326</v>
      </c>
      <c r="L635" cm="1">
        <f t="array" ref="L635">INDEX(LINEST(J606:J664,$A606:$B664),1)*2</f>
        <v>1.0110545925811163</v>
      </c>
      <c r="M635" cm="1">
        <f t="array" ref="M635">INDEX(LINEST(K606:K664,$A606:$B664),1)*2</f>
        <v>-1.3269904168155217E-3</v>
      </c>
      <c r="N635">
        <f t="shared" si="48"/>
        <v>-79.489112068727366</v>
      </c>
      <c r="O635">
        <f t="shared" si="49"/>
        <v>0.10432798657003632</v>
      </c>
    </row>
    <row r="636" spans="1:15" x14ac:dyDescent="0.4">
      <c r="A636">
        <v>21.133333333333333</v>
      </c>
      <c r="B636">
        <f t="shared" si="45"/>
        <v>446.61777777777775</v>
      </c>
      <c r="C636">
        <v>-3.4405161525794092</v>
      </c>
      <c r="D636">
        <v>2.7127890284269736</v>
      </c>
      <c r="E636" cm="1">
        <f t="array" ref="E636">INDEX(LINEST(C607:C665,$A607:$B665),1)*2</f>
        <v>-1.2062168373245381</v>
      </c>
      <c r="F636" cm="1">
        <f t="array" ref="F636">INDEX(LINEST(D607:D665,$A607:$B665),1)*2</f>
        <v>3.6978667697215389E-3</v>
      </c>
      <c r="G636">
        <f t="shared" si="46"/>
        <v>-70.841114856070121</v>
      </c>
      <c r="H636">
        <f t="shared" si="47"/>
        <v>0.21717571538574595</v>
      </c>
      <c r="J636">
        <v>5.6186460054137664</v>
      </c>
      <c r="K636">
        <v>2.679525796188913</v>
      </c>
      <c r="L636" cm="1">
        <f t="array" ref="L636">INDEX(LINEST(J607:J665,$A607:$B665),1)*2</f>
        <v>0.92280730130212552</v>
      </c>
      <c r="M636" cm="1">
        <f t="array" ref="M636">INDEX(LINEST(K607:K665,$A607:$B665),1)*2</f>
        <v>-1.5990330500137006E-3</v>
      </c>
      <c r="N636">
        <f t="shared" si="48"/>
        <v>-72.551110028373117</v>
      </c>
      <c r="O636">
        <f t="shared" si="49"/>
        <v>0.12571597839207715</v>
      </c>
    </row>
    <row r="637" spans="1:15" x14ac:dyDescent="0.4">
      <c r="A637">
        <v>21.166666666666668</v>
      </c>
      <c r="B637">
        <f t="shared" si="45"/>
        <v>448.02777777777783</v>
      </c>
      <c r="C637">
        <v>-3.4413962062418308</v>
      </c>
      <c r="D637">
        <v>2.7183999160337398</v>
      </c>
      <c r="E637" cm="1">
        <f t="array" ref="E637">INDEX(LINEST(C608:C666,$A608:$B666),1)*2</f>
        <v>-1.0860070290188841</v>
      </c>
      <c r="F637" cm="1">
        <f t="array" ref="F637">INDEX(LINEST(D608:D666,$A608:$B666),1)*2</f>
        <v>5.1015736718086641E-3</v>
      </c>
      <c r="G637">
        <f t="shared" si="46"/>
        <v>-63.781192814279059</v>
      </c>
      <c r="H637">
        <f t="shared" si="47"/>
        <v>0.29961542174532285</v>
      </c>
      <c r="J637">
        <v>5.6229467946831431</v>
      </c>
      <c r="K637">
        <v>2.6835201932251</v>
      </c>
      <c r="L637" cm="1">
        <f t="array" ref="L637">INDEX(LINEST(J608:J666,$A608:$B666),1)*2</f>
        <v>0.83295964599590822</v>
      </c>
      <c r="M637" cm="1">
        <f t="array" ref="M637">INDEX(LINEST(K608:K666,$A608:$B666),1)*2</f>
        <v>-2.7902351731549872E-3</v>
      </c>
      <c r="N637">
        <f t="shared" si="48"/>
        <v>-65.487287368198309</v>
      </c>
      <c r="O637">
        <f t="shared" si="49"/>
        <v>0.2193682893134451</v>
      </c>
    </row>
    <row r="638" spans="1:15" x14ac:dyDescent="0.4">
      <c r="A638">
        <v>21.2</v>
      </c>
      <c r="B638">
        <f t="shared" si="45"/>
        <v>449.44</v>
      </c>
      <c r="C638">
        <v>-3.4371051865648394</v>
      </c>
      <c r="D638">
        <v>2.7225168720061133</v>
      </c>
      <c r="E638" cm="1">
        <f t="array" ref="E638">INDEX(LINEST(C609:C667,$A609:$B667),1)*2</f>
        <v>-0.96210837357516166</v>
      </c>
      <c r="F638" cm="1">
        <f t="array" ref="F638">INDEX(LINEST(D609:D667,$A609:$B667),1)*2</f>
        <v>7.2057322126757167E-3</v>
      </c>
      <c r="G638">
        <f t="shared" si="46"/>
        <v>-56.504624780069243</v>
      </c>
      <c r="H638">
        <f t="shared" si="47"/>
        <v>0.42319265285044483</v>
      </c>
      <c r="J638">
        <v>5.61722740446511</v>
      </c>
      <c r="K638">
        <v>2.6839050527908102</v>
      </c>
      <c r="L638" cm="1">
        <f t="array" ref="L638">INDEX(LINEST(J609:J667,$A609:$B667),1)*2</f>
        <v>0.7432161523190518</v>
      </c>
      <c r="M638" cm="1">
        <f t="array" ref="M638">INDEX(LINEST(K609:K667,$A609:$B667),1)*2</f>
        <v>-7.7183369213381172E-4</v>
      </c>
      <c r="N638">
        <f t="shared" si="48"/>
        <v>-58.431653895323855</v>
      </c>
      <c r="O638">
        <f t="shared" si="49"/>
        <v>6.0681564875560284E-2</v>
      </c>
    </row>
    <row r="639" spans="1:15" x14ac:dyDescent="0.4">
      <c r="A639">
        <v>21.233333333333334</v>
      </c>
      <c r="B639">
        <f t="shared" si="45"/>
        <v>450.85444444444448</v>
      </c>
      <c r="C639">
        <v>-3.4389375220858671</v>
      </c>
      <c r="D639">
        <v>2.7281947439321357</v>
      </c>
      <c r="E639" cm="1">
        <f t="array" ref="E639">INDEX(LINEST(C610:C668,$A610:$B668),1)*2</f>
        <v>-0.83817648332545436</v>
      </c>
      <c r="F639" cm="1">
        <f t="array" ref="F639">INDEX(LINEST(D610:D668,$A610:$B668),1)*2</f>
        <v>8.8966090656963231E-3</v>
      </c>
      <c r="G639">
        <f t="shared" si="46"/>
        <v>-49.226104865703931</v>
      </c>
      <c r="H639">
        <f t="shared" si="47"/>
        <v>0.52249785042834507</v>
      </c>
      <c r="J639">
        <v>5.6122865949062435</v>
      </c>
      <c r="K639">
        <v>2.684447719641792</v>
      </c>
      <c r="L639" cm="1">
        <f t="array" ref="L639">INDEX(LINEST(J610:J668,$A610:$B668),1)*2</f>
        <v>0.64967835920445927</v>
      </c>
      <c r="M639" cm="1">
        <f t="array" ref="M639">INDEX(LINEST(K610:K668,$A610:$B668),1)*2</f>
        <v>5.0483165911175418E-4</v>
      </c>
      <c r="N639">
        <f t="shared" si="48"/>
        <v>-51.077712600654593</v>
      </c>
      <c r="O639">
        <f t="shared" si="49"/>
        <v>-3.9689865039366119E-2</v>
      </c>
    </row>
    <row r="640" spans="1:15" x14ac:dyDescent="0.4">
      <c r="A640">
        <v>21.266666666666666</v>
      </c>
      <c r="B640">
        <f t="shared" si="45"/>
        <v>452.27111111111105</v>
      </c>
      <c r="C640">
        <v>-3.4380577840570319</v>
      </c>
      <c r="D640">
        <v>2.7310567275480349</v>
      </c>
      <c r="E640" cm="1">
        <f t="array" ref="E640">INDEX(LINEST(C611:C669,$A611:$B669),1)*2</f>
        <v>-0.7177958831725586</v>
      </c>
      <c r="F640" cm="1">
        <f t="array" ref="F640">INDEX(LINEST(D611:D669,$A611:$B669),1)*2</f>
        <v>1.0408929089199449E-2</v>
      </c>
      <c r="G640">
        <f t="shared" si="46"/>
        <v>-42.156152218724365</v>
      </c>
      <c r="H640">
        <f t="shared" si="47"/>
        <v>0.61131640540868359</v>
      </c>
      <c r="J640">
        <v>5.6086420621481681</v>
      </c>
      <c r="K640">
        <v>2.6868486453606555</v>
      </c>
      <c r="L640" cm="1">
        <f t="array" ref="L640">INDEX(LINEST(J611:J669,$A611:$B669),1)*2</f>
        <v>0.55823086114940446</v>
      </c>
      <c r="M640" cm="1">
        <f t="array" ref="M640">INDEX(LINEST(K611:K669,$A611:$B669),1)*2</f>
        <v>1.80053885294721E-3</v>
      </c>
      <c r="N640">
        <f t="shared" si="48"/>
        <v>-43.888110303566179</v>
      </c>
      <c r="O640">
        <f t="shared" si="49"/>
        <v>-0.14155836461870966</v>
      </c>
    </row>
    <row r="641" spans="1:15" x14ac:dyDescent="0.4">
      <c r="A641">
        <v>21.3</v>
      </c>
      <c r="B641">
        <f t="shared" si="45"/>
        <v>453.69000000000005</v>
      </c>
      <c r="C641">
        <v>-3.4429643226215565</v>
      </c>
      <c r="D641">
        <v>2.7353146187199542</v>
      </c>
      <c r="E641" cm="1">
        <f t="array" ref="E641">INDEX(LINEST(C612:C670,$A612:$B670),1)*2</f>
        <v>-0.60083443750161569</v>
      </c>
      <c r="F641" cm="1">
        <f t="array" ref="F641">INDEX(LINEST(D612:D670,$A612:$B670),1)*2</f>
        <v>1.2340123192439465E-2</v>
      </c>
      <c r="G641">
        <f t="shared" si="46"/>
        <v>-35.287006514469887</v>
      </c>
      <c r="H641">
        <f t="shared" si="47"/>
        <v>0.72473543509196969</v>
      </c>
      <c r="J641">
        <v>5.6024029611489468</v>
      </c>
      <c r="K641">
        <v>2.6906988142161286</v>
      </c>
      <c r="L641" cm="1">
        <f t="array" ref="L641">INDEX(LINEST(J612:J670,$A612:$B670),1)*2</f>
        <v>0.46774013219778549</v>
      </c>
      <c r="M641" cm="1">
        <f t="array" ref="M641">INDEX(LINEST(K612:K670,$A612:$B670),1)*2</f>
        <v>2.9479137507770277E-3</v>
      </c>
      <c r="N641">
        <f t="shared" si="48"/>
        <v>-36.773729193389897</v>
      </c>
      <c r="O641">
        <f t="shared" si="49"/>
        <v>-0.23176497908608992</v>
      </c>
    </row>
    <row r="642" spans="1:15" x14ac:dyDescent="0.4">
      <c r="A642">
        <v>21.333333333333332</v>
      </c>
      <c r="B642">
        <f t="shared" si="45"/>
        <v>455.11111111111109</v>
      </c>
      <c r="C642">
        <v>-3.4489320983537901</v>
      </c>
      <c r="D642">
        <v>2.7341430311879145</v>
      </c>
      <c r="E642" cm="1">
        <f t="array" ref="E642">INDEX(LINEST(C613:C671,$A613:$B671),1)*2</f>
        <v>-0.49047967547195753</v>
      </c>
      <c r="F642" cm="1">
        <f t="array" ref="F642">INDEX(LINEST(D613:D671,$A613:$B671),1)*2</f>
        <v>1.4152925566916429E-2</v>
      </c>
      <c r="G642">
        <f t="shared" si="46"/>
        <v>-28.805871340468066</v>
      </c>
      <c r="H642">
        <f t="shared" si="47"/>
        <v>0.83120131854500179</v>
      </c>
      <c r="J642">
        <v>5.6083053396993519</v>
      </c>
      <c r="K642">
        <v>2.6934021417130807</v>
      </c>
      <c r="L642" cm="1">
        <f t="array" ref="L642">INDEX(LINEST(J613:J671,$A613:$B671),1)*2</f>
        <v>0.3844071000544893</v>
      </c>
      <c r="M642" cm="1">
        <f t="array" ref="M642">INDEX(LINEST(K613:K671,$A613:$B671),1)*2</f>
        <v>3.1970853818204747E-3</v>
      </c>
      <c r="N642">
        <f t="shared" si="48"/>
        <v>-30.222086206283951</v>
      </c>
      <c r="O642">
        <f t="shared" si="49"/>
        <v>-0.25135485271872571</v>
      </c>
    </row>
    <row r="643" spans="1:15" x14ac:dyDescent="0.4">
      <c r="A643">
        <v>21.366666666666667</v>
      </c>
      <c r="B643">
        <f t="shared" ref="B643:B706" si="50">A643^2</f>
        <v>456.53444444444449</v>
      </c>
      <c r="C643">
        <v>-3.4589337219690046</v>
      </c>
      <c r="D643">
        <v>2.7333606438271714</v>
      </c>
      <c r="E643" cm="1">
        <f t="array" ref="E643">INDEX(LINEST(C614:C672,$A614:$B672),1)*2</f>
        <v>-0.38429236520609061</v>
      </c>
      <c r="F643" cm="1">
        <f t="array" ref="F643">INDEX(LINEST(D614:D672,$A614:$B672),1)*2</f>
        <v>1.5513884117360748E-2</v>
      </c>
      <c r="G643">
        <f t="shared" si="46"/>
        <v>-22.5694906085537</v>
      </c>
      <c r="H643">
        <f t="shared" si="47"/>
        <v>0.91113041421259666</v>
      </c>
      <c r="J643">
        <v>5.6075390583979416</v>
      </c>
      <c r="K643">
        <v>2.6960254878396146</v>
      </c>
      <c r="L643" cm="1">
        <f t="array" ref="L643">INDEX(LINEST(J614:J672,$A614:$B672),1)*2</f>
        <v>0.30538249121165356</v>
      </c>
      <c r="M643" cm="1">
        <f t="array" ref="M643">INDEX(LINEST(K614:K672,$A614:$B672),1)*2</f>
        <v>4.2371205949972819E-3</v>
      </c>
      <c r="N643">
        <f t="shared" si="48"/>
        <v>-24.009171459060205</v>
      </c>
      <c r="O643">
        <f t="shared" si="49"/>
        <v>-0.33312242117868635</v>
      </c>
    </row>
    <row r="644" spans="1:15" x14ac:dyDescent="0.4">
      <c r="A644">
        <v>21.4</v>
      </c>
      <c r="B644">
        <f t="shared" si="50"/>
        <v>457.95999999999992</v>
      </c>
      <c r="C644">
        <v>-3.4606834461258607</v>
      </c>
      <c r="D644">
        <v>2.7367080135543889</v>
      </c>
      <c r="E644" cm="1">
        <f t="array" ref="E644">INDEX(LINEST(C615:C673,$A615:$B673),1)*2</f>
        <v>-0.28670474455620426</v>
      </c>
      <c r="F644" cm="1">
        <f t="array" ref="F644">INDEX(LINEST(D615:D673,$A615:$B673),1)*2</f>
        <v>1.5388785618185392E-2</v>
      </c>
      <c r="G644">
        <f t="shared" si="46"/>
        <v>-16.838169647785875</v>
      </c>
      <c r="H644">
        <f t="shared" si="47"/>
        <v>0.90378337935602804</v>
      </c>
      <c r="J644">
        <v>5.609520978801215</v>
      </c>
      <c r="K644">
        <v>2.6971321653096463</v>
      </c>
      <c r="L644" cm="1">
        <f t="array" ref="L644">INDEX(LINEST(J615:J673,$A615:$B673),1)*2</f>
        <v>0.23298359037428928</v>
      </c>
      <c r="M644" cm="1">
        <f t="array" ref="M644">INDEX(LINEST(K615:K673,$A615:$B673),1)*2</f>
        <v>7.0385479207518212E-3</v>
      </c>
      <c r="N644">
        <f t="shared" si="48"/>
        <v>-18.317169875226625</v>
      </c>
      <c r="O644">
        <f t="shared" si="49"/>
        <v>-0.55337063752950821</v>
      </c>
    </row>
    <row r="645" spans="1:15" x14ac:dyDescent="0.4">
      <c r="A645">
        <v>21.433333333333334</v>
      </c>
      <c r="B645">
        <f t="shared" si="50"/>
        <v>459.38777777777779</v>
      </c>
      <c r="C645">
        <v>-3.4630203435177656</v>
      </c>
      <c r="D645">
        <v>2.742665887748732</v>
      </c>
      <c r="E645" cm="1">
        <f t="array" ref="E645">INDEX(LINEST(C616:C674,$A616:$B674),1)*2</f>
        <v>-0.2030988372239721</v>
      </c>
      <c r="F645" cm="1">
        <f t="array" ref="F645">INDEX(LINEST(D616:D674,$A616:$B674),1)*2</f>
        <v>1.5029266984146347E-2</v>
      </c>
      <c r="G645">
        <f t="shared" si="46"/>
        <v>-11.92799471016388</v>
      </c>
      <c r="H645">
        <f t="shared" si="47"/>
        <v>0.88266884997891493</v>
      </c>
      <c r="J645">
        <v>5.6073451232513269</v>
      </c>
      <c r="K645">
        <v>2.6981608248019535</v>
      </c>
      <c r="L645" cm="1">
        <f t="array" ref="L645">INDEX(LINEST(J616:J674,$A616:$B674),1)*2</f>
        <v>0.16719086999429236</v>
      </c>
      <c r="M645" cm="1">
        <f t="array" ref="M645">INDEX(LINEST(K616:K674,$A616:$B674),1)*2</f>
        <v>8.715037671618981E-3</v>
      </c>
      <c r="N645">
        <f t="shared" si="48"/>
        <v>-13.144546198951266</v>
      </c>
      <c r="O645">
        <f t="shared" si="49"/>
        <v>-0.68517626174268431</v>
      </c>
    </row>
    <row r="646" spans="1:15" x14ac:dyDescent="0.4">
      <c r="A646">
        <v>21.466666666666665</v>
      </c>
      <c r="B646">
        <f t="shared" si="50"/>
        <v>460.81777777777768</v>
      </c>
      <c r="C646">
        <v>-3.4607944816112948</v>
      </c>
      <c r="D646">
        <v>2.7455551401549565</v>
      </c>
      <c r="E646" cm="1">
        <f t="array" ref="E646">INDEX(LINEST(C617:C675,$A617:$B675),1)*2</f>
        <v>-0.13243944314861342</v>
      </c>
      <c r="F646" cm="1">
        <f t="array" ref="F646">INDEX(LINEST(D617:D675,$A617:$B675),1)*2</f>
        <v>1.488288129256384E-2</v>
      </c>
      <c r="G646">
        <f t="shared" si="46"/>
        <v>-7.7781684961180657</v>
      </c>
      <c r="H646">
        <f t="shared" si="47"/>
        <v>0.87407161831227431</v>
      </c>
      <c r="J646">
        <v>5.6061399602463187</v>
      </c>
      <c r="K646">
        <v>2.701157976067921</v>
      </c>
      <c r="L646" cm="1">
        <f t="array" ref="L646">INDEX(LINEST(J617:J675,$A617:$B675),1)*2</f>
        <v>0.11186650644515975</v>
      </c>
      <c r="M646" cm="1">
        <f t="array" ref="M646">INDEX(LINEST(K617:K675,$A617:$B675),1)*2</f>
        <v>9.3229436790823132E-3</v>
      </c>
      <c r="N646">
        <f t="shared" si="48"/>
        <v>-8.7949447367184597</v>
      </c>
      <c r="O646">
        <f t="shared" si="49"/>
        <v>-0.73296983204945154</v>
      </c>
    </row>
    <row r="647" spans="1:15" x14ac:dyDescent="0.4">
      <c r="A647">
        <v>21.5</v>
      </c>
      <c r="B647">
        <f t="shared" si="50"/>
        <v>462.25</v>
      </c>
      <c r="C647">
        <v>-3.4595254393240422</v>
      </c>
      <c r="D647">
        <v>2.7482788824055997</v>
      </c>
      <c r="E647" cm="1">
        <f t="array" ref="E647">INDEX(LINEST(C618:C676,$A618:$B676),1)*2</f>
        <v>-7.7432432140011401E-2</v>
      </c>
      <c r="F647" cm="1">
        <f t="array" ref="F647">INDEX(LINEST(D618:D676,$A618:$B676),1)*2</f>
        <v>1.3985279653662084E-2</v>
      </c>
      <c r="G647">
        <f t="shared" si="46"/>
        <v>-4.5476067395828697</v>
      </c>
      <c r="H647">
        <f t="shared" si="47"/>
        <v>0.82135547405957421</v>
      </c>
      <c r="J647">
        <v>5.6035591176609181</v>
      </c>
      <c r="K647">
        <v>2.7000608396940371</v>
      </c>
      <c r="L647" cm="1">
        <f t="array" ref="L647">INDEX(LINEST(J618:J676,$A618:$B676),1)*2</f>
        <v>7.0683185255497619E-2</v>
      </c>
      <c r="M647" cm="1">
        <f t="array" ref="M647">INDEX(LINEST(K618:K676,$A618:$B676),1)*2</f>
        <v>7.6513108222784074E-3</v>
      </c>
      <c r="N647">
        <f t="shared" si="48"/>
        <v>-5.557112024787223</v>
      </c>
      <c r="O647">
        <f t="shared" si="49"/>
        <v>-0.60154605684752838</v>
      </c>
    </row>
    <row r="648" spans="1:15" x14ac:dyDescent="0.4">
      <c r="A648">
        <v>21.533333333333335</v>
      </c>
      <c r="B648">
        <f t="shared" si="50"/>
        <v>463.68444444444452</v>
      </c>
      <c r="C648">
        <v>-3.4573189694074538</v>
      </c>
      <c r="D648">
        <v>2.7491528241311487</v>
      </c>
      <c r="E648" cm="1">
        <f t="array" ref="E648">INDEX(LINEST(C619:C677,$A619:$B677),1)*2</f>
        <v>-3.9851517515659372E-2</v>
      </c>
      <c r="F648" cm="1">
        <f t="array" ref="F648">INDEX(LINEST(D619:D677,$A619:$B677),1)*2</f>
        <v>1.298527808959639E-2</v>
      </c>
      <c r="G648">
        <f t="shared" si="46"/>
        <v>-2.3404796236946748</v>
      </c>
      <c r="H648">
        <f t="shared" si="47"/>
        <v>0.76262538220199594</v>
      </c>
      <c r="J648">
        <v>5.6007354417475126</v>
      </c>
      <c r="K648">
        <v>2.7009360315724136</v>
      </c>
      <c r="L648" cm="1">
        <f t="array" ref="L648">INDEX(LINEST(J619:J677,$A619:$B677),1)*2</f>
        <v>4.245308481931119E-2</v>
      </c>
      <c r="M648" cm="1">
        <f t="array" ref="M648">INDEX(LINEST(K619:K677,$A619:$B677),1)*2</f>
        <v>8.1446053688555477E-3</v>
      </c>
      <c r="N648">
        <f t="shared" si="48"/>
        <v>-3.3376615284942459</v>
      </c>
      <c r="O648">
        <f t="shared" si="49"/>
        <v>-0.64032887409942318</v>
      </c>
    </row>
    <row r="649" spans="1:15" x14ac:dyDescent="0.4">
      <c r="A649">
        <v>21.566666666666666</v>
      </c>
      <c r="B649">
        <f t="shared" si="50"/>
        <v>465.12111111111108</v>
      </c>
      <c r="C649">
        <v>-3.4559677979138441</v>
      </c>
      <c r="D649">
        <v>2.7501883395309048</v>
      </c>
      <c r="E649" cm="1">
        <f t="array" ref="E649">INDEX(LINEST(C620:C678,$A620:$B678),1)*2</f>
        <v>-2.5724212001975711E-2</v>
      </c>
      <c r="F649" cm="1">
        <f t="array" ref="F649">INDEX(LINEST(D620:D678,$A620:$B678),1)*2</f>
        <v>1.0319244337462839E-2</v>
      </c>
      <c r="G649">
        <f t="shared" si="46"/>
        <v>-1.5107829708760334</v>
      </c>
      <c r="H649">
        <f t="shared" si="47"/>
        <v>0.60604921993919247</v>
      </c>
      <c r="J649">
        <v>5.597464734289705</v>
      </c>
      <c r="K649">
        <v>2.7020339273839893</v>
      </c>
      <c r="L649" cm="1">
        <f t="array" ref="L649">INDEX(LINEST(J620:J678,$A620:$B678),1)*2</f>
        <v>2.9758211305306381E-2</v>
      </c>
      <c r="M649" cm="1">
        <f t="array" ref="M649">INDEX(LINEST(K620:K678,$A620:$B678),1)*2</f>
        <v>8.1657493542352019E-3</v>
      </c>
      <c r="N649">
        <f t="shared" si="48"/>
        <v>-2.3395905728231878</v>
      </c>
      <c r="O649">
        <f t="shared" si="49"/>
        <v>-0.64199121422997163</v>
      </c>
    </row>
    <row r="650" spans="1:15" x14ac:dyDescent="0.4">
      <c r="A650">
        <v>21.6</v>
      </c>
      <c r="B650">
        <f t="shared" si="50"/>
        <v>466.56000000000006</v>
      </c>
      <c r="C650">
        <v>-3.452786889518884</v>
      </c>
      <c r="D650">
        <v>2.7510216316541118</v>
      </c>
      <c r="E650" cm="1">
        <f t="array" ref="E650">INDEX(LINEST(C621:C679,$A621:$B679),1)*2</f>
        <v>-2.7850781567249128E-2</v>
      </c>
      <c r="F650" cm="1">
        <f t="array" ref="F650">INDEX(LINEST(D621:D679,$A621:$B679),1)*2</f>
        <v>7.9917598401292207E-3</v>
      </c>
      <c r="G650">
        <f t="shared" si="46"/>
        <v>-1.6356764014445411</v>
      </c>
      <c r="H650">
        <f t="shared" si="47"/>
        <v>0.46935605541078912</v>
      </c>
      <c r="J650">
        <v>5.5964454632169298</v>
      </c>
      <c r="K650">
        <v>2.7035479890877605</v>
      </c>
      <c r="L650" cm="1">
        <f t="array" ref="L650">INDEX(LINEST(J621:J679,$A621:$B679),1)*2</f>
        <v>2.7814941803547724E-2</v>
      </c>
      <c r="M650" cm="1">
        <f t="array" ref="M650">INDEX(LINEST(K621:K679,$A621:$B679),1)*2</f>
        <v>7.6579127863675598E-3</v>
      </c>
      <c r="N650">
        <f t="shared" si="48"/>
        <v>-2.1868107245949222</v>
      </c>
      <c r="O650">
        <f t="shared" si="49"/>
        <v>-0.60206510326421758</v>
      </c>
    </row>
    <row r="651" spans="1:15" x14ac:dyDescent="0.4">
      <c r="A651">
        <v>21.633333333333333</v>
      </c>
      <c r="B651">
        <f t="shared" si="50"/>
        <v>468.00111111111107</v>
      </c>
      <c r="C651">
        <v>-3.4601044665543594</v>
      </c>
      <c r="D651">
        <v>2.7551903482525089</v>
      </c>
      <c r="E651" cm="1">
        <f t="array" ref="E651">INDEX(LINEST(C622:C680,$A622:$B680),1)*2</f>
        <v>-2.5283320302291822E-2</v>
      </c>
      <c r="F651" cm="1">
        <f t="array" ref="F651">INDEX(LINEST(D622:D680,$A622:$B680),1)*2</f>
        <v>4.4914279508548489E-3</v>
      </c>
      <c r="G651">
        <f t="shared" si="46"/>
        <v>-1.4848894013535987</v>
      </c>
      <c r="H651">
        <f t="shared" si="47"/>
        <v>0.26378156355370524</v>
      </c>
      <c r="J651">
        <v>5.5958548336808382</v>
      </c>
      <c r="K651">
        <v>2.7025238787050556</v>
      </c>
      <c r="L651" cm="1">
        <f t="array" ref="L651">INDEX(LINEST(J622:J680,$A622:$B680),1)*2</f>
        <v>2.2016014843017948E-2</v>
      </c>
      <c r="M651" cm="1">
        <f t="array" ref="M651">INDEX(LINEST(K622:K680,$A622:$B680),1)*2</f>
        <v>5.7669388992459547E-3</v>
      </c>
      <c r="N651">
        <f t="shared" si="48"/>
        <v>-1.7308990869580712</v>
      </c>
      <c r="O651">
        <f t="shared" si="49"/>
        <v>-0.45339673625871696</v>
      </c>
    </row>
    <row r="652" spans="1:15" x14ac:dyDescent="0.4">
      <c r="A652">
        <v>21.666666666666668</v>
      </c>
      <c r="B652">
        <f t="shared" si="50"/>
        <v>469.44444444444451</v>
      </c>
      <c r="C652">
        <v>-3.4643998554676343</v>
      </c>
      <c r="D652">
        <v>2.7576106642771152</v>
      </c>
      <c r="E652" cm="1">
        <f t="array" ref="E652">INDEX(LINEST(C623:C681,$A623:$B681),1)*2</f>
        <v>-2.1403171929047737E-2</v>
      </c>
      <c r="F652" cm="1">
        <f t="array" ref="F652">INDEX(LINEST(D623:D681,$A623:$B681),1)*2</f>
        <v>2.2059122861583819E-4</v>
      </c>
      <c r="G652">
        <f t="shared" si="46"/>
        <v>-1.2570082873929735</v>
      </c>
      <c r="H652">
        <f t="shared" si="47"/>
        <v>1.2955322856608177E-2</v>
      </c>
      <c r="J652">
        <v>5.5949012005395042</v>
      </c>
      <c r="K652">
        <v>2.7036284994174622</v>
      </c>
      <c r="L652" cm="1">
        <f t="array" ref="L652">INDEX(LINEST(J623:J681,$A623:$B681),1)*2</f>
        <v>1.6047310917819257E-2</v>
      </c>
      <c r="M652" cm="1">
        <f t="array" ref="M652">INDEX(LINEST(K623:K681,$A623:$B681),1)*2</f>
        <v>3.569326742212298E-3</v>
      </c>
      <c r="N652">
        <f t="shared" si="48"/>
        <v>-1.2616395843589501</v>
      </c>
      <c r="O652">
        <f t="shared" si="49"/>
        <v>-0.28062046847273087</v>
      </c>
    </row>
    <row r="653" spans="1:15" x14ac:dyDescent="0.4">
      <c r="A653">
        <v>21.7</v>
      </c>
      <c r="B653">
        <f t="shared" si="50"/>
        <v>470.89</v>
      </c>
      <c r="C653">
        <v>-3.4650844240182299</v>
      </c>
      <c r="D653">
        <v>2.7602943612938016</v>
      </c>
      <c r="E653" cm="1">
        <f t="array" ref="E653">INDEX(LINEST(C624:C682,$A624:$B682),1)*2</f>
        <v>-1.7729513617996562E-2</v>
      </c>
      <c r="F653" cm="1">
        <f t="array" ref="F653">INDEX(LINEST(D624:D682,$A624:$B682),1)*2</f>
        <v>-3.9481734937663613E-3</v>
      </c>
      <c r="G653">
        <f t="shared" si="46"/>
        <v>-1.0412543347849381</v>
      </c>
      <c r="H653">
        <f t="shared" si="47"/>
        <v>-0.23187622928889839</v>
      </c>
      <c r="J653">
        <v>5.5948662075128652</v>
      </c>
      <c r="K653">
        <v>2.7024004992268833</v>
      </c>
      <c r="L653" cm="1">
        <f t="array" ref="L653">INDEX(LINEST(J624:J682,$A624:$B682),1)*2</f>
        <v>8.7712114316472398E-3</v>
      </c>
      <c r="M653" cm="1">
        <f t="array" ref="M653">INDEX(LINEST(K624:K682,$A624:$B682),1)*2</f>
        <v>5.6173338477369785E-4</v>
      </c>
      <c r="N653">
        <f t="shared" si="48"/>
        <v>-0.68959264275610599</v>
      </c>
      <c r="O653">
        <f t="shared" si="49"/>
        <v>-4.416347871090813E-2</v>
      </c>
    </row>
    <row r="654" spans="1:15" x14ac:dyDescent="0.4">
      <c r="A654">
        <v>21.733333333333334</v>
      </c>
      <c r="B654">
        <f t="shared" si="50"/>
        <v>472.33777777777783</v>
      </c>
      <c r="C654">
        <v>-3.4668963281205509</v>
      </c>
      <c r="D654">
        <v>2.7629777991457427</v>
      </c>
      <c r="E654" cm="1">
        <f t="array" ref="E654">INDEX(LINEST(C625:C683,$A625:$B683),1)*2</f>
        <v>-1.1010444197927174E-2</v>
      </c>
      <c r="F654" cm="1">
        <f t="array" ref="F654">INDEX(LINEST(D625:D683,$A625:$B683),1)*2</f>
        <v>-7.6791540442867371E-3</v>
      </c>
      <c r="G654">
        <f t="shared" si="46"/>
        <v>-0.64664338774426289</v>
      </c>
      <c r="H654">
        <f t="shared" si="47"/>
        <v>-0.45099671702096006</v>
      </c>
      <c r="J654">
        <v>5.5924835789692224</v>
      </c>
      <c r="K654">
        <v>2.7036019391793782</v>
      </c>
      <c r="L654" cm="1">
        <f t="array" ref="L654">INDEX(LINEST(J625:J683,$A625:$B683),1)*2</f>
        <v>2.4263209690421877E-3</v>
      </c>
      <c r="M654" cm="1">
        <f t="array" ref="M654">INDEX(LINEST(K625:K683,$A625:$B683),1)*2</f>
        <v>-2.0798384409145953E-3</v>
      </c>
      <c r="N654">
        <f t="shared" si="48"/>
        <v>-0.1907573545860968</v>
      </c>
      <c r="O654">
        <f t="shared" si="49"/>
        <v>0.1635168982247055</v>
      </c>
    </row>
    <row r="655" spans="1:15" x14ac:dyDescent="0.4">
      <c r="A655">
        <v>21.766666666666666</v>
      </c>
      <c r="B655">
        <f t="shared" si="50"/>
        <v>473.78777777777776</v>
      </c>
      <c r="C655">
        <v>-3.4665783502566287</v>
      </c>
      <c r="D655">
        <v>2.7660903207560303</v>
      </c>
      <c r="E655" cm="1">
        <f t="array" ref="E655">INDEX(LINEST(C626:C684,$A626:$B684),1)*2</f>
        <v>-4.6939635700104804E-3</v>
      </c>
      <c r="F655" cm="1">
        <f t="array" ref="F655">INDEX(LINEST(D626:D684,$A626:$B684),1)*2</f>
        <v>-1.126716357701462E-2</v>
      </c>
      <c r="G655">
        <f t="shared" si="46"/>
        <v>-0.2756764804667155</v>
      </c>
      <c r="H655">
        <f t="shared" si="47"/>
        <v>-0.66172051687806865</v>
      </c>
      <c r="J655">
        <v>5.5903188990023169</v>
      </c>
      <c r="K655">
        <v>2.701809927422282</v>
      </c>
      <c r="L655" cm="1">
        <f t="array" ref="L655">INDEX(LINEST(J626:J684,$A626:$B684),1)*2</f>
        <v>-3.1338090999523138E-3</v>
      </c>
      <c r="M655" cm="1">
        <f t="array" ref="M655">INDEX(LINEST(K626:K684,$A626:$B684),1)*2</f>
        <v>-6.1325037473461443E-3</v>
      </c>
      <c r="N655">
        <f t="shared" si="48"/>
        <v>0.24638007143825091</v>
      </c>
      <c r="O655">
        <f t="shared" si="49"/>
        <v>0.48213744461635388</v>
      </c>
    </row>
    <row r="656" spans="1:15" x14ac:dyDescent="0.4">
      <c r="A656">
        <v>21.8</v>
      </c>
      <c r="B656">
        <f t="shared" si="50"/>
        <v>475.24</v>
      </c>
      <c r="C656">
        <v>-3.4683297491759499</v>
      </c>
      <c r="D656">
        <v>2.7700269922532401</v>
      </c>
      <c r="E656" cm="1">
        <f t="array" ref="E656">INDEX(LINEST(C627:C685,$A627:$B685),1)*2</f>
        <v>-6.2541206671714786E-4</v>
      </c>
      <c r="F656" cm="1">
        <f t="array" ref="F656">INDEX(LINEST(D627:D685,$A627:$B685),1)*2</f>
        <v>-1.3317840544359531E-2</v>
      </c>
      <c r="G656">
        <f t="shared" si="46"/>
        <v>-3.6730450678298089E-2</v>
      </c>
      <c r="H656">
        <f t="shared" si="47"/>
        <v>-0.78215677517023519</v>
      </c>
      <c r="J656">
        <v>5.5885985354541363</v>
      </c>
      <c r="K656">
        <v>2.701959548765287</v>
      </c>
      <c r="L656" cm="1">
        <f t="array" ref="L656">INDEX(LINEST(J627:J685,$A627:$B685),1)*2</f>
        <v>-5.429468247331753E-3</v>
      </c>
      <c r="M656" cm="1">
        <f t="array" ref="M656">INDEX(LINEST(K627:K685,$A627:$B685),1)*2</f>
        <v>-8.6098562090603289E-3</v>
      </c>
      <c r="N656">
        <f t="shared" si="48"/>
        <v>0.42686479360522245</v>
      </c>
      <c r="O656">
        <f t="shared" si="49"/>
        <v>0.67690689515632307</v>
      </c>
    </row>
    <row r="657" spans="1:15" x14ac:dyDescent="0.4">
      <c r="A657">
        <v>21.833333333333332</v>
      </c>
      <c r="B657">
        <f t="shared" si="50"/>
        <v>476.6944444444444</v>
      </c>
      <c r="C657">
        <v>-3.4688461396343233</v>
      </c>
      <c r="D657">
        <v>2.7688391967331354</v>
      </c>
      <c r="E657" cm="1">
        <f t="array" ref="E657">INDEX(LINEST(C628:C686,$A628:$B686),1)*2</f>
        <v>1.0989051959509964E-3</v>
      </c>
      <c r="F657" cm="1">
        <f t="array" ref="F657">INDEX(LINEST(D628:D686,$A628:$B686),1)*2</f>
        <v>-1.5179946482794433E-2</v>
      </c>
      <c r="G657">
        <f t="shared" si="46"/>
        <v>6.453870215820201E-2</v>
      </c>
      <c r="H657">
        <f t="shared" si="47"/>
        <v>-0.89151825693451703</v>
      </c>
      <c r="J657">
        <v>5.5896678780093501</v>
      </c>
      <c r="K657">
        <v>2.7011511269961987</v>
      </c>
      <c r="L657" cm="1">
        <f t="array" ref="L657">INDEX(LINEST(J628:J686,$A628:$B686),1)*2</f>
        <v>-8.1650442973847121E-3</v>
      </c>
      <c r="M657" cm="1">
        <f t="array" ref="M657">INDEX(LINEST(K628:K686,$A628:$B686),1)*2</f>
        <v>-9.7186148406315492E-3</v>
      </c>
      <c r="N657">
        <f t="shared" si="48"/>
        <v>0.64193578266038609</v>
      </c>
      <c r="O657">
        <f t="shared" si="49"/>
        <v>0.76407749877045239</v>
      </c>
    </row>
    <row r="658" spans="1:15" x14ac:dyDescent="0.4">
      <c r="A658">
        <v>21.866666666666667</v>
      </c>
      <c r="B658">
        <f t="shared" si="50"/>
        <v>478.15111111111111</v>
      </c>
      <c r="C658">
        <v>-3.4705242578075226</v>
      </c>
      <c r="D658">
        <v>2.7700764574489107</v>
      </c>
      <c r="E658" cm="1">
        <f t="array" ref="E658">INDEX(LINEST(C629:C687,$A629:$B687),1)*2</f>
        <v>-9.2195487403073597E-5</v>
      </c>
      <c r="F658" cm="1">
        <f t="array" ref="F658">INDEX(LINEST(D629:D687,$A629:$B687),1)*2</f>
        <v>-1.78762819007195E-2</v>
      </c>
      <c r="G658">
        <f t="shared" si="46"/>
        <v>-5.4146409751825121E-3</v>
      </c>
      <c r="H658">
        <f t="shared" si="47"/>
        <v>-1.0498740360292562</v>
      </c>
      <c r="J658">
        <v>5.5844938272190463</v>
      </c>
      <c r="K658">
        <v>2.7041399650840474</v>
      </c>
      <c r="L658" cm="1">
        <f t="array" ref="L658">INDEX(LINEST(J629:J687,$A629:$B687),1)*2</f>
        <v>-9.1560293407094758E-3</v>
      </c>
      <c r="M658" cm="1">
        <f t="array" ref="M658">INDEX(LINEST(K629:K687,$A629:$B687),1)*2</f>
        <v>-1.1034338678642461E-2</v>
      </c>
      <c r="N658">
        <f t="shared" si="48"/>
        <v>0.71984702676657908</v>
      </c>
      <c r="O658">
        <f t="shared" si="49"/>
        <v>0.86751970691487035</v>
      </c>
    </row>
    <row r="659" spans="1:15" x14ac:dyDescent="0.4">
      <c r="A659">
        <v>21.9</v>
      </c>
      <c r="B659">
        <f t="shared" si="50"/>
        <v>479.60999999999996</v>
      </c>
      <c r="C659">
        <v>-3.4720882056743871</v>
      </c>
      <c r="D659">
        <v>2.7706227583614784</v>
      </c>
      <c r="E659" cm="1">
        <f t="array" ref="E659">INDEX(LINEST(C630:C688,$A630:$B688),1)*2</f>
        <v>-2.8687831324026914E-3</v>
      </c>
      <c r="F659" cm="1">
        <f t="array" ref="F659">INDEX(LINEST(D630:D688,$A630:$B688),1)*2</f>
        <v>-1.9060400245847361E-2</v>
      </c>
      <c r="G659">
        <f t="shared" si="46"/>
        <v>-0.16848363336601005</v>
      </c>
      <c r="H659">
        <f t="shared" si="47"/>
        <v>-1.1194173064386155</v>
      </c>
      <c r="J659">
        <v>5.5827582751960803</v>
      </c>
      <c r="K659">
        <v>2.7076653125621104</v>
      </c>
      <c r="L659" cm="1">
        <f t="array" ref="L659">INDEX(LINEST(J630:J688,$A630:$B688),1)*2</f>
        <v>-9.8906769578442563E-3</v>
      </c>
      <c r="M659" cm="1">
        <f t="array" ref="M659">INDEX(LINEST(K630:K688,$A630:$B688),1)*2</f>
        <v>-1.0810637879386019E-2</v>
      </c>
      <c r="N659">
        <f t="shared" si="48"/>
        <v>0.7776050224257155</v>
      </c>
      <c r="O659">
        <f t="shared" si="49"/>
        <v>0.84993235007732881</v>
      </c>
    </row>
    <row r="660" spans="1:15" x14ac:dyDescent="0.4">
      <c r="A660">
        <v>21.933333333333334</v>
      </c>
      <c r="B660">
        <f t="shared" si="50"/>
        <v>481.07111111111112</v>
      </c>
      <c r="C660">
        <v>-3.4742391979837142</v>
      </c>
      <c r="D660">
        <v>2.7735221017588967</v>
      </c>
      <c r="E660" cm="1">
        <f t="array" ref="E660">INDEX(LINEST(C631:C689,$A631:$B689),1)*2</f>
        <v>-6.023468607458957E-3</v>
      </c>
      <c r="F660" cm="1">
        <f t="array" ref="F660">INDEX(LINEST(D631:D689,$A631:$B689),1)*2</f>
        <v>-1.8470724469736723E-2</v>
      </c>
      <c r="G660">
        <f t="shared" si="46"/>
        <v>-0.3537583113160645</v>
      </c>
      <c r="H660">
        <f t="shared" si="47"/>
        <v>-1.0847856481076377</v>
      </c>
      <c r="J660">
        <v>5.5804690165300217</v>
      </c>
      <c r="K660">
        <v>2.7099536975916791</v>
      </c>
      <c r="L660" cm="1">
        <f t="array" ref="L660">INDEX(LINEST(J631:J689,$A631:$B689),1)*2</f>
        <v>-8.7555851483210791E-3</v>
      </c>
      <c r="M660" cm="1">
        <f t="array" ref="M660">INDEX(LINEST(K631:K689,$A631:$B689),1)*2</f>
        <v>-1.1182976407183246E-2</v>
      </c>
      <c r="N660">
        <f t="shared" si="48"/>
        <v>0.68836410436100326</v>
      </c>
      <c r="O660">
        <f t="shared" si="49"/>
        <v>0.87920560513274681</v>
      </c>
    </row>
    <row r="661" spans="1:15" x14ac:dyDescent="0.4">
      <c r="A661">
        <v>21.966666666666665</v>
      </c>
      <c r="B661">
        <f t="shared" si="50"/>
        <v>482.53444444444438</v>
      </c>
      <c r="C661">
        <v>-3.4747552348846185</v>
      </c>
      <c r="D661">
        <v>2.7762675180282059</v>
      </c>
      <c r="E661" cm="1">
        <f t="array" ref="E661">INDEX(LINEST(C632:C690,$A632:$B690),1)*2</f>
        <v>-8.3132174305982805E-3</v>
      </c>
      <c r="F661" cm="1">
        <f t="array" ref="F661">INDEX(LINEST(D632:D690,$A632:$B690),1)*2</f>
        <v>-1.6802383512359215E-2</v>
      </c>
      <c r="G661">
        <f t="shared" si="46"/>
        <v>-0.48823525969903697</v>
      </c>
      <c r="H661">
        <f t="shared" si="47"/>
        <v>-0.98680398368085664</v>
      </c>
      <c r="J661">
        <v>5.5780508082877969</v>
      </c>
      <c r="K661">
        <v>2.7158423205058582</v>
      </c>
      <c r="L661" cm="1">
        <f t="array" ref="L661">INDEX(LINEST(J632:J690,$A632:$B690),1)*2</f>
        <v>-7.8895879163565358E-3</v>
      </c>
      <c r="M661" cm="1">
        <f t="array" ref="M661">INDEX(LINEST(K632:K690,$A632:$B690),1)*2</f>
        <v>-1.0781713878557971E-2</v>
      </c>
      <c r="N661">
        <f t="shared" si="48"/>
        <v>0.62027940198395093</v>
      </c>
      <c r="O661">
        <f t="shared" si="49"/>
        <v>0.84765834513222771</v>
      </c>
    </row>
    <row r="662" spans="1:15" x14ac:dyDescent="0.4">
      <c r="A662">
        <v>22</v>
      </c>
      <c r="B662">
        <f t="shared" si="50"/>
        <v>484</v>
      </c>
      <c r="C662">
        <v>-3.4769701908954818</v>
      </c>
      <c r="D662">
        <v>2.779217191966072</v>
      </c>
      <c r="E662" cm="1">
        <f t="array" ref="E662">INDEX(LINEST(C633:C691,$A633:$B691),1)*2</f>
        <v>-8.998236396464937E-3</v>
      </c>
      <c r="F662" cm="1">
        <f t="array" ref="F662">INDEX(LINEST(D633:D691,$A633:$B691),1)*2</f>
        <v>-1.6040634187243739E-2</v>
      </c>
      <c r="G662">
        <f t="shared" si="46"/>
        <v>-0.52846642356438567</v>
      </c>
      <c r="H662">
        <f t="shared" si="47"/>
        <v>-0.94206644581682475</v>
      </c>
      <c r="J662">
        <v>5.5749066050289722</v>
      </c>
      <c r="K662">
        <v>2.7157376594099865</v>
      </c>
      <c r="L662" cm="1">
        <f t="array" ref="L662">INDEX(LINEST(J633:J691,$A633:$B691),1)*2</f>
        <v>-6.4632859326477282E-3</v>
      </c>
      <c r="M662" cm="1">
        <f t="array" ref="M662">INDEX(LINEST(K633:K691,$A633:$B691),1)*2</f>
        <v>-1.0328176397749049E-2</v>
      </c>
      <c r="N662">
        <f t="shared" si="48"/>
        <v>0.50814354002476447</v>
      </c>
      <c r="O662">
        <f t="shared" si="49"/>
        <v>0.81200122839103028</v>
      </c>
    </row>
    <row r="663" spans="1:15" x14ac:dyDescent="0.4">
      <c r="A663">
        <v>22.033333333333335</v>
      </c>
      <c r="B663">
        <f t="shared" si="50"/>
        <v>485.46777777777783</v>
      </c>
      <c r="C663">
        <v>-3.4780823462400816</v>
      </c>
      <c r="D663">
        <v>2.783360921338772</v>
      </c>
      <c r="E663" cm="1">
        <f t="array" ref="E663">INDEX(LINEST(C634:C692,$A634:$B692),1)*2</f>
        <v>-7.2602110441768505E-3</v>
      </c>
      <c r="F663" cm="1">
        <f t="array" ref="F663">INDEX(LINEST(D634:D692,$A634:$B692),1)*2</f>
        <v>-1.3850671926226139E-2</v>
      </c>
      <c r="G663">
        <f t="shared" si="46"/>
        <v>-0.42639219462450639</v>
      </c>
      <c r="H663">
        <f t="shared" si="47"/>
        <v>-0.81344996222726107</v>
      </c>
      <c r="J663">
        <v>5.5747398969890387</v>
      </c>
      <c r="K663">
        <v>2.7150494692120262</v>
      </c>
      <c r="L663" cm="1">
        <f t="array" ref="L663">INDEX(LINEST(J634:J692,$A634:$B692),1)*2</f>
        <v>-4.7833385914349495E-3</v>
      </c>
      <c r="M663" cm="1">
        <f t="array" ref="M663">INDEX(LINEST(K634:K692,$A634:$B692),1)*2</f>
        <v>-8.8011885383876467E-3</v>
      </c>
      <c r="N663">
        <f t="shared" si="48"/>
        <v>0.37606608005861575</v>
      </c>
      <c r="O663">
        <f t="shared" si="49"/>
        <v>0.69194944288803684</v>
      </c>
    </row>
    <row r="664" spans="1:15" x14ac:dyDescent="0.4">
      <c r="A664">
        <v>22.066666666666666</v>
      </c>
      <c r="B664">
        <f t="shared" si="50"/>
        <v>486.93777777777774</v>
      </c>
      <c r="C664">
        <v>-3.4869513313807134</v>
      </c>
      <c r="D664">
        <v>2.7851143969235608</v>
      </c>
      <c r="E664" cm="1">
        <f t="array" ref="E664">INDEX(LINEST(C635:C693,$A635:$B693),1)*2</f>
        <v>-4.0279062093393552E-3</v>
      </c>
      <c r="F664" cm="1">
        <f t="array" ref="F664">INDEX(LINEST(D635:D693,$A635:$B693),1)*2</f>
        <v>-1.2085461779284792E-2</v>
      </c>
      <c r="G664">
        <f t="shared" si="46"/>
        <v>-0.23655893167450032</v>
      </c>
      <c r="H664">
        <f t="shared" si="47"/>
        <v>-0.70977917029739579</v>
      </c>
      <c r="J664">
        <v>5.5724761071575326</v>
      </c>
      <c r="K664">
        <v>2.7161634994046975</v>
      </c>
      <c r="L664" cm="1">
        <f t="array" ref="L664">INDEX(LINEST(J635:J693,$A635:$B693),1)*2</f>
        <v>-3.5158159421986115E-3</v>
      </c>
      <c r="M664" cm="1">
        <f t="array" ref="M664">INDEX(LINEST(K635:K693,$A635:$B693),1)*2</f>
        <v>-7.638728454171094E-3</v>
      </c>
      <c r="N664">
        <f t="shared" si="48"/>
        <v>0.27641344937565487</v>
      </c>
      <c r="O664">
        <f t="shared" si="49"/>
        <v>0.60055683106693147</v>
      </c>
    </row>
    <row r="665" spans="1:15" x14ac:dyDescent="0.4">
      <c r="A665">
        <v>22.1</v>
      </c>
      <c r="B665">
        <f t="shared" si="50"/>
        <v>488.41000000000008</v>
      </c>
      <c r="C665">
        <v>-3.4807263521717977</v>
      </c>
      <c r="D665">
        <v>2.7890875197687075</v>
      </c>
      <c r="E665" cm="1">
        <f t="array" ref="E665">INDEX(LINEST(C636:C694,$A636:$B694),1)*2</f>
        <v>-5.9158383101601643E-4</v>
      </c>
      <c r="F665" cm="1">
        <f t="array" ref="F665">INDEX(LINEST(D636:D694,$A636:$B694),1)*2</f>
        <v>-1.0047493975663025E-2</v>
      </c>
      <c r="G665">
        <f t="shared" si="46"/>
        <v>-3.4743718395570646E-2</v>
      </c>
      <c r="H665">
        <f t="shared" si="47"/>
        <v>-0.59008932119068946</v>
      </c>
      <c r="J665">
        <v>5.5711040157126943</v>
      </c>
      <c r="K665">
        <v>2.7175992971771366</v>
      </c>
      <c r="L665" cm="1">
        <f t="array" ref="L665">INDEX(LINEST(J636:J694,$A636:$B694),1)*2</f>
        <v>-2.1302171385788409E-3</v>
      </c>
      <c r="M665" cm="1">
        <f t="array" ref="M665">INDEX(LINEST(K636:K694,$A636:$B694),1)*2</f>
        <v>-7.4319066853234094E-3</v>
      </c>
      <c r="N665">
        <f t="shared" si="48"/>
        <v>0.16747767143506848</v>
      </c>
      <c r="O665">
        <f t="shared" si="49"/>
        <v>0.58429650360012653</v>
      </c>
    </row>
    <row r="666" spans="1:15" x14ac:dyDescent="0.4">
      <c r="A666">
        <v>22.133333333333333</v>
      </c>
      <c r="B666">
        <f t="shared" si="50"/>
        <v>489.8844444444444</v>
      </c>
      <c r="C666">
        <v>-3.4847988243897139</v>
      </c>
      <c r="D666">
        <v>2.7913799553105845</v>
      </c>
      <c r="E666" cm="1">
        <f t="array" ref="E666">INDEX(LINEST(C637:C695,$A637:$B695),1)*2</f>
        <v>1.9198945419877699E-3</v>
      </c>
      <c r="F666" cm="1">
        <f t="array" ref="F666">INDEX(LINEST(D637:D695,$A637:$B695),1)*2</f>
        <v>-7.0123530010608223E-3</v>
      </c>
      <c r="G666">
        <f t="shared" si="46"/>
        <v>0.11275540645094172</v>
      </c>
      <c r="H666">
        <f t="shared" si="47"/>
        <v>-0.41183549175230205</v>
      </c>
      <c r="J666">
        <v>5.5701423135871835</v>
      </c>
      <c r="K666">
        <v>2.7203988503097039</v>
      </c>
      <c r="L666" cm="1">
        <f t="array" ref="L666">INDEX(LINEST(J637:J695,$A637:$B695),1)*2</f>
        <v>-2.8770187485569946E-4</v>
      </c>
      <c r="M666" cm="1">
        <f t="array" ref="M666">INDEX(LINEST(K637:K695,$A637:$B695),1)*2</f>
        <v>-6.404169259912597E-3</v>
      </c>
      <c r="N666">
        <f t="shared" si="48"/>
        <v>2.2619121401155094E-2</v>
      </c>
      <c r="O666">
        <f t="shared" si="49"/>
        <v>0.50349578721432842</v>
      </c>
    </row>
    <row r="667" spans="1:15" x14ac:dyDescent="0.4">
      <c r="A667">
        <v>22.166666666666668</v>
      </c>
      <c r="B667">
        <f t="shared" si="50"/>
        <v>491.36111111111114</v>
      </c>
      <c r="C667">
        <v>-3.4863496854195319</v>
      </c>
      <c r="D667">
        <v>2.7940829650479517</v>
      </c>
      <c r="E667" cm="1">
        <f t="array" ref="E667">INDEX(LINEST(C638:C696,$A638:$B696),1)*2</f>
        <v>3.8881697351947782E-3</v>
      </c>
      <c r="F667" cm="1">
        <f t="array" ref="F667">INDEX(LINEST(D638:D696,$A638:$B696),1)*2</f>
        <v>-4.697240385210362E-3</v>
      </c>
      <c r="G667">
        <f t="shared" si="46"/>
        <v>0.22835220854798932</v>
      </c>
      <c r="H667">
        <f t="shared" si="47"/>
        <v>-0.27586892782340455</v>
      </c>
      <c r="J667">
        <v>5.5671212514088069</v>
      </c>
      <c r="K667">
        <v>2.7233774130698176</v>
      </c>
      <c r="L667" cm="1">
        <f t="array" ref="L667">INDEX(LINEST(J638:J696,$A638:$B696),1)*2</f>
        <v>-8.1765256163816275E-5</v>
      </c>
      <c r="M667" cm="1">
        <f t="array" ref="M667">INDEX(LINEST(K638:K696,$A638:$B696),1)*2</f>
        <v>-6.3421256512234724E-3</v>
      </c>
      <c r="N667">
        <f t="shared" si="48"/>
        <v>6.428384439599236E-3</v>
      </c>
      <c r="O667">
        <f t="shared" si="49"/>
        <v>0.49861791869918942</v>
      </c>
    </row>
    <row r="668" spans="1:15" x14ac:dyDescent="0.4">
      <c r="A668">
        <v>22.2</v>
      </c>
      <c r="B668">
        <f t="shared" si="50"/>
        <v>492.84</v>
      </c>
      <c r="C668">
        <v>-3.488249362521131</v>
      </c>
      <c r="D668">
        <v>2.7966479156655506</v>
      </c>
      <c r="E668" cm="1">
        <f t="array" ref="E668">INDEX(LINEST(C639:C697,$A639:$B697),1)*2</f>
        <v>2.5434966159634488E-3</v>
      </c>
      <c r="F668" cm="1">
        <f t="array" ref="F668">INDEX(LINEST(D639:D697,$A639:$B697),1)*2</f>
        <v>-2.6176319864747969E-3</v>
      </c>
      <c r="G668">
        <f t="shared" si="46"/>
        <v>0.14937955625553334</v>
      </c>
      <c r="H668">
        <f t="shared" si="47"/>
        <v>-0.1537335265656648</v>
      </c>
      <c r="J668">
        <v>5.5638939450303182</v>
      </c>
      <c r="K668">
        <v>2.7216864871695914</v>
      </c>
      <c r="L668" cm="1">
        <f t="array" ref="L668">INDEX(LINEST(J639:J697,$A639:$B697),1)*2</f>
        <v>1.7169263606077419E-3</v>
      </c>
      <c r="M668" cm="1">
        <f t="array" ref="M668">INDEX(LINEST(K639:K697,$A639:$B697),1)*2</f>
        <v>-5.7378961853340564E-3</v>
      </c>
      <c r="N668">
        <f t="shared" si="48"/>
        <v>-0.13498475047098069</v>
      </c>
      <c r="O668">
        <f t="shared" si="49"/>
        <v>0.45111339809096351</v>
      </c>
    </row>
    <row r="669" spans="1:15" x14ac:dyDescent="0.4">
      <c r="A669">
        <v>22.233333333333334</v>
      </c>
      <c r="B669">
        <f t="shared" si="50"/>
        <v>494.32111111111118</v>
      </c>
      <c r="C669">
        <v>-3.4918400870538311</v>
      </c>
      <c r="D669">
        <v>2.7982902760678621</v>
      </c>
      <c r="E669" cm="1">
        <f t="array" ref="E669">INDEX(LINEST(C640:C698,$A640:$B698),1)*2</f>
        <v>1.0659529687200341E-3</v>
      </c>
      <c r="F669" cm="1">
        <f t="array" ref="F669">INDEX(LINEST(D640:D698,$A640:$B698),1)*2</f>
        <v>-1.491755676311826E-3</v>
      </c>
      <c r="G669">
        <f t="shared" si="46"/>
        <v>6.2603417852927598E-2</v>
      </c>
      <c r="H669">
        <f t="shared" si="47"/>
        <v>-8.761081086979354E-2</v>
      </c>
      <c r="J669">
        <v>5.5650667984935387</v>
      </c>
      <c r="K669">
        <v>2.724912031812083</v>
      </c>
      <c r="L669" cm="1">
        <f t="array" ref="L669">INDEX(LINEST(J640:J698,$A640:$B698),1)*2</f>
        <v>4.1961518787742283E-3</v>
      </c>
      <c r="M669" cm="1">
        <f t="array" ref="M669">INDEX(LINEST(K640:K698,$A640:$B698),1)*2</f>
        <v>-4.8111471101841604E-3</v>
      </c>
      <c r="N669">
        <f t="shared" si="48"/>
        <v>-0.32990146070922982</v>
      </c>
      <c r="O669">
        <f t="shared" si="49"/>
        <v>0.37825238580267873</v>
      </c>
    </row>
    <row r="670" spans="1:15" x14ac:dyDescent="0.4">
      <c r="A670">
        <v>22.266666666666666</v>
      </c>
      <c r="B670">
        <f t="shared" si="50"/>
        <v>495.80444444444441</v>
      </c>
      <c r="C670">
        <v>-3.4942323215580564</v>
      </c>
      <c r="D670">
        <v>2.8030572411158388</v>
      </c>
      <c r="E670" cm="1">
        <f t="array" ref="E670">INDEX(LINEST(C641:C699,$A641:$B699),1)*2</f>
        <v>-1.3666046565202429E-3</v>
      </c>
      <c r="F670" cm="1">
        <f t="array" ref="F670">INDEX(LINEST(D641:D699,$A641:$B699),1)*2</f>
        <v>-6.1694769556210733E-4</v>
      </c>
      <c r="G670">
        <f t="shared" si="46"/>
        <v>-8.0260691477433865E-2</v>
      </c>
      <c r="H670">
        <f t="shared" si="47"/>
        <v>-3.623333816036256E-2</v>
      </c>
      <c r="J670">
        <v>5.5612292542175741</v>
      </c>
      <c r="K670">
        <v>2.7266629279568289</v>
      </c>
      <c r="L670" cm="1">
        <f t="array" ref="L670">INDEX(LINEST(J641:J699,$A641:$B699),1)*2</f>
        <v>7.0634641887771773E-3</v>
      </c>
      <c r="M670" cm="1">
        <f t="array" ref="M670">INDEX(LINEST(K641:K699,$A641:$B699),1)*2</f>
        <v>-4.6374561586567283E-3</v>
      </c>
      <c r="N670">
        <f t="shared" si="48"/>
        <v>-0.55532955452166166</v>
      </c>
      <c r="O670">
        <f t="shared" si="49"/>
        <v>0.364596803193592</v>
      </c>
    </row>
    <row r="671" spans="1:15" x14ac:dyDescent="0.4">
      <c r="A671">
        <v>22.3</v>
      </c>
      <c r="B671">
        <f t="shared" si="50"/>
        <v>497.29</v>
      </c>
      <c r="C671">
        <v>-3.4993016107133688</v>
      </c>
      <c r="D671">
        <v>2.8042691660996462</v>
      </c>
      <c r="E671" cm="1">
        <f t="array" ref="E671">INDEX(LINEST(C642:C700,$A642:$B700),1)*2</f>
        <v>-2.6189847291137798E-3</v>
      </c>
      <c r="F671" cm="1">
        <f t="array" ref="F671">INDEX(LINEST(D642:D700,$A642:$B700),1)*2</f>
        <v>-2.1241220542068961E-4</v>
      </c>
      <c r="G671">
        <f t="shared" si="46"/>
        <v>-0.15381297314085227</v>
      </c>
      <c r="H671">
        <f t="shared" si="47"/>
        <v>-1.2474968824357099E-2</v>
      </c>
      <c r="J671">
        <v>5.5601931928960546</v>
      </c>
      <c r="K671">
        <v>2.7292021227802077</v>
      </c>
      <c r="L671" cm="1">
        <f t="array" ref="L671">INDEX(LINEST(J642:J700,$A642:$B700),1)*2</f>
        <v>1.0943601226179621E-2</v>
      </c>
      <c r="M671" cm="1">
        <f t="array" ref="M671">INDEX(LINEST(K642:K700,$A642:$B700),1)*2</f>
        <v>-5.5621322152967206E-3</v>
      </c>
      <c r="N671">
        <f t="shared" si="48"/>
        <v>-0.86038592840224182</v>
      </c>
      <c r="O671">
        <f t="shared" si="49"/>
        <v>0.43729483476662817</v>
      </c>
    </row>
    <row r="672" spans="1:15" x14ac:dyDescent="0.4">
      <c r="A672">
        <v>22.333333333333332</v>
      </c>
      <c r="B672">
        <f t="shared" si="50"/>
        <v>498.77777777777771</v>
      </c>
      <c r="C672">
        <v>-3.498949185606941</v>
      </c>
      <c r="D672">
        <v>2.8077268440637151</v>
      </c>
      <c r="E672" cm="1">
        <f t="array" ref="E672">INDEX(LINEST(C643:C701,$A643:$B701),1)*2</f>
        <v>-1.4823290427171168E-3</v>
      </c>
      <c r="F672" cm="1">
        <f t="array" ref="F672">INDEX(LINEST(D643:D701,$A643:$B701),1)*2</f>
        <v>5.4257656900607242E-4</v>
      </c>
      <c r="G672">
        <f t="shared" ref="G672:G735" si="51">E672*58.73</f>
        <v>-8.7057184678776267E-2</v>
      </c>
      <c r="H672">
        <f t="shared" ref="H672:H735" si="52">F672*58.73</f>
        <v>3.186552189772663E-2</v>
      </c>
      <c r="J672">
        <v>5.5571649849981686</v>
      </c>
      <c r="K672">
        <v>2.7309866056511929</v>
      </c>
      <c r="L672" cm="1">
        <f t="array" ref="L672">INDEX(LINEST(J643:J701,$A643:$B701),1)*2</f>
        <v>1.2540324109819406E-2</v>
      </c>
      <c r="M672" cm="1">
        <f t="array" ref="M672">INDEX(LINEST(K643:K701,$A643:$B701),1)*2</f>
        <v>-6.997148276464667E-3</v>
      </c>
      <c r="N672">
        <f t="shared" ref="N672:N735" si="53">-L672*78.62</f>
        <v>-0.98592028151400168</v>
      </c>
      <c r="O672">
        <f t="shared" ref="O672:O735" si="54">-M672*78.62</f>
        <v>0.5501157974956522</v>
      </c>
    </row>
    <row r="673" spans="1:15" x14ac:dyDescent="0.4">
      <c r="A673">
        <v>22.366666666666667</v>
      </c>
      <c r="B673">
        <f t="shared" si="50"/>
        <v>500.26777777777778</v>
      </c>
      <c r="C673">
        <v>-3.5000858848700509</v>
      </c>
      <c r="D673">
        <v>2.8096827768766026</v>
      </c>
      <c r="E673" cm="1">
        <f t="array" ref="E673">INDEX(LINEST(C644:C702,$A644:$B702),1)*2</f>
        <v>1.1509320284968205E-3</v>
      </c>
      <c r="F673" cm="1">
        <f t="array" ref="F673">INDEX(LINEST(D644:D702,$A644:$B702),1)*2</f>
        <v>1.7161525120457084E-3</v>
      </c>
      <c r="G673">
        <f t="shared" si="51"/>
        <v>6.7594238033618262E-2</v>
      </c>
      <c r="H673">
        <f t="shared" si="52"/>
        <v>0.10078963703244445</v>
      </c>
      <c r="J673">
        <v>5.5549039043908337</v>
      </c>
      <c r="K673">
        <v>2.7328499347280255</v>
      </c>
      <c r="L673" cm="1">
        <f t="array" ref="L673">INDEX(LINEST(J644:J702,$A644:$B702),1)*2</f>
        <v>1.3459035515594141E-2</v>
      </c>
      <c r="M673" cm="1">
        <f t="array" ref="M673">INDEX(LINEST(K644:K702,$A644:$B702),1)*2</f>
        <v>-8.5972933404693079E-3</v>
      </c>
      <c r="N673">
        <f t="shared" si="53"/>
        <v>-1.0581493722360114</v>
      </c>
      <c r="O673">
        <f t="shared" si="54"/>
        <v>0.67591920242769699</v>
      </c>
    </row>
    <row r="674" spans="1:15" x14ac:dyDescent="0.4">
      <c r="A674">
        <v>22.4</v>
      </c>
      <c r="B674">
        <f t="shared" si="50"/>
        <v>501.75999999999993</v>
      </c>
      <c r="C674">
        <v>-3.5062331991651732</v>
      </c>
      <c r="D674">
        <v>2.8111073849957982</v>
      </c>
      <c r="E674" cm="1">
        <f t="array" ref="E674">INDEX(LINEST(C645:C703,$A645:$B703),1)*2</f>
        <v>4.1289014368791179E-3</v>
      </c>
      <c r="F674" cm="1">
        <f t="array" ref="F674">INDEX(LINEST(D645:D703,$A645:$B703),1)*2</f>
        <v>2.6357553734736631E-3</v>
      </c>
      <c r="G674">
        <f t="shared" si="51"/>
        <v>0.24249038138791057</v>
      </c>
      <c r="H674">
        <f t="shared" si="52"/>
        <v>0.15479791308410823</v>
      </c>
      <c r="J674">
        <v>5.5519189299183598</v>
      </c>
      <c r="K674">
        <v>2.7336017036886489</v>
      </c>
      <c r="L674" cm="1">
        <f t="array" ref="L674">INDEX(LINEST(J645:J703,$A645:$B703),1)*2</f>
        <v>1.28640092556451E-2</v>
      </c>
      <c r="M674" cm="1">
        <f t="array" ref="M674">INDEX(LINEST(K645:K703,$A645:$B703),1)*2</f>
        <v>-9.7599299509954114E-3</v>
      </c>
      <c r="N674">
        <f t="shared" si="53"/>
        <v>-1.0113684076788179</v>
      </c>
      <c r="O674">
        <f t="shared" si="54"/>
        <v>0.76732569274725926</v>
      </c>
    </row>
    <row r="675" spans="1:15" x14ac:dyDescent="0.4">
      <c r="A675">
        <v>22.433333333333334</v>
      </c>
      <c r="B675">
        <f t="shared" si="50"/>
        <v>503.25444444444446</v>
      </c>
      <c r="C675">
        <v>-3.5047055362527861</v>
      </c>
      <c r="D675">
        <v>2.8131113034227053</v>
      </c>
      <c r="E675" cm="1">
        <f t="array" ref="E675">INDEX(LINEST(C646:C704,$A646:$B704),1)*2</f>
        <v>7.2137944326801928E-3</v>
      </c>
      <c r="F675" cm="1">
        <f t="array" ref="F675">INDEX(LINEST(D646:D704,$A646:$B704),1)*2</f>
        <v>2.4312218796706461E-3</v>
      </c>
      <c r="G675">
        <f t="shared" si="51"/>
        <v>0.42366614703130773</v>
      </c>
      <c r="H675">
        <f t="shared" si="52"/>
        <v>0.14278566099305703</v>
      </c>
      <c r="J675">
        <v>5.5481078788439646</v>
      </c>
      <c r="K675">
        <v>2.7343215214811618</v>
      </c>
      <c r="L675" cm="1">
        <f t="array" ref="L675">INDEX(LINEST(J646:J704,$A646:$B704),1)*2</f>
        <v>1.2240891080946231E-2</v>
      </c>
      <c r="M675" cm="1">
        <f t="array" ref="M675">INDEX(LINEST(K646:K704,$A646:$B704),1)*2</f>
        <v>-1.1097866594121781E-2</v>
      </c>
      <c r="N675">
        <f t="shared" si="53"/>
        <v>-0.96237885678399271</v>
      </c>
      <c r="O675">
        <f t="shared" si="54"/>
        <v>0.87251427162985451</v>
      </c>
    </row>
    <row r="676" spans="1:15" x14ac:dyDescent="0.4">
      <c r="A676">
        <v>22.466666666666665</v>
      </c>
      <c r="B676">
        <f t="shared" si="50"/>
        <v>504.75111111111102</v>
      </c>
      <c r="C676">
        <v>-3.5094986038957807</v>
      </c>
      <c r="D676">
        <v>2.8111358464773537</v>
      </c>
      <c r="E676" cm="1">
        <f t="array" ref="E676">INDEX(LINEST(C647:C705,$A647:$B705),1)*2</f>
        <v>9.7563386221134352E-3</v>
      </c>
      <c r="F676" cm="1">
        <f t="array" ref="F676">INDEX(LINEST(D647:D705,$A647:$B705),1)*2</f>
        <v>1.8553140562709253E-3</v>
      </c>
      <c r="G676">
        <f t="shared" si="51"/>
        <v>0.57298976727672202</v>
      </c>
      <c r="H676">
        <f t="shared" si="52"/>
        <v>0.10896259452479143</v>
      </c>
      <c r="J676">
        <v>5.5496132497189317</v>
      </c>
      <c r="K676">
        <v>2.7320139071723486</v>
      </c>
      <c r="L676" cm="1">
        <f t="array" ref="L676">INDEX(LINEST(J647:J705,$A647:$B705),1)*2</f>
        <v>1.138942671790661E-2</v>
      </c>
      <c r="M676" cm="1">
        <f t="array" ref="M676">INDEX(LINEST(K647:K705,$A647:$B705),1)*2</f>
        <v>-1.2725910562511412E-2</v>
      </c>
      <c r="N676">
        <f t="shared" si="53"/>
        <v>-0.89543672856181777</v>
      </c>
      <c r="O676">
        <f t="shared" si="54"/>
        <v>1.0005110884246473</v>
      </c>
    </row>
    <row r="677" spans="1:15" x14ac:dyDescent="0.4">
      <c r="A677">
        <v>22.5</v>
      </c>
      <c r="B677">
        <f t="shared" si="50"/>
        <v>506.25</v>
      </c>
      <c r="C677">
        <v>-3.511297500944413</v>
      </c>
      <c r="D677">
        <v>2.8117133554652187</v>
      </c>
      <c r="E677" cm="1">
        <f t="array" ref="E677">INDEX(LINEST(C648:C706,$A648:$B706),1)*2</f>
        <v>1.1620307607736217E-2</v>
      </c>
      <c r="F677" cm="1">
        <f t="array" ref="F677">INDEX(LINEST(D648:D706,$A648:$B706),1)*2</f>
        <v>8.7172199363668877E-4</v>
      </c>
      <c r="G677">
        <f t="shared" si="51"/>
        <v>0.68246066580234799</v>
      </c>
      <c r="H677">
        <f t="shared" si="52"/>
        <v>5.1196232686282726E-2</v>
      </c>
      <c r="J677">
        <v>5.5481931466759962</v>
      </c>
      <c r="K677">
        <v>2.7325889292816901</v>
      </c>
      <c r="L677" cm="1">
        <f t="array" ref="L677">INDEX(LINEST(J648:J706,$A648:$B706),1)*2</f>
        <v>1.0589251242508044E-2</v>
      </c>
      <c r="M677" cm="1">
        <f t="array" ref="M677">INDEX(LINEST(K648:K706,$A648:$B706),1)*2</f>
        <v>-1.3942395949785335E-2</v>
      </c>
      <c r="N677">
        <f t="shared" si="53"/>
        <v>-0.83252693268598243</v>
      </c>
      <c r="O677">
        <f t="shared" si="54"/>
        <v>1.0961511695721231</v>
      </c>
    </row>
    <row r="678" spans="1:15" x14ac:dyDescent="0.4">
      <c r="A678">
        <v>22.533333333333335</v>
      </c>
      <c r="B678">
        <f t="shared" si="50"/>
        <v>507.75111111111119</v>
      </c>
      <c r="C678">
        <v>-3.5152950287490099</v>
      </c>
      <c r="D678">
        <v>2.8129547086026463</v>
      </c>
      <c r="E678" cm="1">
        <f t="array" ref="E678">INDEX(LINEST(C649:C707,$A649:$B707),1)*2</f>
        <v>1.2373742650273878E-2</v>
      </c>
      <c r="F678" cm="1">
        <f t="array" ref="F678">INDEX(LINEST(D649:D707,$A649:$B707),1)*2</f>
        <v>-1.8402959001567504E-4</v>
      </c>
      <c r="G678">
        <f t="shared" si="51"/>
        <v>0.72670990585058481</v>
      </c>
      <c r="H678">
        <f t="shared" si="52"/>
        <v>-1.0808057821620594E-2</v>
      </c>
      <c r="J678">
        <v>5.544546695382536</v>
      </c>
      <c r="K678">
        <v>2.7350698477181528</v>
      </c>
      <c r="L678" cm="1">
        <f t="array" ref="L678">INDEX(LINEST(J649:J707,$A649:$B707),1)*2</f>
        <v>9.6010811675242055E-3</v>
      </c>
      <c r="M678" cm="1">
        <f t="array" ref="M678">INDEX(LINEST(K649:K707,$A649:$B707),1)*2</f>
        <v>-1.5192054877774778E-2</v>
      </c>
      <c r="N678">
        <f t="shared" si="53"/>
        <v>-0.75483700139075305</v>
      </c>
      <c r="O678">
        <f t="shared" si="54"/>
        <v>1.194399354490653</v>
      </c>
    </row>
    <row r="679" spans="1:15" x14ac:dyDescent="0.4">
      <c r="A679">
        <v>22.566666666666666</v>
      </c>
      <c r="B679">
        <f t="shared" si="50"/>
        <v>509.25444444444446</v>
      </c>
      <c r="C679">
        <v>-3.5159324229584215</v>
      </c>
      <c r="D679">
        <v>2.8140848971433421</v>
      </c>
      <c r="E679" cm="1">
        <f t="array" ref="E679">INDEX(LINEST(C650:C708,$A650:$B708),1)*2</f>
        <v>1.2468717753362399E-2</v>
      </c>
      <c r="F679" cm="1">
        <f t="array" ref="F679">INDEX(LINEST(D650:D708,$A650:$B708),1)*2</f>
        <v>-1.0843906275344163E-3</v>
      </c>
      <c r="G679">
        <f t="shared" si="51"/>
        <v>0.73228779365497365</v>
      </c>
      <c r="H679">
        <f t="shared" si="52"/>
        <v>-6.3686261555096269E-2</v>
      </c>
      <c r="J679">
        <v>5.5435566565031955</v>
      </c>
      <c r="K679">
        <v>2.7354507484744572</v>
      </c>
      <c r="L679" cm="1">
        <f t="array" ref="L679">INDEX(LINEST(J650:J708,$A650:$B708),1)*2</f>
        <v>9.1717907968231187E-3</v>
      </c>
      <c r="M679" cm="1">
        <f t="array" ref="M679">INDEX(LINEST(K650:K708,$A650:$B708),1)*2</f>
        <v>-1.6662501894652446E-2</v>
      </c>
      <c r="N679">
        <f t="shared" si="53"/>
        <v>-0.72108619244623362</v>
      </c>
      <c r="O679">
        <f t="shared" si="54"/>
        <v>1.3100058989575754</v>
      </c>
    </row>
    <row r="680" spans="1:15" x14ac:dyDescent="0.4">
      <c r="A680">
        <v>22.6</v>
      </c>
      <c r="B680">
        <f t="shared" si="50"/>
        <v>510.76000000000005</v>
      </c>
      <c r="C680">
        <v>-3.5185645495098719</v>
      </c>
      <c r="D680">
        <v>2.8151570221403288</v>
      </c>
      <c r="E680" cm="1">
        <f t="array" ref="E680">INDEX(LINEST(C651:C709,$A651:$B709),1)*2</f>
        <v>1.1044973027149725E-2</v>
      </c>
      <c r="F680" cm="1">
        <f t="array" ref="F680">INDEX(LINEST(D651:D709,$A651:$B709),1)*2</f>
        <v>-1.5344115532214785E-3</v>
      </c>
      <c r="G680">
        <f t="shared" si="51"/>
        <v>0.6486712658845033</v>
      </c>
      <c r="H680">
        <f t="shared" si="52"/>
        <v>-9.0115990520697423E-2</v>
      </c>
      <c r="J680">
        <v>5.5418663713281999</v>
      </c>
      <c r="K680">
        <v>2.7346744441638968</v>
      </c>
      <c r="L680" cm="1">
        <f t="array" ref="L680">INDEX(LINEST(J651:J709,$A651:$B709),1)*2</f>
        <v>8.9365224385835398E-3</v>
      </c>
      <c r="M680" cm="1">
        <f t="array" ref="M680">INDEX(LINEST(K651:K709,$A651:$B709),1)*2</f>
        <v>-1.8190277507946915E-2</v>
      </c>
      <c r="N680">
        <f t="shared" si="53"/>
        <v>-0.70258939412143795</v>
      </c>
      <c r="O680">
        <f t="shared" si="54"/>
        <v>1.4301196176747866</v>
      </c>
    </row>
    <row r="681" spans="1:15" x14ac:dyDescent="0.4">
      <c r="A681">
        <v>22.633333333333333</v>
      </c>
      <c r="B681">
        <f t="shared" si="50"/>
        <v>512.26777777777772</v>
      </c>
      <c r="C681">
        <v>-3.5202791527741306</v>
      </c>
      <c r="D681">
        <v>2.8157681163572694</v>
      </c>
      <c r="E681" cm="1">
        <f t="array" ref="E681">INDEX(LINEST(C652:C710,$A652:$B710),1)*2</f>
        <v>1.062977092045489E-2</v>
      </c>
      <c r="F681" cm="1">
        <f t="array" ref="F681">INDEX(LINEST(D652:D710,$A652:$B710),1)*2</f>
        <v>-1.9578392191535285E-3</v>
      </c>
      <c r="G681">
        <f t="shared" si="51"/>
        <v>0.62428644615831563</v>
      </c>
      <c r="H681">
        <f t="shared" si="52"/>
        <v>-0.11498389734088672</v>
      </c>
      <c r="J681">
        <v>5.5412476583958856</v>
      </c>
      <c r="K681">
        <v>2.7361046996941236</v>
      </c>
      <c r="L681" cm="1">
        <f t="array" ref="L681">INDEX(LINEST(J652:J710,$A652:$B710),1)*2</f>
        <v>7.6693044084225693E-3</v>
      </c>
      <c r="M681" cm="1">
        <f t="array" ref="M681">INDEX(LINEST(K652:K710,$A652:$B710),1)*2</f>
        <v>-1.8938158227519122E-2</v>
      </c>
      <c r="N681">
        <f t="shared" si="53"/>
        <v>-0.60296071259018247</v>
      </c>
      <c r="O681">
        <f t="shared" si="54"/>
        <v>1.4889179998475535</v>
      </c>
    </row>
    <row r="682" spans="1:15" x14ac:dyDescent="0.4">
      <c r="A682">
        <v>22.666666666666668</v>
      </c>
      <c r="B682">
        <f t="shared" si="50"/>
        <v>513.77777777777783</v>
      </c>
      <c r="C682">
        <v>-3.51883331351037</v>
      </c>
      <c r="D682">
        <v>2.8200621878516019</v>
      </c>
      <c r="E682" cm="1">
        <f t="array" ref="E682">INDEX(LINEST(C653:C711,$A653:$B711),1)*2</f>
        <v>1.1378846992603409E-2</v>
      </c>
      <c r="F682" cm="1">
        <f t="array" ref="F682">INDEX(LINEST(D653:D711,$A653:$B711),1)*2</f>
        <v>-2.2235283935541357E-3</v>
      </c>
      <c r="G682">
        <f t="shared" si="51"/>
        <v>0.66827968387559822</v>
      </c>
      <c r="H682">
        <f t="shared" si="52"/>
        <v>-0.13058782255343437</v>
      </c>
      <c r="J682">
        <v>5.5382250825820343</v>
      </c>
      <c r="K682">
        <v>2.7359488036726747</v>
      </c>
      <c r="L682" cm="1">
        <f t="array" ref="L682">INDEX(LINEST(J653:J711,$A653:$B711),1)*2</f>
        <v>6.8092899411830582E-3</v>
      </c>
      <c r="M682" cm="1">
        <f t="array" ref="M682">INDEX(LINEST(K653:K711,$A653:$B711),1)*2</f>
        <v>-1.9322788032207289E-2</v>
      </c>
      <c r="N682">
        <f t="shared" si="53"/>
        <v>-0.53534637517581207</v>
      </c>
      <c r="O682">
        <f t="shared" si="54"/>
        <v>1.5191575950921372</v>
      </c>
    </row>
    <row r="683" spans="1:15" x14ac:dyDescent="0.4">
      <c r="A683">
        <v>22.7</v>
      </c>
      <c r="B683">
        <f t="shared" si="50"/>
        <v>515.29</v>
      </c>
      <c r="C683">
        <v>-3.5173393951084182</v>
      </c>
      <c r="D683">
        <v>2.8261263616936896</v>
      </c>
      <c r="E683" cm="1">
        <f t="array" ref="E683">INDEX(LINEST(C654:C712,$A654:$B712),1)*2</f>
        <v>1.1338643605082041E-2</v>
      </c>
      <c r="F683" cm="1">
        <f t="array" ref="F683">INDEX(LINEST(D654:D712,$A654:$B712),1)*2</f>
        <v>-2.4622564025889469E-3</v>
      </c>
      <c r="G683">
        <f t="shared" si="51"/>
        <v>0.66591853892646824</v>
      </c>
      <c r="H683">
        <f t="shared" si="52"/>
        <v>-0.14460831852404885</v>
      </c>
      <c r="J683">
        <v>5.5337635487704819</v>
      </c>
      <c r="K683">
        <v>2.7361038440425149</v>
      </c>
      <c r="L683" cm="1">
        <f t="array" ref="L683">INDEX(LINEST(J654:J712,$A654:$B712),1)*2</f>
        <v>5.0559131939178232E-3</v>
      </c>
      <c r="M683" cm="1">
        <f t="array" ref="M683">INDEX(LINEST(K654:K712,$A654:$B712),1)*2</f>
        <v>-1.9967032342458949E-2</v>
      </c>
      <c r="N683">
        <f t="shared" si="53"/>
        <v>-0.3974958953058193</v>
      </c>
      <c r="O683">
        <f t="shared" si="54"/>
        <v>1.5698080827641228</v>
      </c>
    </row>
    <row r="684" spans="1:15" x14ac:dyDescent="0.4">
      <c r="A684">
        <v>22.733333333333334</v>
      </c>
      <c r="B684">
        <f t="shared" si="50"/>
        <v>516.80444444444447</v>
      </c>
      <c r="C684">
        <v>-3.517703206962318</v>
      </c>
      <c r="D684">
        <v>2.8253282318543391</v>
      </c>
      <c r="E684" cm="1">
        <f t="array" ref="E684">INDEX(LINEST(C655:C713,$A655:$B713),1)*2</f>
        <v>1.1592535638141751E-2</v>
      </c>
      <c r="F684" cm="1">
        <f t="array" ref="F684">INDEX(LINEST(D655:D713,$A655:$B713),1)*2</f>
        <v>-2.3158636052916649E-3</v>
      </c>
      <c r="G684">
        <f t="shared" si="51"/>
        <v>0.68082961802806496</v>
      </c>
      <c r="H684">
        <f t="shared" si="52"/>
        <v>-0.13601066953877947</v>
      </c>
      <c r="J684">
        <v>5.5340071007900056</v>
      </c>
      <c r="K684">
        <v>2.7357854328644859</v>
      </c>
      <c r="L684" cm="1">
        <f t="array" ref="L684">INDEX(LINEST(J655:J713,$A655:$B713),1)*2</f>
        <v>3.4583457806457336E-3</v>
      </c>
      <c r="M684" cm="1">
        <f t="array" ref="M684">INDEX(LINEST(K655:K713,$A655:$B713),1)*2</f>
        <v>-1.9921521088783957E-2</v>
      </c>
      <c r="N684">
        <f t="shared" si="53"/>
        <v>-0.27189514527436759</v>
      </c>
      <c r="O684">
        <f t="shared" si="54"/>
        <v>1.5662299880001949</v>
      </c>
    </row>
    <row r="685" spans="1:15" x14ac:dyDescent="0.4">
      <c r="A685">
        <v>22.766666666666666</v>
      </c>
      <c r="B685">
        <f t="shared" si="50"/>
        <v>518.32111111111112</v>
      </c>
      <c r="C685">
        <v>-3.5184993187567173</v>
      </c>
      <c r="D685">
        <v>2.8268116106540533</v>
      </c>
      <c r="E685" cm="1">
        <f t="array" ref="E685">INDEX(LINEST(C656:C714,$A656:$B714),1)*2</f>
        <v>1.1598379653041783E-2</v>
      </c>
      <c r="F685" cm="1">
        <f t="array" ref="F685">INDEX(LINEST(D656:D714,$A656:$B714),1)*2</f>
        <v>-2.5060726013537587E-3</v>
      </c>
      <c r="G685">
        <f t="shared" si="51"/>
        <v>0.68117283702314391</v>
      </c>
      <c r="H685">
        <f t="shared" si="52"/>
        <v>-0.14718164387750624</v>
      </c>
      <c r="J685">
        <v>5.5335660713191093</v>
      </c>
      <c r="K685">
        <v>2.7359718902304384</v>
      </c>
      <c r="L685" cm="1">
        <f t="array" ref="L685">INDEX(LINEST(J656:J714,$A656:$B714),1)*2</f>
        <v>2.2298085604462109E-3</v>
      </c>
      <c r="M685" cm="1">
        <f t="array" ref="M685">INDEX(LINEST(K656:K714,$A656:$B714),1)*2</f>
        <v>-1.8667383454251261E-2</v>
      </c>
      <c r="N685">
        <f t="shared" si="53"/>
        <v>-0.1753075490222811</v>
      </c>
      <c r="O685">
        <f t="shared" si="54"/>
        <v>1.4676296871732342</v>
      </c>
    </row>
    <row r="686" spans="1:15" x14ac:dyDescent="0.4">
      <c r="A686">
        <v>22.8</v>
      </c>
      <c r="B686">
        <f t="shared" si="50"/>
        <v>519.84</v>
      </c>
      <c r="C686">
        <v>-3.5207569230980127</v>
      </c>
      <c r="D686">
        <v>2.8291765125026838</v>
      </c>
      <c r="E686" cm="1">
        <f t="array" ref="E686">INDEX(LINEST(C657:C715,$A657:$B715),1)*2</f>
        <v>1.1607330005732013E-2</v>
      </c>
      <c r="F686" cm="1">
        <f t="array" ref="F686">INDEX(LINEST(D657:D715,$A657:$B715),1)*2</f>
        <v>-3.3448482679112046E-3</v>
      </c>
      <c r="G686">
        <f t="shared" si="51"/>
        <v>0.68169849123664106</v>
      </c>
      <c r="H686">
        <f t="shared" si="52"/>
        <v>-0.19644293877442504</v>
      </c>
      <c r="J686">
        <v>5.5310363549948773</v>
      </c>
      <c r="K686">
        <v>2.7391463175764503</v>
      </c>
      <c r="L686" cm="1">
        <f t="array" ref="L686">INDEX(LINEST(J657:J715,$A657:$B715),1)*2</f>
        <v>1.6589598811708006E-3</v>
      </c>
      <c r="M686" cm="1">
        <f t="array" ref="M686">INDEX(LINEST(K657:K715,$A657:$B715),1)*2</f>
        <v>-1.6918777091789773E-2</v>
      </c>
      <c r="N686">
        <f t="shared" si="53"/>
        <v>-0.13042742585764835</v>
      </c>
      <c r="O686">
        <f t="shared" si="54"/>
        <v>1.330154254956512</v>
      </c>
    </row>
    <row r="687" spans="1:15" x14ac:dyDescent="0.4">
      <c r="A687">
        <v>22.833333333333332</v>
      </c>
      <c r="B687">
        <f t="shared" si="50"/>
        <v>521.36111111111109</v>
      </c>
      <c r="C687">
        <v>-3.5243310014485725</v>
      </c>
      <c r="D687">
        <v>2.8301400165073161</v>
      </c>
      <c r="E687" cm="1">
        <f t="array" ref="E687">INDEX(LINEST(C658:C716,$A658:$B716),1)*2</f>
        <v>1.1731236654288454E-2</v>
      </c>
      <c r="F687" cm="1">
        <f t="array" ref="F687">INDEX(LINEST(D658:D716,$A658:$B716),1)*2</f>
        <v>-3.3523872608601708E-3</v>
      </c>
      <c r="G687">
        <f t="shared" si="51"/>
        <v>0.68897552870636092</v>
      </c>
      <c r="H687">
        <f t="shared" si="52"/>
        <v>-0.19688570383031781</v>
      </c>
      <c r="J687">
        <v>5.5318725443829795</v>
      </c>
      <c r="K687">
        <v>2.7384600174945617</v>
      </c>
      <c r="L687" cm="1">
        <f t="array" ref="L687">INDEX(LINEST(J658:J716,$A658:$B716),1)*2</f>
        <v>1.7711182422202489E-4</v>
      </c>
      <c r="M687" cm="1">
        <f t="array" ref="M687">INDEX(LINEST(K658:K716,$A658:$B716),1)*2</f>
        <v>-1.4244355118674468E-2</v>
      </c>
      <c r="N687">
        <f t="shared" si="53"/>
        <v>-1.3924531620335598E-2</v>
      </c>
      <c r="O687">
        <f t="shared" si="54"/>
        <v>1.1198911994301868</v>
      </c>
    </row>
    <row r="688" spans="1:15" x14ac:dyDescent="0.4">
      <c r="A688">
        <v>22.866666666666667</v>
      </c>
      <c r="B688">
        <f t="shared" si="50"/>
        <v>522.88444444444451</v>
      </c>
      <c r="C688">
        <v>-3.5272653931843774</v>
      </c>
      <c r="D688">
        <v>2.8342861001866737</v>
      </c>
      <c r="E688" cm="1">
        <f t="array" ref="E688">INDEX(LINEST(C659:C717,$A659:$B717),1)*2</f>
        <v>1.2394051316644318E-2</v>
      </c>
      <c r="F688" cm="1">
        <f t="array" ref="F688">INDEX(LINEST(D659:D717,$A659:$B717),1)*2</f>
        <v>-2.4935459436411693E-3</v>
      </c>
      <c r="G688">
        <f t="shared" si="51"/>
        <v>0.72790263382652076</v>
      </c>
      <c r="H688">
        <f t="shared" si="52"/>
        <v>-0.14644595327004586</v>
      </c>
      <c r="J688">
        <v>5.5254380824251212</v>
      </c>
      <c r="K688">
        <v>2.7399961782209461</v>
      </c>
      <c r="L688" cm="1">
        <f t="array" ref="L688">INDEX(LINEST(J659:J717,$A659:$B717),1)*2</f>
        <v>-5.9347554493120866E-4</v>
      </c>
      <c r="M688" cm="1">
        <f t="array" ref="M688">INDEX(LINEST(K659:K717,$A659:$B717),1)*2</f>
        <v>-1.158104472433878E-2</v>
      </c>
      <c r="N688">
        <f t="shared" si="53"/>
        <v>4.6659047342491627E-2</v>
      </c>
      <c r="O688">
        <f t="shared" si="54"/>
        <v>0.91050173622751496</v>
      </c>
    </row>
    <row r="689" spans="1:15" x14ac:dyDescent="0.4">
      <c r="A689">
        <v>22.9</v>
      </c>
      <c r="B689">
        <f t="shared" si="50"/>
        <v>524.41</v>
      </c>
      <c r="C689">
        <v>-3.5295846994284923</v>
      </c>
      <c r="D689">
        <v>2.8372912986968619</v>
      </c>
      <c r="E689" cm="1">
        <f t="array" ref="E689">INDEX(LINEST(C660:C718,$A660:$B718),1)*2</f>
        <v>1.2874890169894812E-2</v>
      </c>
      <c r="F689" cm="1">
        <f t="array" ref="F689">INDEX(LINEST(D660:D718,$A660:$B718),1)*2</f>
        <v>-7.1826587360564024E-4</v>
      </c>
      <c r="G689">
        <f t="shared" si="51"/>
        <v>0.75614229967792224</v>
      </c>
      <c r="H689">
        <f t="shared" si="52"/>
        <v>-4.2183754756859246E-2</v>
      </c>
      <c r="J689">
        <v>5.5280301622516061</v>
      </c>
      <c r="K689">
        <v>2.7410666773030647</v>
      </c>
      <c r="L689" cm="1">
        <f t="array" ref="L689">INDEX(LINEST(J660:J718,$A660:$B718),1)*2</f>
        <v>-8.5894284415447366E-4</v>
      </c>
      <c r="M689" cm="1">
        <f t="array" ref="M689">INDEX(LINEST(K660:K718,$A660:$B718),1)*2</f>
        <v>-8.8922147912238163E-3</v>
      </c>
      <c r="N689">
        <f t="shared" si="53"/>
        <v>6.7530086407424722E-2</v>
      </c>
      <c r="O689">
        <f t="shared" si="54"/>
        <v>0.69910592688601647</v>
      </c>
    </row>
    <row r="690" spans="1:15" x14ac:dyDescent="0.4">
      <c r="A690">
        <v>22.933333333333334</v>
      </c>
      <c r="B690">
        <f t="shared" si="50"/>
        <v>525.9377777777778</v>
      </c>
      <c r="C690">
        <v>-3.5274497931655624</v>
      </c>
      <c r="D690">
        <v>2.8424749183370159</v>
      </c>
      <c r="E690" cm="1">
        <f t="array" ref="E690">INDEX(LINEST(C661:C719,$A661:$B719),1)*2</f>
        <v>1.3585974303121803E-2</v>
      </c>
      <c r="F690" cm="1">
        <f t="array" ref="F690">INDEX(LINEST(D661:D719,$A661:$B719),1)*2</f>
        <v>1.5872236912392E-3</v>
      </c>
      <c r="G690">
        <f t="shared" si="51"/>
        <v>0.79790427082234339</v>
      </c>
      <c r="H690">
        <f t="shared" si="52"/>
        <v>9.3217647386478211E-2</v>
      </c>
      <c r="J690">
        <v>5.528494083372296</v>
      </c>
      <c r="K690">
        <v>2.7434868119227729</v>
      </c>
      <c r="L690" cm="1">
        <f t="array" ref="L690">INDEX(LINEST(J661:J719,$A661:$B719),1)*2</f>
        <v>-1.0204491554061733E-3</v>
      </c>
      <c r="M690" cm="1">
        <f t="array" ref="M690">INDEX(LINEST(K661:K719,$A661:$B719),1)*2</f>
        <v>-6.5809386882602168E-3</v>
      </c>
      <c r="N690">
        <f t="shared" si="53"/>
        <v>8.0227712598033352E-2</v>
      </c>
      <c r="O690">
        <f t="shared" si="54"/>
        <v>0.51739339967101827</v>
      </c>
    </row>
    <row r="691" spans="1:15" x14ac:dyDescent="0.4">
      <c r="A691">
        <v>22.966666666666665</v>
      </c>
      <c r="B691">
        <f t="shared" si="50"/>
        <v>527.46777777777766</v>
      </c>
      <c r="C691">
        <v>-3.5278010111278419</v>
      </c>
      <c r="D691">
        <v>2.8444721773990755</v>
      </c>
      <c r="E691" cm="1">
        <f t="array" ref="E691">INDEX(LINEST(C662:C720,$A662:$B720),1)*2</f>
        <v>1.3699857967429903E-2</v>
      </c>
      <c r="F691" cm="1">
        <f t="array" ref="F691">INDEX(LINEST(D662:D720,$A662:$B720),1)*2</f>
        <v>4.402117680685963E-3</v>
      </c>
      <c r="G691">
        <f t="shared" si="51"/>
        <v>0.8045926584271581</v>
      </c>
      <c r="H691">
        <f t="shared" si="52"/>
        <v>0.25853637138668661</v>
      </c>
      <c r="J691">
        <v>5.5275442761640168</v>
      </c>
      <c r="K691">
        <v>2.7453243844201247</v>
      </c>
      <c r="L691" cm="1">
        <f t="array" ref="L691">INDEX(LINEST(J662:J720,$A662:$B720),1)*2</f>
        <v>-7.3653587767577426E-4</v>
      </c>
      <c r="M691" cm="1">
        <f t="array" ref="M691">INDEX(LINEST(K662:K720,$A662:$B720),1)*2</f>
        <v>-5.4688237400582831E-3</v>
      </c>
      <c r="N691">
        <f t="shared" si="53"/>
        <v>5.7906450702869372E-2</v>
      </c>
      <c r="O691">
        <f t="shared" si="54"/>
        <v>0.42995892244338224</v>
      </c>
    </row>
    <row r="692" spans="1:15" x14ac:dyDescent="0.4">
      <c r="A692">
        <v>23</v>
      </c>
      <c r="B692">
        <f t="shared" si="50"/>
        <v>529</v>
      </c>
      <c r="C692">
        <v>-3.5260704727994661</v>
      </c>
      <c r="D692">
        <v>2.8469762003147134</v>
      </c>
      <c r="E692" cm="1">
        <f t="array" ref="E692">INDEX(LINEST(C663:C721,$A663:$B721),1)*2</f>
        <v>1.3387578578311949E-2</v>
      </c>
      <c r="F692" cm="1">
        <f t="array" ref="F692">INDEX(LINEST(D663:D721,$A663:$B721),1)*2</f>
        <v>8.2443590078964801E-3</v>
      </c>
      <c r="G692">
        <f t="shared" si="51"/>
        <v>0.78625248990426078</v>
      </c>
      <c r="H692">
        <f t="shared" si="52"/>
        <v>0.48419120453376024</v>
      </c>
      <c r="J692">
        <v>5.5261842833394139</v>
      </c>
      <c r="K692">
        <v>2.7471096264709818</v>
      </c>
      <c r="L692" cm="1">
        <f t="array" ref="L692">INDEX(LINEST(J663:J721,$A663:$B721),1)*2</f>
        <v>3.2934544033462069E-4</v>
      </c>
      <c r="M692" cm="1">
        <f t="array" ref="M692">INDEX(LINEST(K663:K721,$A663:$B721),1)*2</f>
        <v>-3.1521193516222895E-3</v>
      </c>
      <c r="N692">
        <f t="shared" si="53"/>
        <v>-2.5893138519107881E-2</v>
      </c>
      <c r="O692">
        <f t="shared" si="54"/>
        <v>0.24781962342454442</v>
      </c>
    </row>
    <row r="693" spans="1:15" x14ac:dyDescent="0.4">
      <c r="A693">
        <v>23.033333333333335</v>
      </c>
      <c r="B693">
        <f t="shared" si="50"/>
        <v>530.53444444444449</v>
      </c>
      <c r="C693">
        <v>-3.5258188267165362</v>
      </c>
      <c r="D693">
        <v>2.8496205953685001</v>
      </c>
      <c r="E693" cm="1">
        <f t="array" ref="E693">INDEX(LINEST(C664:C722,$A664:$B722),1)*2</f>
        <v>1.2452150902432436E-2</v>
      </c>
      <c r="F693" cm="1">
        <f t="array" ref="F693">INDEX(LINEST(D664:D722,$A664:$B722),1)*2</f>
        <v>1.0781685282671817E-2</v>
      </c>
      <c r="G693">
        <f t="shared" si="51"/>
        <v>0.73131482249985691</v>
      </c>
      <c r="H693">
        <f t="shared" si="52"/>
        <v>0.6332083766513158</v>
      </c>
      <c r="J693">
        <v>5.5235178973427717</v>
      </c>
      <c r="K693">
        <v>2.7493222477021479</v>
      </c>
      <c r="L693" cm="1">
        <f t="array" ref="L693">INDEX(LINEST(J664:J722,$A664:$B722),1)*2</f>
        <v>1.2277302075539094E-3</v>
      </c>
      <c r="M693" cm="1">
        <f t="array" ref="M693">INDEX(LINEST(K664:K722,$A664:$B722),1)*2</f>
        <v>-8.6268517676899037E-4</v>
      </c>
      <c r="N693">
        <f t="shared" si="53"/>
        <v>-9.6524148917888367E-2</v>
      </c>
      <c r="O693">
        <f t="shared" si="54"/>
        <v>6.7824308597578029E-2</v>
      </c>
    </row>
    <row r="694" spans="1:15" x14ac:dyDescent="0.4">
      <c r="A694">
        <v>23.066666666666666</v>
      </c>
      <c r="B694">
        <f t="shared" si="50"/>
        <v>532.07111111111112</v>
      </c>
      <c r="C694">
        <v>-3.5295902248602227</v>
      </c>
      <c r="D694">
        <v>2.8531545377475114</v>
      </c>
      <c r="E694" cm="1">
        <f t="array" ref="E694">INDEX(LINEST(C665:C723,$A665:$B723),1)*2</f>
        <v>1.219105531964255E-2</v>
      </c>
      <c r="F694" cm="1">
        <f t="array" ref="F694">INDEX(LINEST(D665:D723,$A665:$B723),1)*2</f>
        <v>1.2696688994275339E-2</v>
      </c>
      <c r="G694">
        <f t="shared" si="51"/>
        <v>0.71598067892260686</v>
      </c>
      <c r="H694">
        <f t="shared" si="52"/>
        <v>0.74567654463379063</v>
      </c>
      <c r="J694">
        <v>5.5231219617959706</v>
      </c>
      <c r="K694">
        <v>2.7501362753597784</v>
      </c>
      <c r="L694" cm="1">
        <f t="array" ref="L694">INDEX(LINEST(J665:J723,$A665:$B723),1)*2</f>
        <v>2.2571658919791752E-3</v>
      </c>
      <c r="M694" cm="1">
        <f t="array" ref="M694">INDEX(LINEST(K665:K723,$A665:$B723),1)*2</f>
        <v>1.5096358074096837E-3</v>
      </c>
      <c r="N694">
        <f t="shared" si="53"/>
        <v>-0.17745838242740278</v>
      </c>
      <c r="O694">
        <f t="shared" si="54"/>
        <v>-0.11868756717854934</v>
      </c>
    </row>
    <row r="695" spans="1:15" x14ac:dyDescent="0.4">
      <c r="A695">
        <v>23.1</v>
      </c>
      <c r="B695">
        <f t="shared" si="50"/>
        <v>533.61</v>
      </c>
      <c r="C695">
        <v>-3.5300616720618438</v>
      </c>
      <c r="D695">
        <v>2.8556929772641917</v>
      </c>
      <c r="E695" cm="1">
        <f t="array" ref="E695">INDEX(LINEST(C666:C724,$A666:$B724),1)*2</f>
        <v>1.0011245698989103E-2</v>
      </c>
      <c r="F695" cm="1">
        <f t="array" ref="F695">INDEX(LINEST(D666:D724,$A666:$B724),1)*2</f>
        <v>1.3524326175080472E-2</v>
      </c>
      <c r="G695">
        <f t="shared" si="51"/>
        <v>0.58796045990162993</v>
      </c>
      <c r="H695">
        <f t="shared" si="52"/>
        <v>0.79428367626247609</v>
      </c>
      <c r="J695">
        <v>5.5220221883345433</v>
      </c>
      <c r="K695">
        <v>2.7494086059032936</v>
      </c>
      <c r="L695" cm="1">
        <f t="array" ref="L695">INDEX(LINEST(J666:J724,$A666:$B724),1)*2</f>
        <v>3.8638002302633801E-3</v>
      </c>
      <c r="M695" cm="1">
        <f t="array" ref="M695">INDEX(LINEST(K666:K724,$A666:$B724),1)*2</f>
        <v>4.612729816664534E-3</v>
      </c>
      <c r="N695">
        <f t="shared" si="53"/>
        <v>-0.30377197410330697</v>
      </c>
      <c r="O695">
        <f t="shared" si="54"/>
        <v>-0.36265281818616568</v>
      </c>
    </row>
    <row r="696" spans="1:15" x14ac:dyDescent="0.4">
      <c r="A696">
        <v>23.133333333333333</v>
      </c>
      <c r="B696">
        <f t="shared" si="50"/>
        <v>535.15111111111105</v>
      </c>
      <c r="C696">
        <v>-3.5326794106076607</v>
      </c>
      <c r="D696">
        <v>2.8580946096537296</v>
      </c>
      <c r="E696" cm="1">
        <f t="array" ref="E696">INDEX(LINEST(C667:C725,$A667:$B725),1)*2</f>
        <v>8.5086711326966009E-3</v>
      </c>
      <c r="F696" cm="1">
        <f t="array" ref="F696">INDEX(LINEST(D667:D725,$A667:$B725),1)*2</f>
        <v>1.3646453465245427E-2</v>
      </c>
      <c r="G696">
        <f t="shared" si="51"/>
        <v>0.49971425562327132</v>
      </c>
      <c r="H696">
        <f t="shared" si="52"/>
        <v>0.80145621201386386</v>
      </c>
      <c r="J696">
        <v>5.520630548266344</v>
      </c>
      <c r="K696">
        <v>2.7490299606896302</v>
      </c>
      <c r="L696" cm="1">
        <f t="array" ref="L696">INDEX(LINEST(J667:J725,$A667:$B725),1)*2</f>
        <v>4.1922332939402967E-3</v>
      </c>
      <c r="M696" cm="1">
        <f t="array" ref="M696">INDEX(LINEST(K667:K725,$A667:$B725),1)*2</f>
        <v>6.3885632063871659E-3</v>
      </c>
      <c r="N696">
        <f t="shared" si="53"/>
        <v>-0.32959338156958612</v>
      </c>
      <c r="O696">
        <f t="shared" si="54"/>
        <v>-0.50226883928615906</v>
      </c>
    </row>
    <row r="697" spans="1:15" x14ac:dyDescent="0.4">
      <c r="A697">
        <v>23.166666666666668</v>
      </c>
      <c r="B697">
        <f t="shared" si="50"/>
        <v>536.69444444444446</v>
      </c>
      <c r="C697">
        <v>-3.5406914706912911</v>
      </c>
      <c r="D697">
        <v>2.8611308075011324</v>
      </c>
      <c r="E697" cm="1">
        <f t="array" ref="E697">INDEX(LINEST(C668:C726,$A668:$B726),1)*2</f>
        <v>6.6048957979961513E-3</v>
      </c>
      <c r="F697" cm="1">
        <f t="array" ref="F697">INDEX(LINEST(D668:D726,$A668:$B726),1)*2</f>
        <v>1.3518060339451181E-2</v>
      </c>
      <c r="G697">
        <f t="shared" si="51"/>
        <v>0.38790553021631397</v>
      </c>
      <c r="H697">
        <f t="shared" si="52"/>
        <v>0.79391568373596777</v>
      </c>
      <c r="J697">
        <v>5.5217424237843158</v>
      </c>
      <c r="K697">
        <v>2.7508345017000844</v>
      </c>
      <c r="L697" cm="1">
        <f t="array" ref="L697">INDEX(LINEST(J668:J726,$A668:$B726),1)*2</f>
        <v>4.709414292461099E-3</v>
      </c>
      <c r="M697" cm="1">
        <f t="array" ref="M697">INDEX(LINEST(K668:K726,$A668:$B726),1)*2</f>
        <v>7.1231384055412805E-3</v>
      </c>
      <c r="N697">
        <f t="shared" si="53"/>
        <v>-0.37025415167329162</v>
      </c>
      <c r="O697">
        <f t="shared" si="54"/>
        <v>-0.56002114144365556</v>
      </c>
    </row>
    <row r="698" spans="1:15" x14ac:dyDescent="0.4">
      <c r="A698">
        <v>23.2</v>
      </c>
      <c r="B698">
        <f t="shared" si="50"/>
        <v>538.24</v>
      </c>
      <c r="C698">
        <v>-3.5427882330688263</v>
      </c>
      <c r="D698">
        <v>2.8632857574764357</v>
      </c>
      <c r="E698" cm="1">
        <f t="array" ref="E698">INDEX(LINEST(C669:C727,$A669:$B727),1)*2</f>
        <v>5.9784910320913546E-3</v>
      </c>
      <c r="F698" cm="1">
        <f t="array" ref="F698">INDEX(LINEST(D669:D727,$A669:$B727),1)*2</f>
        <v>1.3238524080234019E-2</v>
      </c>
      <c r="G698">
        <f t="shared" si="51"/>
        <v>0.35111677831472521</v>
      </c>
      <c r="H698">
        <f t="shared" si="52"/>
        <v>0.77749851923214386</v>
      </c>
      <c r="J698">
        <v>5.5199216023532536</v>
      </c>
      <c r="K698">
        <v>2.7519268253861999</v>
      </c>
      <c r="L698" cm="1">
        <f t="array" ref="L698">INDEX(LINEST(J669:J727,$A669:$B727),1)*2</f>
        <v>5.1515549027301754E-3</v>
      </c>
      <c r="M698" cm="1">
        <f t="array" ref="M698">INDEX(LINEST(K669:K727,$A669:$B727),1)*2</f>
        <v>8.1779022914407369E-3</v>
      </c>
      <c r="N698">
        <f t="shared" si="53"/>
        <v>-0.40501524645264642</v>
      </c>
      <c r="O698">
        <f t="shared" si="54"/>
        <v>-0.64294667815307083</v>
      </c>
    </row>
    <row r="699" spans="1:15" x14ac:dyDescent="0.4">
      <c r="A699">
        <v>23.233333333333334</v>
      </c>
      <c r="B699">
        <f t="shared" si="50"/>
        <v>539.78777777777782</v>
      </c>
      <c r="C699">
        <v>-3.5452139452066351</v>
      </c>
      <c r="D699">
        <v>2.8654815483496225</v>
      </c>
      <c r="E699" cm="1">
        <f t="array" ref="E699">INDEX(LINEST(C670:C728,$A670:$B728),1)*2</f>
        <v>6.0748183888319641E-3</v>
      </c>
      <c r="F699" cm="1">
        <f t="array" ref="F699">INDEX(LINEST(D670:D728,$A670:$B728),1)*2</f>
        <v>1.232472316527432E-2</v>
      </c>
      <c r="G699">
        <f t="shared" si="51"/>
        <v>0.35677408397610122</v>
      </c>
      <c r="H699">
        <f t="shared" si="52"/>
        <v>0.72383099149656072</v>
      </c>
      <c r="J699">
        <v>5.5179776379427672</v>
      </c>
      <c r="K699">
        <v>2.7507054091611067</v>
      </c>
      <c r="L699" cm="1">
        <f t="array" ref="L699">INDEX(LINEST(J670:J728,$A670:$B728),1)*2</f>
        <v>4.3915878789778651E-3</v>
      </c>
      <c r="M699" cm="1">
        <f t="array" ref="M699">INDEX(LINEST(K670:K728,$A670:$B728),1)*2</f>
        <v>8.1393453644337879E-3</v>
      </c>
      <c r="N699">
        <f t="shared" si="53"/>
        <v>-0.3452666390452398</v>
      </c>
      <c r="O699">
        <f t="shared" si="54"/>
        <v>-0.63991533255178445</v>
      </c>
    </row>
    <row r="700" spans="1:15" x14ac:dyDescent="0.4">
      <c r="A700">
        <v>23.266666666666666</v>
      </c>
      <c r="B700">
        <f t="shared" si="50"/>
        <v>541.33777777777777</v>
      </c>
      <c r="C700">
        <v>-3.5452837117006033</v>
      </c>
      <c r="D700">
        <v>2.8683997909338985</v>
      </c>
      <c r="E700" cm="1">
        <f t="array" ref="E700">INDEX(LINEST(C671:C729,$A671:$B729),1)*2</f>
        <v>6.50922117877942E-3</v>
      </c>
      <c r="F700" cm="1">
        <f t="array" ref="F700">INDEX(LINEST(D671:D729,$A671:$B729),1)*2</f>
        <v>1.0795507312455497E-2</v>
      </c>
      <c r="G700">
        <f t="shared" si="51"/>
        <v>0.38228655982971532</v>
      </c>
      <c r="H700">
        <f t="shared" si="52"/>
        <v>0.63402014446051125</v>
      </c>
      <c r="J700">
        <v>5.5153902267444384</v>
      </c>
      <c r="K700">
        <v>2.7496020809035251</v>
      </c>
      <c r="L700" cm="1">
        <f t="array" ref="L700">INDEX(LINEST(J671:J729,$A671:$B729),1)*2</f>
        <v>3.7591398078437492E-3</v>
      </c>
      <c r="M700" cm="1">
        <f t="array" ref="M700">INDEX(LINEST(K671:K729,$A671:$B729),1)*2</f>
        <v>8.0150734949579663E-3</v>
      </c>
      <c r="N700">
        <f t="shared" si="53"/>
        <v>-0.29554357169267559</v>
      </c>
      <c r="O700">
        <f t="shared" si="54"/>
        <v>-0.63014507817359533</v>
      </c>
    </row>
    <row r="701" spans="1:15" x14ac:dyDescent="0.4">
      <c r="A701">
        <v>23.3</v>
      </c>
      <c r="B701">
        <f t="shared" si="50"/>
        <v>542.89</v>
      </c>
      <c r="C701">
        <v>-3.5418557186585882</v>
      </c>
      <c r="D701">
        <v>2.8688745066199535</v>
      </c>
      <c r="E701" cm="1">
        <f t="array" ref="E701">INDEX(LINEST(C672:C730,$A672:$B730),1)*2</f>
        <v>6.8674123537187737E-3</v>
      </c>
      <c r="F701" cm="1">
        <f t="array" ref="F701">INDEX(LINEST(D672:D730,$A672:$B730),1)*2</f>
        <v>9.8081006431880325E-3</v>
      </c>
      <c r="G701">
        <f t="shared" si="51"/>
        <v>0.40332312753390354</v>
      </c>
      <c r="H701">
        <f t="shared" si="52"/>
        <v>0.57602975077443308</v>
      </c>
      <c r="J701">
        <v>5.5124337979617843</v>
      </c>
      <c r="K701">
        <v>2.7496608857603277</v>
      </c>
      <c r="L701" cm="1">
        <f t="array" ref="L701">INDEX(LINEST(J672:J730,$A672:$B730),1)*2</f>
        <v>3.305751967744085E-3</v>
      </c>
      <c r="M701" cm="1">
        <f t="array" ref="M701">INDEX(LINEST(K672:K730,$A672:$B730),1)*2</f>
        <v>7.3614111969284683E-3</v>
      </c>
      <c r="N701">
        <f t="shared" si="53"/>
        <v>-0.25989821970403998</v>
      </c>
      <c r="O701">
        <f t="shared" si="54"/>
        <v>-0.57875414830251626</v>
      </c>
    </row>
    <row r="702" spans="1:15" x14ac:dyDescent="0.4">
      <c r="A702">
        <v>23.333333333333332</v>
      </c>
      <c r="B702">
        <f t="shared" si="50"/>
        <v>544.44444444444434</v>
      </c>
      <c r="C702">
        <v>-3.5463969040661216</v>
      </c>
      <c r="D702">
        <v>2.8694888939624392</v>
      </c>
      <c r="E702" cm="1">
        <f t="array" ref="E702">INDEX(LINEST(C673:C731,$A673:$B731),1)*2</f>
        <v>5.7389796843971691E-3</v>
      </c>
      <c r="F702" cm="1">
        <f t="array" ref="F702">INDEX(LINEST(D673:D731,$A673:$B731),1)*2</f>
        <v>8.1100235811793226E-3</v>
      </c>
      <c r="G702">
        <f t="shared" si="51"/>
        <v>0.33705027686464573</v>
      </c>
      <c r="H702">
        <f t="shared" si="52"/>
        <v>0.47630168492266162</v>
      </c>
      <c r="J702">
        <v>5.5091779068282243</v>
      </c>
      <c r="K702">
        <v>2.7511031631882776</v>
      </c>
      <c r="L702" cm="1">
        <f t="array" ref="L702">INDEX(LINEST(J673:J731,$A673:$B731),1)*2</f>
        <v>3.0701843632472046E-3</v>
      </c>
      <c r="M702" cm="1">
        <f t="array" ref="M702">INDEX(LINEST(K673:K731,$A673:$B731),1)*2</f>
        <v>6.0786151031576143E-3</v>
      </c>
      <c r="N702">
        <f t="shared" si="53"/>
        <v>-0.24137789463849524</v>
      </c>
      <c r="O702">
        <f t="shared" si="54"/>
        <v>-0.47790071941025164</v>
      </c>
    </row>
    <row r="703" spans="1:15" x14ac:dyDescent="0.4">
      <c r="A703">
        <v>23.366666666666667</v>
      </c>
      <c r="B703">
        <f t="shared" si="50"/>
        <v>546.00111111111119</v>
      </c>
      <c r="C703">
        <v>-3.547648645870384</v>
      </c>
      <c r="D703">
        <v>2.8714736484322296</v>
      </c>
      <c r="E703" cm="1">
        <f t="array" ref="E703">INDEX(LINEST(C674:C732,$A674:$B732),1)*2</f>
        <v>3.5573182138768956E-3</v>
      </c>
      <c r="F703" cm="1">
        <f t="array" ref="F703">INDEX(LINEST(D674:D732,$A674:$B732),1)*2</f>
        <v>6.3748741892751997E-3</v>
      </c>
      <c r="G703">
        <f t="shared" si="51"/>
        <v>0.20892129870099008</v>
      </c>
      <c r="H703">
        <f t="shared" si="52"/>
        <v>0.37439636113613245</v>
      </c>
      <c r="J703">
        <v>5.5055488547172349</v>
      </c>
      <c r="K703">
        <v>2.7535116703153704</v>
      </c>
      <c r="L703" cm="1">
        <f t="array" ref="L703">INDEX(LINEST(J674:J732,$A674:$B732),1)*2</f>
        <v>3.3049685462973721E-3</v>
      </c>
      <c r="M703" cm="1">
        <f t="array" ref="M703">INDEX(LINEST(K674:K732,$A674:$B732),1)*2</f>
        <v>4.7660305700074406E-3</v>
      </c>
      <c r="N703">
        <f t="shared" si="53"/>
        <v>-0.25983662710989941</v>
      </c>
      <c r="O703">
        <f t="shared" si="54"/>
        <v>-0.37470532341398499</v>
      </c>
    </row>
    <row r="704" spans="1:15" x14ac:dyDescent="0.4">
      <c r="A704">
        <v>23.4</v>
      </c>
      <c r="B704">
        <f t="shared" si="50"/>
        <v>547.55999999999995</v>
      </c>
      <c r="C704">
        <v>-3.5505070369975789</v>
      </c>
      <c r="D704">
        <v>2.8729505347732549</v>
      </c>
      <c r="E704" cm="1">
        <f t="array" ref="E704">INDEX(LINEST(C675:C733,$A675:$B733),1)*2</f>
        <v>1.7106630928380923E-3</v>
      </c>
      <c r="F704" cm="1">
        <f t="array" ref="F704">INDEX(LINEST(D675:D733,$A675:$B733),1)*2</f>
        <v>5.0451360985282745E-3</v>
      </c>
      <c r="G704">
        <f t="shared" si="51"/>
        <v>0.10046724344238116</v>
      </c>
      <c r="H704">
        <f t="shared" si="52"/>
        <v>0.29630084306656557</v>
      </c>
      <c r="J704">
        <v>5.5034587750849884</v>
      </c>
      <c r="K704">
        <v>2.7535550071819586</v>
      </c>
      <c r="L704" cm="1">
        <f t="array" ref="L704">INDEX(LINEST(J675:J733,$A675:$B733),1)*2</f>
        <v>4.4092520770726762E-3</v>
      </c>
      <c r="M704" cm="1">
        <f t="array" ref="M704">INDEX(LINEST(K675:K733,$A675:$B733),1)*2</f>
        <v>3.910001053052504E-3</v>
      </c>
      <c r="N704">
        <f t="shared" si="53"/>
        <v>-0.3466553982994538</v>
      </c>
      <c r="O704">
        <f t="shared" si="54"/>
        <v>-0.30740428279098786</v>
      </c>
    </row>
    <row r="705" spans="1:15" x14ac:dyDescent="0.4">
      <c r="A705">
        <v>23.433333333333334</v>
      </c>
      <c r="B705">
        <f t="shared" si="50"/>
        <v>549.12111111111108</v>
      </c>
      <c r="C705">
        <v>-3.5511492109207388</v>
      </c>
      <c r="D705">
        <v>2.8743636260755192</v>
      </c>
      <c r="E705" cm="1">
        <f t="array" ref="E705">INDEX(LINEST(C676:C734,$A676:$B734),1)*2</f>
        <v>-1.0454138012715344E-3</v>
      </c>
      <c r="F705" cm="1">
        <f t="array" ref="F705">INDEX(LINEST(D676:D734,$A676:$B734),1)*2</f>
        <v>3.4624461080512221E-3</v>
      </c>
      <c r="G705">
        <f t="shared" si="51"/>
        <v>-6.1397152548677211E-2</v>
      </c>
      <c r="H705">
        <f t="shared" si="52"/>
        <v>0.20334945992584827</v>
      </c>
      <c r="J705">
        <v>5.5015628282187761</v>
      </c>
      <c r="K705">
        <v>2.7552322359122385</v>
      </c>
      <c r="L705" cm="1">
        <f t="array" ref="L705">INDEX(LINEST(J676:J734,$A676:$B734),1)*2</f>
        <v>5.4650305091177914E-3</v>
      </c>
      <c r="M705" cm="1">
        <f t="array" ref="M705">INDEX(LINEST(K676:K734,$A676:$B734),1)*2</f>
        <v>2.7858079863875814E-3</v>
      </c>
      <c r="N705">
        <f t="shared" si="53"/>
        <v>-0.42966069862684081</v>
      </c>
      <c r="O705">
        <f t="shared" si="54"/>
        <v>-0.21902022388979167</v>
      </c>
    </row>
    <row r="706" spans="1:15" x14ac:dyDescent="0.4">
      <c r="A706">
        <v>23.466666666666665</v>
      </c>
      <c r="B706">
        <f t="shared" si="50"/>
        <v>550.68444444444435</v>
      </c>
      <c r="C706">
        <v>-3.5528978685049215</v>
      </c>
      <c r="D706">
        <v>2.8754414275428424</v>
      </c>
      <c r="E706" cm="1">
        <f t="array" ref="E706">INDEX(LINEST(C677:C735,$A677:$B735),1)*2</f>
        <v>-2.7212056654685782E-3</v>
      </c>
      <c r="F706" cm="1">
        <f t="array" ref="F706">INDEX(LINEST(D677:D735,$A677:$B735),1)*2</f>
        <v>3.208255720604129E-3</v>
      </c>
      <c r="G706">
        <f t="shared" si="51"/>
        <v>-0.15981640873296959</v>
      </c>
      <c r="H706">
        <f t="shared" si="52"/>
        <v>0.18842085847108048</v>
      </c>
      <c r="J706">
        <v>5.4993096558467052</v>
      </c>
      <c r="K706">
        <v>2.7554868993466535</v>
      </c>
      <c r="L706" cm="1">
        <f t="array" ref="L706">INDEX(LINEST(J677:J735,$A677:$B735),1)*2</f>
        <v>5.3493447237851792E-3</v>
      </c>
      <c r="M706" cm="1">
        <f t="array" ref="M706">INDEX(LINEST(K677:K735,$A677:$B735),1)*2</f>
        <v>2.5023009635620759E-3</v>
      </c>
      <c r="N706">
        <f t="shared" si="53"/>
        <v>-0.42056548218399081</v>
      </c>
      <c r="O706">
        <f t="shared" si="54"/>
        <v>-0.19673090175525043</v>
      </c>
    </row>
    <row r="707" spans="1:15" x14ac:dyDescent="0.4">
      <c r="A707">
        <v>23.5</v>
      </c>
      <c r="B707">
        <f t="shared" ref="B707:B770" si="55">A707^2</f>
        <v>552.25</v>
      </c>
      <c r="C707">
        <v>-3.5550485119273754</v>
      </c>
      <c r="D707">
        <v>2.8757585733514324</v>
      </c>
      <c r="E707" cm="1">
        <f t="array" ref="E707">INDEX(LINEST(C678:C736,$A678:$B736),1)*2</f>
        <v>-3.6737692255258236E-3</v>
      </c>
      <c r="F707" cm="1">
        <f t="array" ref="F707">INDEX(LINEST(D678:D736,$A678:$B736),1)*2</f>
        <v>2.5260345058561624E-3</v>
      </c>
      <c r="G707">
        <f t="shared" si="51"/>
        <v>-0.2157604666151316</v>
      </c>
      <c r="H707">
        <f t="shared" si="52"/>
        <v>0.14835400652893241</v>
      </c>
      <c r="J707">
        <v>5.495691564055166</v>
      </c>
      <c r="K707">
        <v>2.7558552558654976</v>
      </c>
      <c r="L707" cm="1">
        <f t="array" ref="L707">INDEX(LINEST(J678:J736,$A678:$B736),1)*2</f>
        <v>4.9413450460433017E-3</v>
      </c>
      <c r="M707" cm="1">
        <f t="array" ref="M707">INDEX(LINEST(K678:K736,$A678:$B736),1)*2</f>
        <v>2.3727265106387339E-3</v>
      </c>
      <c r="N707">
        <f t="shared" si="53"/>
        <v>-0.3884885475199244</v>
      </c>
      <c r="O707">
        <f t="shared" si="54"/>
        <v>-0.18654375826641728</v>
      </c>
    </row>
    <row r="708" spans="1:15" x14ac:dyDescent="0.4">
      <c r="A708">
        <v>23.533333333333335</v>
      </c>
      <c r="B708">
        <f t="shared" si="55"/>
        <v>553.81777777777791</v>
      </c>
      <c r="C708">
        <v>-3.5559775307682631</v>
      </c>
      <c r="D708">
        <v>2.8768325315813201</v>
      </c>
      <c r="E708" cm="1">
        <f t="array" ref="E708">INDEX(LINEST(C679:C737,$A679:$B737),1)*2</f>
        <v>-1.9753156688877868E-3</v>
      </c>
      <c r="F708" cm="1">
        <f t="array" ref="F708">INDEX(LINEST(D679:D737,$A679:$B737),1)*2</f>
        <v>2.7163728794091951E-3</v>
      </c>
      <c r="G708">
        <f t="shared" si="51"/>
        <v>-0.11601028923377971</v>
      </c>
      <c r="H708">
        <f t="shared" si="52"/>
        <v>0.15953257920770203</v>
      </c>
      <c r="J708">
        <v>5.4942567534458222</v>
      </c>
      <c r="K708">
        <v>2.7556537261841969</v>
      </c>
      <c r="L708" cm="1">
        <f t="array" ref="L708">INDEX(LINEST(J679:J737,$A679:$B737),1)*2</f>
        <v>4.5503837639367583E-3</v>
      </c>
      <c r="M708" cm="1">
        <f t="array" ref="M708">INDEX(LINEST(K679:K737,$A679:$B737),1)*2</f>
        <v>2.004035981659926E-3</v>
      </c>
      <c r="N708">
        <f t="shared" si="53"/>
        <v>-0.35775117152070796</v>
      </c>
      <c r="O708">
        <f t="shared" si="54"/>
        <v>-0.1575573088781034</v>
      </c>
    </row>
    <row r="709" spans="1:15" x14ac:dyDescent="0.4">
      <c r="A709">
        <v>23.566666666666666</v>
      </c>
      <c r="B709">
        <f t="shared" si="55"/>
        <v>555.38777777777773</v>
      </c>
      <c r="C709">
        <v>-3.5579127567688089</v>
      </c>
      <c r="D709">
        <v>2.8786282731677826</v>
      </c>
      <c r="E709" cm="1">
        <f t="array" ref="E709">INDEX(LINEST(C680:C738,$A680:$B738),1)*2</f>
        <v>-6.2668184156248075E-4</v>
      </c>
      <c r="F709" cm="1">
        <f t="array" ref="F709">INDEX(LINEST(D680:D738,$A680:$B738),1)*2</f>
        <v>3.6663493877973643E-3</v>
      </c>
      <c r="G709">
        <f t="shared" si="51"/>
        <v>-3.680502455496449E-2</v>
      </c>
      <c r="H709">
        <f t="shared" si="52"/>
        <v>0.2153246995453392</v>
      </c>
      <c r="J709">
        <v>5.4937261962154391</v>
      </c>
      <c r="K709">
        <v>2.7564679348807539</v>
      </c>
      <c r="L709" cm="1">
        <f t="array" ref="L709">INDEX(LINEST(J680:J738,$A680:$B738),1)*2</f>
        <v>4.3642257936409969E-3</v>
      </c>
      <c r="M709" cm="1">
        <f t="array" ref="M709">INDEX(LINEST(K680:K738,$A680:$B738),1)*2</f>
        <v>2.1807515616232898E-3</v>
      </c>
      <c r="N709">
        <f t="shared" si="53"/>
        <v>-0.3431154318960552</v>
      </c>
      <c r="O709">
        <f t="shared" si="54"/>
        <v>-0.17145068777482306</v>
      </c>
    </row>
    <row r="710" spans="1:15" x14ac:dyDescent="0.4">
      <c r="A710">
        <v>23.6</v>
      </c>
      <c r="B710">
        <f t="shared" si="55"/>
        <v>556.96</v>
      </c>
      <c r="C710">
        <v>-3.5608494163915507</v>
      </c>
      <c r="D710">
        <v>2.8822404031407638</v>
      </c>
      <c r="E710" cm="1">
        <f t="array" ref="E710">INDEX(LINEST(C681:C739,$A681:$B739),1)*2</f>
        <v>6.3682908208693133E-4</v>
      </c>
      <c r="F710" cm="1">
        <f t="array" ref="F710">INDEX(LINEST(D681:D739,$A681:$B739),1)*2</f>
        <v>4.9946247641874915E-3</v>
      </c>
      <c r="G710">
        <f t="shared" si="51"/>
        <v>3.7400971990965474E-2</v>
      </c>
      <c r="H710">
        <f t="shared" si="52"/>
        <v>0.29333431240073138</v>
      </c>
      <c r="J710">
        <v>5.4889745481977998</v>
      </c>
      <c r="K710">
        <v>2.7578773724243622</v>
      </c>
      <c r="L710" cm="1">
        <f t="array" ref="L710">INDEX(LINEST(J681:J739,$A681:$B739),1)*2</f>
        <v>3.8721460782647774E-3</v>
      </c>
      <c r="M710" cm="1">
        <f t="array" ref="M710">INDEX(LINEST(K681:K739,$A681:$B739),1)*2</f>
        <v>3.6254683741611944E-3</v>
      </c>
      <c r="N710">
        <f t="shared" si="53"/>
        <v>-0.30442812467317681</v>
      </c>
      <c r="O710">
        <f t="shared" si="54"/>
        <v>-0.28503432357655312</v>
      </c>
    </row>
    <row r="711" spans="1:15" x14ac:dyDescent="0.4">
      <c r="A711">
        <v>23.633333333333333</v>
      </c>
      <c r="B711">
        <f t="shared" si="55"/>
        <v>558.53444444444438</v>
      </c>
      <c r="C711">
        <v>-3.5605498318775153</v>
      </c>
      <c r="D711">
        <v>2.8848133485197929</v>
      </c>
      <c r="E711" cm="1">
        <f t="array" ref="E711">INDEX(LINEST(C682:C740,$A682:$B740),1)*2</f>
        <v>2.2715676614362863E-3</v>
      </c>
      <c r="F711" cm="1">
        <f t="array" ref="F711">INDEX(LINEST(D682:D740,$A682:$B740),1)*2</f>
        <v>6.8404816129575838E-3</v>
      </c>
      <c r="G711">
        <f t="shared" si="51"/>
        <v>0.13340916875615308</v>
      </c>
      <c r="H711">
        <f t="shared" si="52"/>
        <v>0.40174148512899888</v>
      </c>
      <c r="J711">
        <v>5.4893919503509432</v>
      </c>
      <c r="K711">
        <v>2.759817708393407</v>
      </c>
      <c r="L711" cm="1">
        <f t="array" ref="L711">INDEX(LINEST(J682:J740,$A682:$B740),1)*2</f>
        <v>2.8135476156081929E-3</v>
      </c>
      <c r="M711" cm="1">
        <f t="array" ref="M711">INDEX(LINEST(K682:K740,$A682:$B740),1)*2</f>
        <v>5.8518780211791778E-3</v>
      </c>
      <c r="N711">
        <f t="shared" si="53"/>
        <v>-0.22120111353911615</v>
      </c>
      <c r="O711">
        <f t="shared" si="54"/>
        <v>-0.460074650025107</v>
      </c>
    </row>
    <row r="712" spans="1:15" x14ac:dyDescent="0.4">
      <c r="A712">
        <v>23.666666666666668</v>
      </c>
      <c r="B712">
        <f t="shared" si="55"/>
        <v>560.1111111111112</v>
      </c>
      <c r="C712">
        <v>-3.564143708542034</v>
      </c>
      <c r="D712">
        <v>2.8872278661264343</v>
      </c>
      <c r="E712" cm="1">
        <f t="array" ref="E712">INDEX(LINEST(C683:C741,$A683:$B741),1)*2</f>
        <v>3.0998375033342265E-3</v>
      </c>
      <c r="F712" cm="1">
        <f t="array" ref="F712">INDEX(LINEST(D683:D741,$A683:$B741),1)*2</f>
        <v>8.8401156952512463E-3</v>
      </c>
      <c r="G712">
        <f t="shared" si="51"/>
        <v>0.18205345657081912</v>
      </c>
      <c r="H712">
        <f t="shared" si="52"/>
        <v>0.51917999478210564</v>
      </c>
      <c r="J712">
        <v>5.4859510956247641</v>
      </c>
      <c r="K712">
        <v>2.7568069757976899</v>
      </c>
      <c r="L712" cm="1">
        <f t="array" ref="L712">INDEX(LINEST(J683:J741,$A683:$B741),1)*2</f>
        <v>2.5299282111278681E-3</v>
      </c>
      <c r="M712" cm="1">
        <f t="array" ref="M712">INDEX(LINEST(K683:K741,$A683:$B741),1)*2</f>
        <v>8.4321539068870511E-3</v>
      </c>
      <c r="N712">
        <f t="shared" si="53"/>
        <v>-0.198902955958873</v>
      </c>
      <c r="O712">
        <f t="shared" si="54"/>
        <v>-0.66293594015946</v>
      </c>
    </row>
    <row r="713" spans="1:15" x14ac:dyDescent="0.4">
      <c r="A713">
        <v>23.7</v>
      </c>
      <c r="B713">
        <f t="shared" si="55"/>
        <v>561.68999999999994</v>
      </c>
      <c r="C713">
        <v>-3.5647519035646327</v>
      </c>
      <c r="D713">
        <v>2.891159505580652</v>
      </c>
      <c r="E713" cm="1">
        <f t="array" ref="E713">INDEX(LINEST(C684:C742,$A684:$B742),1)*2</f>
        <v>1.9420967053879233E-3</v>
      </c>
      <c r="F713" cm="1">
        <f t="array" ref="F713">INDEX(LINEST(D684:D742,$A684:$B742),1)*2</f>
        <v>9.0281322652863375E-3</v>
      </c>
      <c r="G713">
        <f t="shared" si="51"/>
        <v>0.11405933950743273</v>
      </c>
      <c r="H713">
        <f t="shared" si="52"/>
        <v>0.53022220794026653</v>
      </c>
      <c r="J713">
        <v>5.4841298950766371</v>
      </c>
      <c r="K713">
        <v>2.7596308905839075</v>
      </c>
      <c r="L713" cm="1">
        <f t="array" ref="L713">INDEX(LINEST(J684:J742,$A684:$B742),1)*2</f>
        <v>4.2490469167188261E-3</v>
      </c>
      <c r="M713" cm="1">
        <f t="array" ref="M713">INDEX(LINEST(K684:K742,$A684:$B742),1)*2</f>
        <v>1.1092797041996585E-2</v>
      </c>
      <c r="N713">
        <f t="shared" si="53"/>
        <v>-0.33406006859243415</v>
      </c>
      <c r="O713">
        <f t="shared" si="54"/>
        <v>-0.87211570344177158</v>
      </c>
    </row>
    <row r="714" spans="1:15" x14ac:dyDescent="0.4">
      <c r="A714">
        <v>23.733333333333334</v>
      </c>
      <c r="B714">
        <f t="shared" si="55"/>
        <v>563.27111111111117</v>
      </c>
      <c r="C714">
        <v>-3.5650740712275173</v>
      </c>
      <c r="D714">
        <v>2.89292314591632</v>
      </c>
      <c r="E714" cm="1">
        <f t="array" ref="E714">INDEX(LINEST(C685:C743,$A685:$B743),1)*2</f>
        <v>2.7965179213387451E-4</v>
      </c>
      <c r="F714" cm="1">
        <f t="array" ref="F714">INDEX(LINEST(D685:D743,$A685:$B743),1)*2</f>
        <v>1.0455115884962892E-2</v>
      </c>
      <c r="G714">
        <f t="shared" si="51"/>
        <v>1.6423949752022448E-2</v>
      </c>
      <c r="H714">
        <f t="shared" si="52"/>
        <v>0.61402895592387063</v>
      </c>
      <c r="J714">
        <v>5.4833457876647067</v>
      </c>
      <c r="K714">
        <v>2.7614433826844551</v>
      </c>
      <c r="L714" cm="1">
        <f t="array" ref="L714">INDEX(LINEST(J685:J743,$A685:$B743),1)*2</f>
        <v>4.9212179176903875E-3</v>
      </c>
      <c r="M714" cm="1">
        <f t="array" ref="M714">INDEX(LINEST(K685:K743,$A685:$B743),1)*2</f>
        <v>1.2502200167416844E-2</v>
      </c>
      <c r="N714">
        <f t="shared" si="53"/>
        <v>-0.38690615268881828</v>
      </c>
      <c r="O714">
        <f t="shared" si="54"/>
        <v>-0.98292297716231236</v>
      </c>
    </row>
    <row r="715" spans="1:15" x14ac:dyDescent="0.4">
      <c r="A715">
        <v>23.766666666666666</v>
      </c>
      <c r="B715">
        <f t="shared" si="55"/>
        <v>564.85444444444443</v>
      </c>
      <c r="C715">
        <v>-3.5663257945269509</v>
      </c>
      <c r="D715">
        <v>2.8944134282449743</v>
      </c>
      <c r="E715" cm="1">
        <f t="array" ref="E715">INDEX(LINEST(C686:C744,$A686:$B744),1)*2</f>
        <v>-1.5983315367579217E-3</v>
      </c>
      <c r="F715" cm="1">
        <f t="array" ref="F715">INDEX(LINEST(D686:D744,$A686:$B744),1)*2</f>
        <v>1.2506084322611948E-2</v>
      </c>
      <c r="G715">
        <f t="shared" si="51"/>
        <v>-9.3870011153792732E-2</v>
      </c>
      <c r="H715">
        <f t="shared" si="52"/>
        <v>0.73448233226699966</v>
      </c>
      <c r="J715">
        <v>5.484280422645436</v>
      </c>
      <c r="K715">
        <v>2.7623353146705383</v>
      </c>
      <c r="L715" cm="1">
        <f t="array" ref="L715">INDEX(LINEST(J686:J744,$A686:$B744),1)*2</f>
        <v>5.8523005447934052E-3</v>
      </c>
      <c r="M715" cm="1">
        <f t="array" ref="M715">INDEX(LINEST(K686:K744,$A686:$B744),1)*2</f>
        <v>1.4129743770329604E-2</v>
      </c>
      <c r="N715">
        <f t="shared" si="53"/>
        <v>-0.46010786883165755</v>
      </c>
      <c r="O715">
        <f t="shared" si="54"/>
        <v>-1.1108804552233136</v>
      </c>
    </row>
    <row r="716" spans="1:15" x14ac:dyDescent="0.4">
      <c r="A716">
        <v>23.8</v>
      </c>
      <c r="B716">
        <f t="shared" si="55"/>
        <v>566.44000000000005</v>
      </c>
      <c r="C716">
        <v>-3.5657288574424606</v>
      </c>
      <c r="D716">
        <v>2.8962777089857776</v>
      </c>
      <c r="E716" cm="1">
        <f t="array" ref="E716">INDEX(LINEST(C687:C745,$A687:$B745),1)*2</f>
        <v>-3.3356535135190112E-3</v>
      </c>
      <c r="F716" cm="1">
        <f t="array" ref="F716">INDEX(LINEST(D687:D745,$A687:$B745),1)*2</f>
        <v>1.4678295295870643E-2</v>
      </c>
      <c r="G716">
        <f t="shared" si="51"/>
        <v>-0.19590293084897151</v>
      </c>
      <c r="H716">
        <f t="shared" si="52"/>
        <v>0.86205628272648283</v>
      </c>
      <c r="J716">
        <v>5.4823249871655895</v>
      </c>
      <c r="K716">
        <v>2.7637839041259658</v>
      </c>
      <c r="L716" cm="1">
        <f t="array" ref="L716">INDEX(LINEST(J687:J745,$A687:$B745),1)*2</f>
        <v>7.2123698203422158E-3</v>
      </c>
      <c r="M716" cm="1">
        <f t="array" ref="M716">INDEX(LINEST(K687:K745,$A687:$B745),1)*2</f>
        <v>1.5301549362726463E-2</v>
      </c>
      <c r="N716">
        <f t="shared" si="53"/>
        <v>-0.56703651527530508</v>
      </c>
      <c r="O716">
        <f t="shared" si="54"/>
        <v>-1.2030078108975546</v>
      </c>
    </row>
    <row r="717" spans="1:15" x14ac:dyDescent="0.4">
      <c r="A717">
        <v>23.833333333333332</v>
      </c>
      <c r="B717">
        <f t="shared" si="55"/>
        <v>568.02777777777771</v>
      </c>
      <c r="C717">
        <v>-3.5643624216026599</v>
      </c>
      <c r="D717">
        <v>2.9005771167078231</v>
      </c>
      <c r="E717" cm="1">
        <f t="array" ref="E717">INDEX(LINEST(C688:C746,$A688:$B746),1)*2</f>
        <v>-4.260157110424813E-3</v>
      </c>
      <c r="F717" cm="1">
        <f t="array" ref="F717">INDEX(LINEST(D688:D746,$A688:$B746),1)*2</f>
        <v>1.6825837388232467E-2</v>
      </c>
      <c r="G717">
        <f t="shared" si="51"/>
        <v>-0.25019902709524927</v>
      </c>
      <c r="H717">
        <f t="shared" si="52"/>
        <v>0.98818142981089274</v>
      </c>
      <c r="J717">
        <v>5.480239614043275</v>
      </c>
      <c r="K717">
        <v>2.765530894550722</v>
      </c>
      <c r="L717" cm="1">
        <f t="array" ref="L717">INDEX(LINEST(J688:J746,$A688:$B746),1)*2</f>
        <v>8.7364895406469179E-3</v>
      </c>
      <c r="M717" cm="1">
        <f t="array" ref="M717">INDEX(LINEST(K688:K746,$A688:$B746),1)*2</f>
        <v>1.7142495376836327E-2</v>
      </c>
      <c r="N717">
        <f t="shared" si="53"/>
        <v>-0.68686280768566077</v>
      </c>
      <c r="O717">
        <f t="shared" si="54"/>
        <v>-1.3477429865268722</v>
      </c>
    </row>
    <row r="718" spans="1:15" x14ac:dyDescent="0.4">
      <c r="A718">
        <v>23.866666666666667</v>
      </c>
      <c r="B718">
        <f t="shared" si="55"/>
        <v>569.61777777777775</v>
      </c>
      <c r="C718">
        <v>-3.5654450885719395</v>
      </c>
      <c r="D718">
        <v>2.9044309251559373</v>
      </c>
      <c r="E718" cm="1">
        <f t="array" ref="E718">INDEX(LINEST(C689:C747,$A689:$B747),1)*2</f>
        <v>-4.763974209365523E-3</v>
      </c>
      <c r="F718" cm="1">
        <f t="array" ref="F718">INDEX(LINEST(D689:D747,$A689:$B747),1)*2</f>
        <v>1.8839232905408964E-2</v>
      </c>
      <c r="G718">
        <f t="shared" si="51"/>
        <v>-0.27978820531603715</v>
      </c>
      <c r="H718">
        <f t="shared" si="52"/>
        <v>1.1064281485346683</v>
      </c>
      <c r="J718">
        <v>5.4807376872833453</v>
      </c>
      <c r="K718">
        <v>2.768302595153441</v>
      </c>
      <c r="L718" cm="1">
        <f t="array" ref="L718">INDEX(LINEST(J689:J747,$A689:$B747),1)*2</f>
        <v>1.1006061099373299E-2</v>
      </c>
      <c r="M718" cm="1">
        <f t="array" ref="M718">INDEX(LINEST(K689:K747,$A689:$B747),1)*2</f>
        <v>1.9107023988294409E-2</v>
      </c>
      <c r="N718">
        <f t="shared" si="53"/>
        <v>-0.8652965236327288</v>
      </c>
      <c r="O718">
        <f t="shared" si="54"/>
        <v>-1.5021942259597065</v>
      </c>
    </row>
    <row r="719" spans="1:15" x14ac:dyDescent="0.4">
      <c r="A719">
        <v>23.9</v>
      </c>
      <c r="B719">
        <f t="shared" si="55"/>
        <v>571.20999999999992</v>
      </c>
      <c r="C719">
        <v>-3.5654737640893379</v>
      </c>
      <c r="D719">
        <v>2.9093307103879638</v>
      </c>
      <c r="E719" cm="1">
        <f t="array" ref="E719">INDEX(LINEST(C690:C748,$A690:$B748),1)*2</f>
        <v>-4.491356923653528E-3</v>
      </c>
      <c r="F719" cm="1">
        <f t="array" ref="F719">INDEX(LINEST(D690:D748,$A690:$B748),1)*2</f>
        <v>2.0594006894485577E-2</v>
      </c>
      <c r="G719">
        <f t="shared" si="51"/>
        <v>-0.26377739212617168</v>
      </c>
      <c r="H719">
        <f t="shared" si="52"/>
        <v>1.2094860249131378</v>
      </c>
      <c r="J719">
        <v>5.4792563773241723</v>
      </c>
      <c r="K719">
        <v>2.7685472127132407</v>
      </c>
      <c r="L719" cm="1">
        <f t="array" ref="L719">INDEX(LINEST(J690:J748,$A690:$B748),1)*2</f>
        <v>1.206769747634367E-2</v>
      </c>
      <c r="M719" cm="1">
        <f t="array" ref="M719">INDEX(LINEST(K690:K748,$A690:$B748),1)*2</f>
        <v>2.0852329577540834E-2</v>
      </c>
      <c r="N719">
        <f t="shared" si="53"/>
        <v>-0.94876237559013943</v>
      </c>
      <c r="O719">
        <f t="shared" si="54"/>
        <v>-1.6394101513862605</v>
      </c>
    </row>
    <row r="720" spans="1:15" x14ac:dyDescent="0.4">
      <c r="A720">
        <v>23.933333333333334</v>
      </c>
      <c r="B720">
        <f t="shared" si="55"/>
        <v>572.80444444444447</v>
      </c>
      <c r="C720">
        <v>-3.5669035145982391</v>
      </c>
      <c r="D720">
        <v>2.9143190513120469</v>
      </c>
      <c r="E720" cm="1">
        <f t="array" ref="E720">INDEX(LINEST(C691:C749,$A691:$B749),1)*2</f>
        <v>-4.9758703687799487E-3</v>
      </c>
      <c r="F720" cm="1">
        <f t="array" ref="F720">INDEX(LINEST(D691:D749,$A691:$B749),1)*2</f>
        <v>2.1189225010383353E-2</v>
      </c>
      <c r="G720">
        <f t="shared" si="51"/>
        <v>-0.2922328667584464</v>
      </c>
      <c r="H720">
        <f t="shared" si="52"/>
        <v>1.2444431848598143</v>
      </c>
      <c r="J720">
        <v>5.4789613980295089</v>
      </c>
      <c r="K720">
        <v>2.769550606488945</v>
      </c>
      <c r="L720" cm="1">
        <f t="array" ref="L720">INDEX(LINEST(J691:J749,$A691:$B749),1)*2</f>
        <v>1.2612150128213893E-2</v>
      </c>
      <c r="M720" cm="1">
        <f t="array" ref="M720">INDEX(LINEST(K691:K749,$A691:$B749),1)*2</f>
        <v>2.1495131725327382E-2</v>
      </c>
      <c r="N720">
        <f t="shared" si="53"/>
        <v>-0.99156724308017641</v>
      </c>
      <c r="O720">
        <f t="shared" si="54"/>
        <v>-1.6899472562452389</v>
      </c>
    </row>
    <row r="721" spans="1:15" x14ac:dyDescent="0.4">
      <c r="A721">
        <v>23.966666666666665</v>
      </c>
      <c r="B721">
        <f t="shared" si="55"/>
        <v>574.40111111111105</v>
      </c>
      <c r="C721">
        <v>-3.5694040161125611</v>
      </c>
      <c r="D721">
        <v>2.9219317386428596</v>
      </c>
      <c r="E721" cm="1">
        <f t="array" ref="E721">INDEX(LINEST(C692:C750,$A692:$B750),1)*2</f>
        <v>-5.7904470586452117E-3</v>
      </c>
      <c r="F721" cm="1">
        <f t="array" ref="F721">INDEX(LINEST(D692:D750,$A692:$B750),1)*2</f>
        <v>2.1418598770558663E-2</v>
      </c>
      <c r="G721">
        <f t="shared" si="51"/>
        <v>-0.34007295575423324</v>
      </c>
      <c r="H721">
        <f t="shared" si="52"/>
        <v>1.2579143057949103</v>
      </c>
      <c r="J721">
        <v>5.4792776538345453</v>
      </c>
      <c r="K721">
        <v>2.7740743339278882</v>
      </c>
      <c r="L721" cm="1">
        <f t="array" ref="L721">INDEX(LINEST(J692:J750,$A692:$B750),1)*2</f>
        <v>1.3362928288477141E-2</v>
      </c>
      <c r="M721" cm="1">
        <f t="array" ref="M721">INDEX(LINEST(K692:K750,$A692:$B750),1)*2</f>
        <v>2.1212531048769568E-2</v>
      </c>
      <c r="N721">
        <f t="shared" si="53"/>
        <v>-1.050593422040073</v>
      </c>
      <c r="O721">
        <f t="shared" si="54"/>
        <v>-1.6677291910542635</v>
      </c>
    </row>
    <row r="722" spans="1:15" x14ac:dyDescent="0.4">
      <c r="A722">
        <v>24</v>
      </c>
      <c r="B722">
        <f t="shared" si="55"/>
        <v>576</v>
      </c>
      <c r="C722">
        <v>-3.5716407622596678</v>
      </c>
      <c r="D722">
        <v>2.922152857174424</v>
      </c>
      <c r="E722" cm="1">
        <f t="array" ref="E722">INDEX(LINEST(C693:C751,$A693:$B751),1)*2</f>
        <v>-7.4079895789003203E-3</v>
      </c>
      <c r="F722" cm="1">
        <f t="array" ref="F722">INDEX(LINEST(D693:D751,$A693:$B751),1)*2</f>
        <v>2.0759447703122273E-2</v>
      </c>
      <c r="G722">
        <f t="shared" si="51"/>
        <v>-0.43507122796881581</v>
      </c>
      <c r="H722">
        <f t="shared" si="52"/>
        <v>1.219202363604371</v>
      </c>
      <c r="J722">
        <v>5.4791377252670586</v>
      </c>
      <c r="K722">
        <v>2.7732874158274043</v>
      </c>
      <c r="L722" cm="1">
        <f t="array" ref="L722">INDEX(LINEST(J693:J751,$A693:$B751),1)*2</f>
        <v>1.39747680362573E-2</v>
      </c>
      <c r="M722" cm="1">
        <f t="array" ref="M722">INDEX(LINEST(K693:K751,$A693:$B751),1)*2</f>
        <v>2.0601459272765982E-2</v>
      </c>
      <c r="N722">
        <f t="shared" si="53"/>
        <v>-1.098696263010549</v>
      </c>
      <c r="O722">
        <f t="shared" si="54"/>
        <v>-1.6196867280248617</v>
      </c>
    </row>
    <row r="723" spans="1:15" x14ac:dyDescent="0.4">
      <c r="A723">
        <v>24.033333333333335</v>
      </c>
      <c r="B723">
        <f t="shared" si="55"/>
        <v>577.60111111111121</v>
      </c>
      <c r="C723">
        <v>-3.5772954432900441</v>
      </c>
      <c r="D723">
        <v>2.9224209871254057</v>
      </c>
      <c r="E723" cm="1">
        <f t="array" ref="E723">INDEX(LINEST(C694:C752,$A694:$B752),1)*2</f>
        <v>-9.1320186915256549E-3</v>
      </c>
      <c r="F723" cm="1">
        <f t="array" ref="F723">INDEX(LINEST(D694:D752,$A694:$B752),1)*2</f>
        <v>2.020872564824017E-2</v>
      </c>
      <c r="G723">
        <f t="shared" si="51"/>
        <v>-0.5363234577533017</v>
      </c>
      <c r="H723">
        <f t="shared" si="52"/>
        <v>1.1868584573211451</v>
      </c>
      <c r="J723">
        <v>5.4781842009333621</v>
      </c>
      <c r="K723">
        <v>2.7745668603282949</v>
      </c>
      <c r="L723" cm="1">
        <f t="array" ref="L723">INDEX(LINEST(J694:J752,$A694:$B752),1)*2</f>
        <v>1.4634781672146433E-2</v>
      </c>
      <c r="M723" cm="1">
        <f t="array" ref="M723">INDEX(LINEST(K694:K752,$A694:$B752),1)*2</f>
        <v>1.9562558561097908E-2</v>
      </c>
      <c r="N723">
        <f t="shared" si="53"/>
        <v>-1.1505865350641526</v>
      </c>
      <c r="O723">
        <f t="shared" si="54"/>
        <v>-1.5380083540735177</v>
      </c>
    </row>
    <row r="724" spans="1:15" x14ac:dyDescent="0.4">
      <c r="A724">
        <v>24.066666666666666</v>
      </c>
      <c r="B724">
        <f t="shared" si="55"/>
        <v>579.20444444444445</v>
      </c>
      <c r="C724">
        <v>-3.5778364691102618</v>
      </c>
      <c r="D724">
        <v>2.9230048596909564</v>
      </c>
      <c r="E724" cm="1">
        <f t="array" ref="E724">INDEX(LINEST(C695:C753,$A695:$B753),1)*2</f>
        <v>-1.0339335023669943E-2</v>
      </c>
      <c r="F724" cm="1">
        <f t="array" ref="F724">INDEX(LINEST(D695:D753,$A695:$B753),1)*2</f>
        <v>1.9293275427558092E-2</v>
      </c>
      <c r="G724">
        <f t="shared" si="51"/>
        <v>-0.60722914594013566</v>
      </c>
      <c r="H724">
        <f t="shared" si="52"/>
        <v>1.1330940658604867</v>
      </c>
      <c r="J724">
        <v>5.4799997052069127</v>
      </c>
      <c r="K724">
        <v>2.7788376497981644</v>
      </c>
      <c r="L724" cm="1">
        <f t="array" ref="L724">INDEX(LINEST(J695:J753,$A695:$B753),1)*2</f>
        <v>1.5575646437064678E-2</v>
      </c>
      <c r="M724" cm="1">
        <f t="array" ref="M724">INDEX(LINEST(K695:K753,$A695:$B753),1)*2</f>
        <v>1.7690069175634829E-2</v>
      </c>
      <c r="N724">
        <f t="shared" si="53"/>
        <v>-1.224557322882025</v>
      </c>
      <c r="O724">
        <f t="shared" si="54"/>
        <v>-1.3907932385884103</v>
      </c>
    </row>
    <row r="725" spans="1:15" x14ac:dyDescent="0.4">
      <c r="A725">
        <v>24.1</v>
      </c>
      <c r="B725">
        <f t="shared" si="55"/>
        <v>580.81000000000006</v>
      </c>
      <c r="C725">
        <v>-3.5784355518905828</v>
      </c>
      <c r="D725">
        <v>2.92325694831491</v>
      </c>
      <c r="E725" cm="1">
        <f t="array" ref="E725">INDEX(LINEST(C696:C754,$A696:$B754),1)*2</f>
        <v>-1.1816056896851439E-2</v>
      </c>
      <c r="F725" cm="1">
        <f t="array" ref="F725">INDEX(LINEST(D696:D754,$A696:$B754),1)*2</f>
        <v>1.8032202774152649E-2</v>
      </c>
      <c r="G725">
        <f t="shared" si="51"/>
        <v>-0.69395702155208494</v>
      </c>
      <c r="H725">
        <f t="shared" si="52"/>
        <v>1.0590312689259851</v>
      </c>
      <c r="J725">
        <v>5.4752281712543702</v>
      </c>
      <c r="K725">
        <v>2.7767771444094986</v>
      </c>
      <c r="L725" cm="1">
        <f t="array" ref="L725">INDEX(LINEST(J696:J754,$A696:$B754),1)*2</f>
        <v>1.5973394713694505E-2</v>
      </c>
      <c r="M725" cm="1">
        <f t="array" ref="M725">INDEX(LINEST(K696:K754,$A696:$B754),1)*2</f>
        <v>1.6472300022230196E-2</v>
      </c>
      <c r="N725">
        <f t="shared" si="53"/>
        <v>-1.2558282923906621</v>
      </c>
      <c r="O725">
        <f t="shared" si="54"/>
        <v>-1.2950522277477381</v>
      </c>
    </row>
    <row r="726" spans="1:15" x14ac:dyDescent="0.4">
      <c r="A726">
        <v>24.133333333333333</v>
      </c>
      <c r="B726">
        <f t="shared" si="55"/>
        <v>582.4177777777777</v>
      </c>
      <c r="C726">
        <v>-3.5807159010523208</v>
      </c>
      <c r="D726">
        <v>2.9255768072592878</v>
      </c>
      <c r="E726" cm="1">
        <f t="array" ref="E726">INDEX(LINEST(C697:C755,$A697:$B755),1)*2</f>
        <v>-1.2423688147047387E-2</v>
      </c>
      <c r="F726" cm="1">
        <f t="array" ref="F726">INDEX(LINEST(D697:D755,$A697:$B755),1)*2</f>
        <v>1.6417964180467967E-2</v>
      </c>
      <c r="G726">
        <f t="shared" si="51"/>
        <v>-0.72964320487609302</v>
      </c>
      <c r="H726">
        <f t="shared" si="52"/>
        <v>0.96422703631888362</v>
      </c>
      <c r="J726">
        <v>5.473773544166689</v>
      </c>
      <c r="K726">
        <v>2.7759330044616437</v>
      </c>
      <c r="L726" cm="1">
        <f t="array" ref="L726">INDEX(LINEST(J697:J755,$A697:$B755),1)*2</f>
        <v>1.619389855230223E-2</v>
      </c>
      <c r="M726" cm="1">
        <f t="array" ref="M726">INDEX(LINEST(K697:K755,$A697:$B755),1)*2</f>
        <v>1.5678317615278405E-2</v>
      </c>
      <c r="N726">
        <f t="shared" si="53"/>
        <v>-1.2731643041820013</v>
      </c>
      <c r="O726">
        <f t="shared" si="54"/>
        <v>-1.2326293309131884</v>
      </c>
    </row>
    <row r="727" spans="1:15" x14ac:dyDescent="0.4">
      <c r="A727">
        <v>24.166666666666668</v>
      </c>
      <c r="B727">
        <f t="shared" si="55"/>
        <v>584.02777777777783</v>
      </c>
      <c r="C727">
        <v>-3.5767377079369265</v>
      </c>
      <c r="D727">
        <v>2.9282017700048839</v>
      </c>
      <c r="E727" cm="1">
        <f t="array" ref="E727">INDEX(LINEST(C698:C756,$A698:$B756),1)*2</f>
        <v>-1.273087448815295E-2</v>
      </c>
      <c r="F727" cm="1">
        <f t="array" ref="F727">INDEX(LINEST(D698:D756,$A698:$B756),1)*2</f>
        <v>1.554311846569156E-2</v>
      </c>
      <c r="G727">
        <f t="shared" si="51"/>
        <v>-0.74768425868922272</v>
      </c>
      <c r="H727">
        <f t="shared" si="52"/>
        <v>0.91284734749006524</v>
      </c>
      <c r="J727">
        <v>5.4708953105793494</v>
      </c>
      <c r="K727">
        <v>2.7754014363647861</v>
      </c>
      <c r="L727" cm="1">
        <f t="array" ref="L727">INDEX(LINEST(J698:J756,$A698:$B756),1)*2</f>
        <v>1.5332584061823577E-2</v>
      </c>
      <c r="M727" cm="1">
        <f t="array" ref="M727">INDEX(LINEST(K698:K756,$A698:$B756),1)*2</f>
        <v>1.4449753228870767E-2</v>
      </c>
      <c r="N727">
        <f t="shared" si="53"/>
        <v>-1.2054477589405697</v>
      </c>
      <c r="O727">
        <f t="shared" si="54"/>
        <v>-1.1360395988538197</v>
      </c>
    </row>
    <row r="728" spans="1:15" x14ac:dyDescent="0.4">
      <c r="A728">
        <v>24.2</v>
      </c>
      <c r="B728">
        <f t="shared" si="55"/>
        <v>585.64</v>
      </c>
      <c r="C728">
        <v>-3.576305818579534</v>
      </c>
      <c r="D728">
        <v>2.927951620392883</v>
      </c>
      <c r="E728" cm="1">
        <f t="array" ref="E728">INDEX(LINEST(C699:C757,$A699:$B757),1)*2</f>
        <v>-1.196178181091757E-2</v>
      </c>
      <c r="F728" cm="1">
        <f t="array" ref="F728">INDEX(LINEST(D699:D757,$A699:$B757),1)*2</f>
        <v>1.3862390220448767E-2</v>
      </c>
      <c r="G728">
        <f t="shared" si="51"/>
        <v>-0.70251544575518887</v>
      </c>
      <c r="H728">
        <f t="shared" si="52"/>
        <v>0.81413817764695606</v>
      </c>
      <c r="J728">
        <v>5.4680651744880153</v>
      </c>
      <c r="K728">
        <v>2.7742273645139073</v>
      </c>
      <c r="L728" cm="1">
        <f t="array" ref="L728">INDEX(LINEST(J699:J757,$A699:$B757),1)*2</f>
        <v>1.474696415567628E-2</v>
      </c>
      <c r="M728" cm="1">
        <f t="array" ref="M728">INDEX(LINEST(K699:K757,$A699:$B757),1)*2</f>
        <v>1.2622365079843045E-2</v>
      </c>
      <c r="N728">
        <f t="shared" si="53"/>
        <v>-1.1594063219192692</v>
      </c>
      <c r="O728">
        <f t="shared" si="54"/>
        <v>-0.99237034257726031</v>
      </c>
    </row>
    <row r="729" spans="1:15" x14ac:dyDescent="0.4">
      <c r="A729">
        <v>24.233333333333334</v>
      </c>
      <c r="B729">
        <f t="shared" si="55"/>
        <v>587.25444444444452</v>
      </c>
      <c r="C729">
        <v>-3.57611695779396</v>
      </c>
      <c r="D729">
        <v>2.9309144650092538</v>
      </c>
      <c r="E729" cm="1">
        <f t="array" ref="E729">INDEX(LINEST(C700:C758,$A700:$B758),1)*2</f>
        <v>-1.028984174304348E-2</v>
      </c>
      <c r="F729" cm="1">
        <f t="array" ref="F729">INDEX(LINEST(D700:D758,$A700:$B758),1)*2</f>
        <v>1.1827981318635961E-2</v>
      </c>
      <c r="G729">
        <f t="shared" si="51"/>
        <v>-0.60432240556894357</v>
      </c>
      <c r="H729">
        <f t="shared" si="52"/>
        <v>0.6946573428434899</v>
      </c>
      <c r="J729">
        <v>5.4651798005056804</v>
      </c>
      <c r="K729">
        <v>2.7754907102772135</v>
      </c>
      <c r="L729" cm="1">
        <f t="array" ref="L729">INDEX(LINEST(J700:J758,$A700:$B758),1)*2</f>
        <v>1.4087642062154416E-2</v>
      </c>
      <c r="M729" cm="1">
        <f t="array" ref="M729">INDEX(LINEST(K700:K758,$A700:$B758),1)*2</f>
        <v>1.1122358538843208E-2</v>
      </c>
      <c r="N729">
        <f t="shared" si="53"/>
        <v>-1.1075704189265803</v>
      </c>
      <c r="O729">
        <f t="shared" si="54"/>
        <v>-0.87443982832385314</v>
      </c>
    </row>
    <row r="730" spans="1:15" x14ac:dyDescent="0.4">
      <c r="A730">
        <v>24.266666666666666</v>
      </c>
      <c r="B730">
        <f t="shared" si="55"/>
        <v>588.87111111111108</v>
      </c>
      <c r="C730">
        <v>-3.5804872043271154</v>
      </c>
      <c r="D730">
        <v>2.9349328148316713</v>
      </c>
      <c r="E730" cm="1">
        <f t="array" ref="E730">INDEX(LINEST(C701:C759,$A701:$B759),1)*2</f>
        <v>-9.1924137564515767E-3</v>
      </c>
      <c r="F730" cm="1">
        <f t="array" ref="F730">INDEX(LINEST(D701:D759,$A701:$B759),1)*2</f>
        <v>8.6582227723295477E-3</v>
      </c>
      <c r="G730">
        <f t="shared" si="51"/>
        <v>-0.53987045991640104</v>
      </c>
      <c r="H730">
        <f t="shared" si="52"/>
        <v>0.50849742341891435</v>
      </c>
      <c r="J730">
        <v>5.4652307545729091</v>
      </c>
      <c r="K730">
        <v>2.7759980810106848</v>
      </c>
      <c r="L730" cm="1">
        <f t="array" ref="L730">INDEX(LINEST(J701:J759,$A701:$B759),1)*2</f>
        <v>1.295207477433968E-2</v>
      </c>
      <c r="M730" cm="1">
        <f t="array" ref="M730">INDEX(LINEST(K701:K759,$A701:$B759),1)*2</f>
        <v>9.8108441424369277E-3</v>
      </c>
      <c r="N730">
        <f t="shared" si="53"/>
        <v>-1.0182921187585856</v>
      </c>
      <c r="O730">
        <f t="shared" si="54"/>
        <v>-0.77132856647839132</v>
      </c>
    </row>
    <row r="731" spans="1:15" x14ac:dyDescent="0.4">
      <c r="A731">
        <v>24.3</v>
      </c>
      <c r="B731">
        <f t="shared" si="55"/>
        <v>590.49</v>
      </c>
      <c r="C731">
        <v>-3.5852113542836732</v>
      </c>
      <c r="D731">
        <v>2.9365146311581607</v>
      </c>
      <c r="E731" cm="1">
        <f t="array" ref="E731">INDEX(LINEST(C702:C760,$A702:$B760),1)*2</f>
        <v>-9.4701710992465531E-3</v>
      </c>
      <c r="F731" cm="1">
        <f t="array" ref="F731">INDEX(LINEST(D702:D760,$A702:$B760),1)*2</f>
        <v>5.9558797244701591E-3</v>
      </c>
      <c r="G731">
        <f t="shared" si="51"/>
        <v>-0.55618314865875007</v>
      </c>
      <c r="H731">
        <f t="shared" si="52"/>
        <v>0.3497888162181324</v>
      </c>
      <c r="J731">
        <v>5.4634704517570016</v>
      </c>
      <c r="K731">
        <v>2.7754274260531537</v>
      </c>
      <c r="L731" cm="1">
        <f t="array" ref="L731">INDEX(LINEST(J702:J760,$A702:$B760),1)*2</f>
        <v>1.1942274229523205E-2</v>
      </c>
      <c r="M731" cm="1">
        <f t="array" ref="M731">INDEX(LINEST(K702:K760,$A702:$B760),1)*2</f>
        <v>8.6429784879272463E-3</v>
      </c>
      <c r="N731">
        <f t="shared" si="53"/>
        <v>-0.93890159992511446</v>
      </c>
      <c r="O731">
        <f t="shared" si="54"/>
        <v>-0.67951096872084016</v>
      </c>
    </row>
    <row r="732" spans="1:15" x14ac:dyDescent="0.4">
      <c r="A732">
        <v>24.333333333333332</v>
      </c>
      <c r="B732">
        <f t="shared" si="55"/>
        <v>592.11111111111109</v>
      </c>
      <c r="C732">
        <v>-3.5900059869142584</v>
      </c>
      <c r="D732">
        <v>2.9391996921045096</v>
      </c>
      <c r="E732" cm="1">
        <f t="array" ref="E732">INDEX(LINEST(C703:C761,$A703:$B761),1)*2</f>
        <v>-8.6695128536907265E-3</v>
      </c>
      <c r="F732" cm="1">
        <f t="array" ref="F732">INDEX(LINEST(D703:D761,$A703:$B761),1)*2</f>
        <v>3.7527978949246843E-3</v>
      </c>
      <c r="G732">
        <f t="shared" si="51"/>
        <v>-0.50916048989725637</v>
      </c>
      <c r="H732">
        <f t="shared" si="52"/>
        <v>0.22040182036892669</v>
      </c>
      <c r="J732">
        <v>5.4633966090439285</v>
      </c>
      <c r="K732">
        <v>2.7773094401056642</v>
      </c>
      <c r="L732" cm="1">
        <f t="array" ref="L732">INDEX(LINEST(J703:J761,$A703:$B761),1)*2</f>
        <v>1.0579088104036297E-2</v>
      </c>
      <c r="M732" cm="1">
        <f t="array" ref="M732">INDEX(LINEST(K703:K761,$A703:$B761),1)*2</f>
        <v>7.305273766502131E-3</v>
      </c>
      <c r="N732">
        <f t="shared" si="53"/>
        <v>-0.83172790673933372</v>
      </c>
      <c r="O732">
        <f t="shared" si="54"/>
        <v>-0.57434062352239756</v>
      </c>
    </row>
    <row r="733" spans="1:15" x14ac:dyDescent="0.4">
      <c r="A733">
        <v>24.366666666666667</v>
      </c>
      <c r="B733">
        <f t="shared" si="55"/>
        <v>593.73444444444442</v>
      </c>
      <c r="C733">
        <v>-3.595105089932281</v>
      </c>
      <c r="D733">
        <v>2.9430928106964394</v>
      </c>
      <c r="E733" cm="1">
        <f t="array" ref="E733">INDEX(LINEST(C704:C762,$A704:$B762),1)*2</f>
        <v>-7.5655274889303023E-3</v>
      </c>
      <c r="F733" cm="1">
        <f t="array" ref="F733">INDEX(LINEST(D704:D762,$A704:$B762),1)*2</f>
        <v>1.6925174331388708E-3</v>
      </c>
      <c r="G733">
        <f t="shared" si="51"/>
        <v>-0.44432342942487663</v>
      </c>
      <c r="H733">
        <f t="shared" si="52"/>
        <v>9.9401548848245883E-2</v>
      </c>
      <c r="J733">
        <v>5.4641996369527828</v>
      </c>
      <c r="K733">
        <v>2.7801453702903038</v>
      </c>
      <c r="L733" cm="1">
        <f t="array" ref="L733">INDEX(LINEST(J704:J762,$A704:$B762),1)*2</f>
        <v>1.0001380996541197E-2</v>
      </c>
      <c r="M733" cm="1">
        <f t="array" ref="M733">INDEX(LINEST(K704:K762,$A704:$B762),1)*2</f>
        <v>5.4402571305398927E-3</v>
      </c>
      <c r="N733">
        <f t="shared" si="53"/>
        <v>-0.78630857394806897</v>
      </c>
      <c r="O733">
        <f t="shared" si="54"/>
        <v>-0.42771301560304636</v>
      </c>
    </row>
    <row r="734" spans="1:15" x14ac:dyDescent="0.4">
      <c r="A734">
        <v>24.4</v>
      </c>
      <c r="B734">
        <f t="shared" si="55"/>
        <v>595.3599999999999</v>
      </c>
      <c r="C734">
        <v>-3.597565384345792</v>
      </c>
      <c r="D734">
        <v>2.9450848855171992</v>
      </c>
      <c r="E734" cm="1">
        <f t="array" ref="E734">INDEX(LINEST(C705:C763,$A705:$B763),1)*2</f>
        <v>-5.2143087135001738E-3</v>
      </c>
      <c r="F734" cm="1">
        <f t="array" ref="F734">INDEX(LINEST(D705:D763,$A705:$B763),1)*2</f>
        <v>-2.1746387057935859E-4</v>
      </c>
      <c r="G734">
        <f t="shared" si="51"/>
        <v>-0.30623635074386518</v>
      </c>
      <c r="H734">
        <f t="shared" si="52"/>
        <v>-1.2771653119125729E-2</v>
      </c>
      <c r="J734">
        <v>5.4605018975916542</v>
      </c>
      <c r="K734">
        <v>2.7802630802814332</v>
      </c>
      <c r="L734" cm="1">
        <f t="array" ref="L734">INDEX(LINEST(J705:J763,$A705:$B763),1)*2</f>
        <v>9.0520783041296866E-3</v>
      </c>
      <c r="M734" cm="1">
        <f t="array" ref="M734">INDEX(LINEST(K705:K763,$A705:$B763),1)*2</f>
        <v>3.5080177852246219E-3</v>
      </c>
      <c r="N734">
        <f t="shared" si="53"/>
        <v>-0.71167439627067597</v>
      </c>
      <c r="O734">
        <f t="shared" si="54"/>
        <v>-0.27580035827435978</v>
      </c>
    </row>
    <row r="735" spans="1:15" x14ac:dyDescent="0.4">
      <c r="A735">
        <v>24.433333333333334</v>
      </c>
      <c r="B735">
        <f t="shared" si="55"/>
        <v>596.98777777777775</v>
      </c>
      <c r="C735">
        <v>-3.5988294093402624</v>
      </c>
      <c r="D735">
        <v>2.9489443802520707</v>
      </c>
      <c r="E735" cm="1">
        <f t="array" ref="E735">INDEX(LINEST(C706:C764,$A706:$B764),1)*2</f>
        <v>-3.3892337591904902E-3</v>
      </c>
      <c r="F735" cm="1">
        <f t="array" ref="F735">INDEX(LINEST(D706:D764,$A706:$B764),1)*2</f>
        <v>-1.7269504579859344E-3</v>
      </c>
      <c r="G735">
        <f t="shared" si="51"/>
        <v>-0.19904969867725747</v>
      </c>
      <c r="H735">
        <f t="shared" si="52"/>
        <v>-0.10142380039751392</v>
      </c>
      <c r="J735">
        <v>5.4577132259600134</v>
      </c>
      <c r="K735">
        <v>2.7813862768091253</v>
      </c>
      <c r="L735" cm="1">
        <f t="array" ref="L735">INDEX(LINEST(J706:J764,$A706:$B764),1)*2</f>
        <v>8.1371422101529228E-3</v>
      </c>
      <c r="M735" cm="1">
        <f t="array" ref="M735">INDEX(LINEST(K706:K764,$A706:$B764),1)*2</f>
        <v>1.4202477102016949E-3</v>
      </c>
      <c r="N735">
        <f t="shared" si="53"/>
        <v>-0.63974212056222279</v>
      </c>
      <c r="O735">
        <f t="shared" si="54"/>
        <v>-0.11165987497605726</v>
      </c>
    </row>
    <row r="736" spans="1:15" x14ac:dyDescent="0.4">
      <c r="A736">
        <v>24.466666666666665</v>
      </c>
      <c r="B736">
        <f t="shared" si="55"/>
        <v>598.61777777777775</v>
      </c>
      <c r="C736">
        <v>-3.5985308158550615</v>
      </c>
      <c r="D736">
        <v>2.9483075640973024</v>
      </c>
      <c r="E736" cm="1">
        <f t="array" ref="E736">INDEX(LINEST(C707:C765,$A707:$B765),1)*2</f>
        <v>-1.0355606712469097E-3</v>
      </c>
      <c r="F736" cm="1">
        <f t="array" ref="F736">INDEX(LINEST(D707:D765,$A707:$B765),1)*2</f>
        <v>-2.6939818295333663E-3</v>
      </c>
      <c r="G736">
        <f t="shared" ref="G736:G799" si="56">E736*58.73</f>
        <v>-6.0818478222331003E-2</v>
      </c>
      <c r="H736">
        <f t="shared" ref="H736:H799" si="57">F736*58.73</f>
        <v>-0.15821755284849459</v>
      </c>
      <c r="J736">
        <v>5.4553976129378432</v>
      </c>
      <c r="K736">
        <v>2.7826484907885325</v>
      </c>
      <c r="L736" cm="1">
        <f t="array" ref="L736">INDEX(LINEST(J707:J765,$A707:$B765),1)*2</f>
        <v>7.6436969020407869E-3</v>
      </c>
      <c r="M736" cm="1">
        <f t="array" ref="M736">INDEX(LINEST(K707:K765,$A707:$B765),1)*2</f>
        <v>-4.7661612979940399E-4</v>
      </c>
      <c r="N736">
        <f t="shared" ref="N736:N799" si="58">-L736*78.62</f>
        <v>-0.60094745043844666</v>
      </c>
      <c r="O736">
        <f t="shared" ref="O736:O799" si="59">-M736*78.62</f>
        <v>3.7471560124829141E-2</v>
      </c>
    </row>
    <row r="737" spans="1:15" x14ac:dyDescent="0.4">
      <c r="A737">
        <v>24.5</v>
      </c>
      <c r="B737">
        <f t="shared" si="55"/>
        <v>600.25</v>
      </c>
      <c r="C737">
        <v>-3.5928012781481526</v>
      </c>
      <c r="D737">
        <v>2.9531044365391832</v>
      </c>
      <c r="E737" cm="1">
        <f t="array" ref="E737">INDEX(LINEST(C708:C766,$A708:$B766),1)*2</f>
        <v>2.576265232229185E-3</v>
      </c>
      <c r="F737" cm="1">
        <f t="array" ref="F737">INDEX(LINEST(D708:D766,$A708:$B766),1)*2</f>
        <v>-2.6321625988039495E-3</v>
      </c>
      <c r="G737">
        <f t="shared" si="56"/>
        <v>0.15130405708882003</v>
      </c>
      <c r="H737">
        <f t="shared" si="57"/>
        <v>-0.15458690942775594</v>
      </c>
      <c r="J737">
        <v>5.4517911368255101</v>
      </c>
      <c r="K737">
        <v>2.7844639461167433</v>
      </c>
      <c r="L737" cm="1">
        <f t="array" ref="L737">INDEX(LINEST(J708:J766,$A708:$B766),1)*2</f>
        <v>7.3878773595875795E-3</v>
      </c>
      <c r="M737" cm="1">
        <f t="array" ref="M737">INDEX(LINEST(K708:K766,$A708:$B766),1)*2</f>
        <v>-1.7896201317271546E-3</v>
      </c>
      <c r="N737">
        <f t="shared" si="58"/>
        <v>-0.58083491801077558</v>
      </c>
      <c r="O737">
        <f t="shared" si="59"/>
        <v>0.14069993475638889</v>
      </c>
    </row>
    <row r="738" spans="1:15" x14ac:dyDescent="0.4">
      <c r="A738">
        <v>24.533333333333335</v>
      </c>
      <c r="B738">
        <f t="shared" si="55"/>
        <v>601.88444444444451</v>
      </c>
      <c r="C738">
        <v>-3.5948850338232772</v>
      </c>
      <c r="D738">
        <v>2.9574645316650661</v>
      </c>
      <c r="E738" cm="1">
        <f t="array" ref="E738">INDEX(LINEST(C709:C767,$A709:$B767),1)*2</f>
        <v>5.463718123021156E-3</v>
      </c>
      <c r="F738" cm="1">
        <f t="array" ref="F738">INDEX(LINEST(D709:D767,$A709:$B767),1)*2</f>
        <v>-2.6671922361827358E-3</v>
      </c>
      <c r="G738">
        <f t="shared" si="56"/>
        <v>0.32088416536503245</v>
      </c>
      <c r="H738">
        <f t="shared" si="57"/>
        <v>-0.15664420003101207</v>
      </c>
      <c r="J738">
        <v>5.4514364191418192</v>
      </c>
      <c r="K738">
        <v>2.7873724933945763</v>
      </c>
      <c r="L738" cm="1">
        <f t="array" ref="L738">INDEX(LINEST(J709:J767,$A709:$B767),1)*2</f>
        <v>7.1756010503301717E-3</v>
      </c>
      <c r="M738" cm="1">
        <f t="array" ref="M738">INDEX(LINEST(K709:K767,$A709:$B767),1)*2</f>
        <v>-2.5817327353328525E-3</v>
      </c>
      <c r="N738">
        <f t="shared" si="58"/>
        <v>-0.56414575457695815</v>
      </c>
      <c r="O738">
        <f t="shared" si="59"/>
        <v>0.20297582765186889</v>
      </c>
    </row>
    <row r="739" spans="1:15" x14ac:dyDescent="0.4">
      <c r="A739">
        <v>24.566666666666666</v>
      </c>
      <c r="B739">
        <f t="shared" si="55"/>
        <v>603.52111111111105</v>
      </c>
      <c r="C739">
        <v>-3.5981234167210476</v>
      </c>
      <c r="D739">
        <v>2.9603028671283247</v>
      </c>
      <c r="E739" cm="1">
        <f t="array" ref="E739">INDEX(LINEST(C710:C768,$A710:$B768),1)*2</f>
        <v>8.8322675532018276E-3</v>
      </c>
      <c r="F739" cm="1">
        <f t="array" ref="F739">INDEX(LINEST(D710:D768,$A710:$B768),1)*2</f>
        <v>-2.7478435591657933E-3</v>
      </c>
      <c r="G739">
        <f t="shared" si="56"/>
        <v>0.51871907339954326</v>
      </c>
      <c r="H739">
        <f t="shared" si="57"/>
        <v>-0.16138085222980703</v>
      </c>
      <c r="J739">
        <v>5.4484545222367036</v>
      </c>
      <c r="K739">
        <v>2.7920532659302673</v>
      </c>
      <c r="L739" cm="1">
        <f t="array" ref="L739">INDEX(LINEST(J710:J768,$A710:$B768),1)*2</f>
        <v>6.6925543893580786E-3</v>
      </c>
      <c r="M739" cm="1">
        <f t="array" ref="M739">INDEX(LINEST(K710:K768,$A710:$B768),1)*2</f>
        <v>-2.6712459597128908E-3</v>
      </c>
      <c r="N739">
        <f t="shared" si="58"/>
        <v>-0.52616862609133219</v>
      </c>
      <c r="O739">
        <f t="shared" si="59"/>
        <v>0.21001335735262749</v>
      </c>
    </row>
    <row r="740" spans="1:15" x14ac:dyDescent="0.4">
      <c r="A740">
        <v>24.6</v>
      </c>
      <c r="B740">
        <f t="shared" si="55"/>
        <v>605.16000000000008</v>
      </c>
      <c r="C740">
        <v>-3.5988609572830348</v>
      </c>
      <c r="D740">
        <v>2.9630796604672542</v>
      </c>
      <c r="E740" cm="1">
        <f t="array" ref="E740">INDEX(LINEST(C711:C769,$A711:$B769),1)*2</f>
        <v>1.0282565601131442E-2</v>
      </c>
      <c r="F740" cm="1">
        <f t="array" ref="F740">INDEX(LINEST(D711:D769,$A711:$B769),1)*2</f>
        <v>-1.9933659286802052E-3</v>
      </c>
      <c r="G740">
        <f t="shared" si="56"/>
        <v>0.60389507775444951</v>
      </c>
      <c r="H740">
        <f t="shared" si="57"/>
        <v>-0.11707038099138845</v>
      </c>
      <c r="J740">
        <v>5.4454556158468685</v>
      </c>
      <c r="K740">
        <v>2.7974419903789118</v>
      </c>
      <c r="L740" cm="1">
        <f t="array" ref="L740">INDEX(LINEST(J711:J769,$A711:$B769),1)*2</f>
        <v>6.6540788577068525E-3</v>
      </c>
      <c r="M740" cm="1">
        <f t="array" ref="M740">INDEX(LINEST(K711:K769,$A711:$B769),1)*2</f>
        <v>-2.986930569882851E-3</v>
      </c>
      <c r="N740">
        <f t="shared" si="58"/>
        <v>-0.52314367979291276</v>
      </c>
      <c r="O740">
        <f t="shared" si="59"/>
        <v>0.23483248140418977</v>
      </c>
    </row>
    <row r="741" spans="1:15" x14ac:dyDescent="0.4">
      <c r="A741">
        <v>24.633333333333333</v>
      </c>
      <c r="B741">
        <f t="shared" si="55"/>
        <v>606.80111111111114</v>
      </c>
      <c r="C741">
        <v>-3.6007864556911962</v>
      </c>
      <c r="D741">
        <v>2.9683070465527983</v>
      </c>
      <c r="E741" cm="1">
        <f t="array" ref="E741">INDEX(LINEST(C712:C770,$A712:$B770),1)*2</f>
        <v>1.001045997097136E-2</v>
      </c>
      <c r="F741" cm="1">
        <f t="array" ref="F741">INDEX(LINEST(D712:D770,$A712:$B770),1)*2</f>
        <v>-1.4216356998447207E-3</v>
      </c>
      <c r="G741">
        <f t="shared" si="56"/>
        <v>0.58791431409514794</v>
      </c>
      <c r="H741">
        <f t="shared" si="57"/>
        <v>-8.3492664651880447E-2</v>
      </c>
      <c r="J741">
        <v>5.4451202812461661</v>
      </c>
      <c r="K741">
        <v>2.7998714133732725</v>
      </c>
      <c r="L741" cm="1">
        <f t="array" ref="L741">INDEX(LINEST(J712:J770,$A712:$B770),1)*2</f>
        <v>6.2170969526306515E-3</v>
      </c>
      <c r="M741" cm="1">
        <f t="array" ref="M741">INDEX(LINEST(K712:K770,$A712:$B770),1)*2</f>
        <v>-3.19971513709824E-3</v>
      </c>
      <c r="N741">
        <f t="shared" si="58"/>
        <v>-0.48878816241582185</v>
      </c>
      <c r="O741">
        <f t="shared" si="59"/>
        <v>0.25156160407866363</v>
      </c>
    </row>
    <row r="742" spans="1:15" x14ac:dyDescent="0.4">
      <c r="A742">
        <v>24.666666666666668</v>
      </c>
      <c r="B742">
        <f t="shared" si="55"/>
        <v>608.44444444444446</v>
      </c>
      <c r="C742">
        <v>-3.607129474139231</v>
      </c>
      <c r="D742">
        <v>2.9681161240187004</v>
      </c>
      <c r="E742" cm="1">
        <f t="array" ref="E742">INDEX(LINEST(C713:C771,$A713:$B771),1)*2</f>
        <v>1.1672791766275E-2</v>
      </c>
      <c r="F742" cm="1">
        <f t="array" ref="F742">INDEX(LINEST(D713:D771,$A713:$B771),1)*2</f>
        <v>-1.571223108685664E-3</v>
      </c>
      <c r="G742">
        <f t="shared" si="56"/>
        <v>0.68554306043333069</v>
      </c>
      <c r="H742">
        <f t="shared" si="57"/>
        <v>-9.2277933173109047E-2</v>
      </c>
      <c r="J742">
        <v>5.4480799698734454</v>
      </c>
      <c r="K742">
        <v>2.8015627959691871</v>
      </c>
      <c r="L742" cm="1">
        <f t="array" ref="L742">INDEX(LINEST(J713:J771,$A713:$B771),1)*2</f>
        <v>6.5582533008073061E-3</v>
      </c>
      <c r="M742" cm="1">
        <f t="array" ref="M742">INDEX(LINEST(K713:K771,$A713:$B771),1)*2</f>
        <v>-2.2898226297556837E-3</v>
      </c>
      <c r="N742">
        <f t="shared" si="58"/>
        <v>-0.51560987450947049</v>
      </c>
      <c r="O742">
        <f t="shared" si="59"/>
        <v>0.18002585515139186</v>
      </c>
    </row>
    <row r="743" spans="1:15" x14ac:dyDescent="0.4">
      <c r="A743">
        <v>24.7</v>
      </c>
      <c r="B743">
        <f t="shared" si="55"/>
        <v>610.08999999999992</v>
      </c>
      <c r="C743">
        <v>-3.6097988800816778</v>
      </c>
      <c r="D743">
        <v>2.9726405513858931</v>
      </c>
      <c r="E743" cm="1">
        <f t="array" ref="E743">INDEX(LINEST(C714:C772,$A714:$B772),1)*2</f>
        <v>1.3820096140684874E-2</v>
      </c>
      <c r="F743" cm="1">
        <f t="array" ref="F743">INDEX(LINEST(D714:D772,$A714:$B772),1)*2</f>
        <v>-1.2938561444488083E-3</v>
      </c>
      <c r="G743">
        <f t="shared" si="56"/>
        <v>0.81165424634242256</v>
      </c>
      <c r="H743">
        <f t="shared" si="57"/>
        <v>-7.5988171363478504E-2</v>
      </c>
      <c r="J743">
        <v>5.4442033975183746</v>
      </c>
      <c r="K743">
        <v>2.7973651920813318</v>
      </c>
      <c r="L743" cm="1">
        <f t="array" ref="L743">INDEX(LINEST(J714:J772,$A714:$B772),1)*2</f>
        <v>6.9654882653221355E-3</v>
      </c>
      <c r="M743" cm="1">
        <f t="array" ref="M743">INDEX(LINEST(K714:K772,$A714:$B772),1)*2</f>
        <v>-1.4938736337358745E-3</v>
      </c>
      <c r="N743">
        <f t="shared" si="58"/>
        <v>-0.54762668741962628</v>
      </c>
      <c r="O743">
        <f t="shared" si="59"/>
        <v>0.11744834508431445</v>
      </c>
    </row>
    <row r="744" spans="1:15" x14ac:dyDescent="0.4">
      <c r="A744">
        <v>24.733333333333334</v>
      </c>
      <c r="B744">
        <f t="shared" si="55"/>
        <v>611.73777777777786</v>
      </c>
      <c r="C744">
        <v>-3.6117810397428975</v>
      </c>
      <c r="D744">
        <v>2.9770958369238638</v>
      </c>
      <c r="E744" cm="1">
        <f t="array" ref="E744">INDEX(LINEST(C715:C773,$A715:$B773),1)*2</f>
        <v>1.5395264828175041E-2</v>
      </c>
      <c r="F744" cm="1">
        <f t="array" ref="F744">INDEX(LINEST(D715:D773,$A715:$B773),1)*2</f>
        <v>-8.5629316617472225E-4</v>
      </c>
      <c r="G744">
        <f t="shared" si="56"/>
        <v>0.9041639033587201</v>
      </c>
      <c r="H744">
        <f t="shared" si="57"/>
        <v>-5.0290097649441437E-2</v>
      </c>
      <c r="J744">
        <v>5.4447278759554338</v>
      </c>
      <c r="K744">
        <v>2.7988953203366149</v>
      </c>
      <c r="L744" cm="1">
        <f t="array" ref="L744">INDEX(LINEST(J715:J773,$A715:$B773),1)*2</f>
        <v>7.1875121581688886E-3</v>
      </c>
      <c r="M744" cm="1">
        <f t="array" ref="M744">INDEX(LINEST(K715:K773,$A715:$B773),1)*2</f>
        <v>-7.4706171800422957E-4</v>
      </c>
      <c r="N744">
        <f t="shared" si="58"/>
        <v>-0.56508220587523805</v>
      </c>
      <c r="O744">
        <f t="shared" si="59"/>
        <v>5.8733992269492531E-2</v>
      </c>
    </row>
    <row r="745" spans="1:15" x14ac:dyDescent="0.4">
      <c r="A745">
        <v>24.766666666666666</v>
      </c>
      <c r="B745">
        <f t="shared" si="55"/>
        <v>613.38777777777773</v>
      </c>
      <c r="C745">
        <v>-3.6139156836378166</v>
      </c>
      <c r="D745">
        <v>2.9806070309970303</v>
      </c>
      <c r="E745" cm="1">
        <f t="array" ref="E745">INDEX(LINEST(C716:C774,$A716:$B774),1)*2</f>
        <v>1.7399302350729208E-2</v>
      </c>
      <c r="F745" cm="1">
        <f t="array" ref="F745">INDEX(LINEST(D716:D774,$A716:$B774),1)*2</f>
        <v>2.3966275241002325E-4</v>
      </c>
      <c r="G745">
        <f t="shared" si="56"/>
        <v>1.0218610270583264</v>
      </c>
      <c r="H745">
        <f t="shared" si="57"/>
        <v>1.4075393449040664E-2</v>
      </c>
      <c r="J745">
        <v>5.4439515234027818</v>
      </c>
      <c r="K745">
        <v>2.8009940107608498</v>
      </c>
      <c r="L745" cm="1">
        <f t="array" ref="L745">INDEX(LINEST(J716:J774,$A716:$B774),1)*2</f>
        <v>6.5003285471233697E-3</v>
      </c>
      <c r="M745" cm="1">
        <f t="array" ref="M745">INDEX(LINEST(K716:K774,$A716:$B774),1)*2</f>
        <v>2.6997533017653492E-4</v>
      </c>
      <c r="N745">
        <f t="shared" si="58"/>
        <v>-0.51105583037483937</v>
      </c>
      <c r="O745">
        <f t="shared" si="59"/>
        <v>-2.1225460458479176E-2</v>
      </c>
    </row>
    <row r="746" spans="1:15" x14ac:dyDescent="0.4">
      <c r="A746">
        <v>24.8</v>
      </c>
      <c r="B746">
        <f t="shared" si="55"/>
        <v>615.04000000000008</v>
      </c>
      <c r="C746">
        <v>-3.6149520547394003</v>
      </c>
      <c r="D746">
        <v>2.9820628285289819</v>
      </c>
      <c r="E746" cm="1">
        <f t="array" ref="E746">INDEX(LINEST(C717:C775,$A717:$B775),1)*2</f>
        <v>1.9343809199074313E-2</v>
      </c>
      <c r="F746" cm="1">
        <f t="array" ref="F746">INDEX(LINEST(D717:D775,$A717:$B775),1)*2</f>
        <v>1.9646378724811771E-3</v>
      </c>
      <c r="G746">
        <f t="shared" si="56"/>
        <v>1.1360619142616344</v>
      </c>
      <c r="H746">
        <f t="shared" si="57"/>
        <v>0.11538318225081953</v>
      </c>
      <c r="J746">
        <v>5.4458041307246692</v>
      </c>
      <c r="K746">
        <v>2.803656981076402</v>
      </c>
      <c r="L746" cm="1">
        <f t="array" ref="L746">INDEX(LINEST(J717:J775,$A717:$B775),1)*2</f>
        <v>6.1169426439245528E-3</v>
      </c>
      <c r="M746" cm="1">
        <f t="array" ref="M746">INDEX(LINEST(K717:K775,$A717:$B775),1)*2</f>
        <v>1.0028559101708974E-3</v>
      </c>
      <c r="N746">
        <f t="shared" si="58"/>
        <v>-0.48091403066534838</v>
      </c>
      <c r="O746">
        <f t="shared" si="59"/>
        <v>-7.8844531657635955E-2</v>
      </c>
    </row>
    <row r="747" spans="1:15" x14ac:dyDescent="0.4">
      <c r="A747">
        <v>24.833333333333332</v>
      </c>
      <c r="B747">
        <f t="shared" si="55"/>
        <v>616.69444444444434</v>
      </c>
      <c r="C747">
        <v>-3.6170130795105457</v>
      </c>
      <c r="D747">
        <v>2.9863118110966176</v>
      </c>
      <c r="E747" cm="1">
        <f t="array" ref="E747">INDEX(LINEST(C718:C776,$A718:$B776),1)*2</f>
        <v>2.0097623307750119E-2</v>
      </c>
      <c r="F747" cm="1">
        <f t="array" ref="F747">INDEX(LINEST(D718:D776,$A718:$B776),1)*2</f>
        <v>2.8259343500921593E-3</v>
      </c>
      <c r="G747">
        <f t="shared" si="56"/>
        <v>1.1803334168641644</v>
      </c>
      <c r="H747">
        <f t="shared" si="57"/>
        <v>0.16596712438091252</v>
      </c>
      <c r="J747">
        <v>5.442532838295115</v>
      </c>
      <c r="K747">
        <v>2.8065737722039179</v>
      </c>
      <c r="L747" cm="1">
        <f t="array" ref="L747">INDEX(LINEST(J718:J776,$A718:$B776),1)*2</f>
        <v>6.2030162548502871E-3</v>
      </c>
      <c r="M747" cm="1">
        <f t="array" ref="M747">INDEX(LINEST(K718:K776,$A718:$B776),1)*2</f>
        <v>1.3440336592815208E-3</v>
      </c>
      <c r="N747">
        <f t="shared" si="58"/>
        <v>-0.48768113795632961</v>
      </c>
      <c r="O747">
        <f t="shared" si="59"/>
        <v>-0.10566792629271317</v>
      </c>
    </row>
    <row r="748" spans="1:15" x14ac:dyDescent="0.4">
      <c r="A748">
        <v>24.866666666666667</v>
      </c>
      <c r="B748">
        <f t="shared" si="55"/>
        <v>618.35111111111109</v>
      </c>
      <c r="C748">
        <v>-3.6171796968512537</v>
      </c>
      <c r="D748">
        <v>2.9891470930175545</v>
      </c>
      <c r="E748" cm="1">
        <f t="array" ref="E748">INDEX(LINEST(C719:C777,$A719:$B777),1)*2</f>
        <v>2.0488558077353242E-2</v>
      </c>
      <c r="F748" cm="1">
        <f t="array" ref="F748">INDEX(LINEST(D719:D777,$A719:$B777),1)*2</f>
        <v>3.4061849018717817E-3</v>
      </c>
      <c r="G748">
        <f t="shared" si="56"/>
        <v>1.2032930158829558</v>
      </c>
      <c r="H748">
        <f t="shared" si="57"/>
        <v>0.20004523928692972</v>
      </c>
      <c r="J748">
        <v>5.4407049077209573</v>
      </c>
      <c r="K748">
        <v>2.8078393503661361</v>
      </c>
      <c r="L748" cm="1">
        <f t="array" ref="L748">INDEX(LINEST(J719:J777,$A719:$B777),1)*2</f>
        <v>6.0465568430058117E-3</v>
      </c>
      <c r="M748" cm="1">
        <f t="array" ref="M748">INDEX(LINEST(K719:K777,$A719:$B777),1)*2</f>
        <v>1.3083788947035927E-3</v>
      </c>
      <c r="N748">
        <f t="shared" si="58"/>
        <v>-0.47538029899711692</v>
      </c>
      <c r="O748">
        <f t="shared" si="59"/>
        <v>-0.10286474870159647</v>
      </c>
    </row>
    <row r="749" spans="1:15" x14ac:dyDescent="0.4">
      <c r="A749">
        <v>24.9</v>
      </c>
      <c r="B749">
        <f t="shared" si="55"/>
        <v>620.00999999999988</v>
      </c>
      <c r="C749">
        <v>-3.618495948491891</v>
      </c>
      <c r="D749">
        <v>2.990865507282495</v>
      </c>
      <c r="E749" cm="1">
        <f t="array" ref="E749">INDEX(LINEST(C720:C778,$A720:$B778),1)*2</f>
        <v>1.9844477577767885E-2</v>
      </c>
      <c r="F749" cm="1">
        <f t="array" ref="F749">INDEX(LINEST(D720:D778,$A720:$B778),1)*2</f>
        <v>3.4373929283481874E-3</v>
      </c>
      <c r="G749">
        <f t="shared" si="56"/>
        <v>1.1654661681423077</v>
      </c>
      <c r="H749">
        <f t="shared" si="57"/>
        <v>0.20187808668188903</v>
      </c>
      <c r="J749">
        <v>5.4396819713781799</v>
      </c>
      <c r="K749">
        <v>2.8070747136628307</v>
      </c>
      <c r="L749" cm="1">
        <f t="array" ref="L749">INDEX(LINEST(J720:J778,$A720:$B778),1)*2</f>
        <v>6.2612035240569601E-3</v>
      </c>
      <c r="M749" cm="1">
        <f t="array" ref="M749">INDEX(LINEST(K720:K778,$A720:$B778),1)*2</f>
        <v>6.2752297442262943E-4</v>
      </c>
      <c r="N749">
        <f t="shared" si="58"/>
        <v>-0.49225582106135823</v>
      </c>
      <c r="O749">
        <f t="shared" si="59"/>
        <v>-4.9335856249107128E-2</v>
      </c>
    </row>
    <row r="750" spans="1:15" x14ac:dyDescent="0.4">
      <c r="A750">
        <v>24.933333333333334</v>
      </c>
      <c r="B750">
        <f t="shared" si="55"/>
        <v>621.67111111111114</v>
      </c>
      <c r="C750">
        <v>-3.620438602246598</v>
      </c>
      <c r="D750">
        <v>2.9924307693269609</v>
      </c>
      <c r="E750" cm="1">
        <f t="array" ref="E750">INDEX(LINEST(C721:C779,$A721:$B779),1)*2</f>
        <v>1.8589237420476409E-2</v>
      </c>
      <c r="F750" cm="1">
        <f t="array" ref="F750">INDEX(LINEST(D721:D779,$A721:$B779),1)*2</f>
        <v>2.1759257568183901E-3</v>
      </c>
      <c r="G750">
        <f t="shared" si="56"/>
        <v>1.0917459137045795</v>
      </c>
      <c r="H750">
        <f t="shared" si="57"/>
        <v>0.12779211969794405</v>
      </c>
      <c r="J750">
        <v>5.4402496692412159</v>
      </c>
      <c r="K750">
        <v>2.8063197993082385</v>
      </c>
      <c r="L750" cm="1">
        <f t="array" ref="L750">INDEX(LINEST(J721:J779,$A721:$B779),1)*2</f>
        <v>6.0308949134999469E-3</v>
      </c>
      <c r="M750" cm="1">
        <f t="array" ref="M750">INDEX(LINEST(K721:K779,$A721:$B779),1)*2</f>
        <v>-6.3658015663907718E-5</v>
      </c>
      <c r="N750">
        <f t="shared" si="58"/>
        <v>-0.47414895809936586</v>
      </c>
      <c r="O750">
        <f t="shared" si="59"/>
        <v>5.0047931914964251E-3</v>
      </c>
    </row>
    <row r="751" spans="1:15" x14ac:dyDescent="0.4">
      <c r="A751">
        <v>24.966666666666665</v>
      </c>
      <c r="B751">
        <f t="shared" si="55"/>
        <v>623.33444444444433</v>
      </c>
      <c r="C751">
        <v>-3.6218770449106805</v>
      </c>
      <c r="D751">
        <v>2.9923113303708204</v>
      </c>
      <c r="E751" cm="1">
        <f t="array" ref="E751">INDEX(LINEST(C722:C780,$A722:$B780),1)*2</f>
        <v>1.7411686206812327E-2</v>
      </c>
      <c r="F751" cm="1">
        <f t="array" ref="F751">INDEX(LINEST(D722:D780,$A722:$B780),1)*2</f>
        <v>-9.6875382915841016E-4</v>
      </c>
      <c r="G751">
        <f t="shared" si="56"/>
        <v>1.0225883309260879</v>
      </c>
      <c r="H751">
        <f t="shared" si="57"/>
        <v>-5.6894912386473429E-2</v>
      </c>
      <c r="J751">
        <v>5.4392585308667769</v>
      </c>
      <c r="K751">
        <v>2.8077885446543585</v>
      </c>
      <c r="L751" cm="1">
        <f t="array" ref="L751">INDEX(LINEST(J722:J780,$A722:$B780),1)*2</f>
        <v>5.3834588462030059E-3</v>
      </c>
      <c r="M751" cm="1">
        <f t="array" ref="M751">INDEX(LINEST(K722:K780,$A722:$B780),1)*2</f>
        <v>-2.1195565820215489E-3</v>
      </c>
      <c r="N751">
        <f t="shared" si="58"/>
        <v>-0.42324753448848035</v>
      </c>
      <c r="O751">
        <f t="shared" si="59"/>
        <v>0.16663953847853419</v>
      </c>
    </row>
    <row r="752" spans="1:15" x14ac:dyDescent="0.4">
      <c r="A752">
        <v>25</v>
      </c>
      <c r="B752">
        <f t="shared" si="55"/>
        <v>625</v>
      </c>
      <c r="C752">
        <v>-3.6217885613329845</v>
      </c>
      <c r="D752">
        <v>2.9960618063043367</v>
      </c>
      <c r="E752" cm="1">
        <f t="array" ref="E752">INDEX(LINEST(C723:C781,$A723:$B781),1)*2</f>
        <v>1.6105084297100104E-2</v>
      </c>
      <c r="F752" cm="1">
        <f t="array" ref="F752">INDEX(LINEST(D723:D781,$A723:$B781),1)*2</f>
        <v>-4.2676532000859163E-3</v>
      </c>
      <c r="G752">
        <f t="shared" si="56"/>
        <v>0.94585160076868902</v>
      </c>
      <c r="H752">
        <f t="shared" si="57"/>
        <v>-0.25063927244104584</v>
      </c>
      <c r="J752">
        <v>5.4376331200521486</v>
      </c>
      <c r="K752">
        <v>2.8094612915941153</v>
      </c>
      <c r="L752" cm="1">
        <f t="array" ref="L752">INDEX(LINEST(J723:J781,$A723:$B781),1)*2</f>
        <v>4.66339803425974E-3</v>
      </c>
      <c r="M752" cm="1">
        <f t="array" ref="M752">INDEX(LINEST(K723:K781,$A723:$B781),1)*2</f>
        <v>-3.6403668709372415E-3</v>
      </c>
      <c r="N752">
        <f t="shared" si="58"/>
        <v>-0.36663635345350076</v>
      </c>
      <c r="O752">
        <f t="shared" si="59"/>
        <v>0.28620564339308596</v>
      </c>
    </row>
    <row r="753" spans="1:15" x14ac:dyDescent="0.4">
      <c r="A753">
        <v>25.033333333333335</v>
      </c>
      <c r="B753">
        <f t="shared" si="55"/>
        <v>626.66777777777781</v>
      </c>
      <c r="C753">
        <v>-3.6232770287131197</v>
      </c>
      <c r="D753">
        <v>2.9990581807696337</v>
      </c>
      <c r="E753" cm="1">
        <f t="array" ref="E753">INDEX(LINEST(C724:C782,$A724:$B782),1)*2</f>
        <v>1.6267035081185842E-2</v>
      </c>
      <c r="F753" cm="1">
        <f t="array" ref="F753">INDEX(LINEST(D724:D782,$A724:$B782),1)*2</f>
        <v>-6.6468325192746191E-3</v>
      </c>
      <c r="G753">
        <f t="shared" si="56"/>
        <v>0.9553629703180444</v>
      </c>
      <c r="H753">
        <f t="shared" si="57"/>
        <v>-0.39036847385699835</v>
      </c>
      <c r="J753">
        <v>5.439303909792744</v>
      </c>
      <c r="K753">
        <v>2.8081608452611522</v>
      </c>
      <c r="L753" cm="1">
        <f t="array" ref="L753">INDEX(LINEST(J724:J782,$A724:$B782),1)*2</f>
        <v>3.0585005951773284E-3</v>
      </c>
      <c r="M753" cm="1">
        <f t="array" ref="M753">INDEX(LINEST(K724:K782,$A724:$B782),1)*2</f>
        <v>-5.1386580399177774E-3</v>
      </c>
      <c r="N753">
        <f t="shared" si="58"/>
        <v>-0.24045931679284158</v>
      </c>
      <c r="O753">
        <f t="shared" si="59"/>
        <v>0.40400129509833566</v>
      </c>
    </row>
    <row r="754" spans="1:15" x14ac:dyDescent="0.4">
      <c r="A754">
        <v>25.066666666666666</v>
      </c>
      <c r="B754">
        <f t="shared" si="55"/>
        <v>628.33777777777777</v>
      </c>
      <c r="C754">
        <v>-3.6244789477902852</v>
      </c>
      <c r="D754">
        <v>3.001198515308428</v>
      </c>
      <c r="E754" cm="1">
        <f t="array" ref="E754">INDEX(LINEST(C725:C783,$A725:$B783),1)*2</f>
        <v>1.6398994135047074E-2</v>
      </c>
      <c r="F754" cm="1">
        <f t="array" ref="F754">INDEX(LINEST(D725:D783,$A725:$B783),1)*2</f>
        <v>-8.2667502130451993E-3</v>
      </c>
      <c r="G754">
        <f t="shared" si="56"/>
        <v>0.96311292555131467</v>
      </c>
      <c r="H754">
        <f t="shared" si="57"/>
        <v>-0.48550624001214454</v>
      </c>
      <c r="J754">
        <v>5.4373412897261497</v>
      </c>
      <c r="K754">
        <v>2.8108425015987151</v>
      </c>
      <c r="L754" cm="1">
        <f t="array" ref="L754">INDEX(LINEST(J725:J783,$A725:$B783),1)*2</f>
        <v>5.3087239646113199E-4</v>
      </c>
      <c r="M754" cm="1">
        <f t="array" ref="M754">INDEX(LINEST(K725:K783,$A725:$B783),1)*2</f>
        <v>-6.9731772674369186E-3</v>
      </c>
      <c r="N754">
        <f t="shared" si="58"/>
        <v>-4.1737187809774201E-2</v>
      </c>
      <c r="O754">
        <f t="shared" si="59"/>
        <v>0.5482311967658906</v>
      </c>
    </row>
    <row r="755" spans="1:15" x14ac:dyDescent="0.4">
      <c r="A755">
        <v>25.1</v>
      </c>
      <c r="B755">
        <f t="shared" si="55"/>
        <v>630.0100000000001</v>
      </c>
      <c r="C755">
        <v>-3.6233407275681637</v>
      </c>
      <c r="D755">
        <v>3.0031300712143283</v>
      </c>
      <c r="E755" cm="1">
        <f t="array" ref="E755">INDEX(LINEST(C726:C784,$A726:$B784),1)*2</f>
        <v>1.6855200352491776E-2</v>
      </c>
      <c r="F755" cm="1">
        <f t="array" ref="F755">INDEX(LINEST(D726:D784,$A726:$B784),1)*2</f>
        <v>-8.9577375078023873E-3</v>
      </c>
      <c r="G755">
        <f t="shared" si="56"/>
        <v>0.98990591670184191</v>
      </c>
      <c r="H755">
        <f t="shared" si="57"/>
        <v>-0.52608792383323422</v>
      </c>
      <c r="J755">
        <v>5.4364980888114935</v>
      </c>
      <c r="K755">
        <v>2.8129733161995247</v>
      </c>
      <c r="L755" cm="1">
        <f t="array" ref="L755">INDEX(LINEST(J726:J784,$A726:$B784),1)*2</f>
        <v>-9.1003403446269376E-4</v>
      </c>
      <c r="M755" cm="1">
        <f t="array" ref="M755">INDEX(LINEST(K726:K784,$A726:$B784),1)*2</f>
        <v>-8.3786161130330831E-3</v>
      </c>
      <c r="N755">
        <f t="shared" si="58"/>
        <v>7.1546875789456982E-2</v>
      </c>
      <c r="O755">
        <f t="shared" si="59"/>
        <v>0.65872679880666107</v>
      </c>
    </row>
    <row r="756" spans="1:15" x14ac:dyDescent="0.4">
      <c r="A756">
        <v>25.133333333333333</v>
      </c>
      <c r="B756">
        <f t="shared" si="55"/>
        <v>631.68444444444447</v>
      </c>
      <c r="C756">
        <v>-3.6302777380195943</v>
      </c>
      <c r="D756">
        <v>3.0100707067287744</v>
      </c>
      <c r="E756" cm="1">
        <f t="array" ref="E756">INDEX(LINEST(C727:C785,$A727:$B785),1)*2</f>
        <v>1.7772214970440171E-2</v>
      </c>
      <c r="F756" cm="1">
        <f t="array" ref="F756">INDEX(LINEST(D727:D785,$A727:$B785),1)*2</f>
        <v>-9.6849787344943563E-3</v>
      </c>
      <c r="G756">
        <f t="shared" si="56"/>
        <v>1.0437621852139511</v>
      </c>
      <c r="H756">
        <f t="shared" si="57"/>
        <v>-0.56879880107685354</v>
      </c>
      <c r="J756">
        <v>5.4348752631288129</v>
      </c>
      <c r="K756">
        <v>2.814044086735072</v>
      </c>
      <c r="L756" cm="1">
        <f t="array" ref="L756">INDEX(LINEST(J727:J785,$A727:$B785),1)*2</f>
        <v>-3.011902090491857E-3</v>
      </c>
      <c r="M756" cm="1">
        <f t="array" ref="M756">INDEX(LINEST(K727:K785,$A727:$B785),1)*2</f>
        <v>-9.3032718136807722E-3</v>
      </c>
      <c r="N756">
        <f t="shared" si="58"/>
        <v>0.23679574235446982</v>
      </c>
      <c r="O756">
        <f t="shared" si="59"/>
        <v>0.73142322999158238</v>
      </c>
    </row>
    <row r="757" spans="1:15" x14ac:dyDescent="0.4">
      <c r="A757">
        <v>25.166666666666668</v>
      </c>
      <c r="B757">
        <f t="shared" si="55"/>
        <v>633.3611111111112</v>
      </c>
      <c r="C757">
        <v>-3.628839118039604</v>
      </c>
      <c r="D757">
        <v>3.0103840304784226</v>
      </c>
      <c r="E757" cm="1">
        <f t="array" ref="E757">INDEX(LINEST(C728:C786,$A728:$B786),1)*2</f>
        <v>1.7236384153958052E-2</v>
      </c>
      <c r="F757" cm="1">
        <f t="array" ref="F757">INDEX(LINEST(D728:D786,$A728:$B786),1)*2</f>
        <v>-1.047139033270612E-2</v>
      </c>
      <c r="G757">
        <f t="shared" si="56"/>
        <v>1.0122928413619563</v>
      </c>
      <c r="H757">
        <f t="shared" si="57"/>
        <v>-0.61498475423983046</v>
      </c>
      <c r="J757">
        <v>5.435694852118151</v>
      </c>
      <c r="K757">
        <v>2.8137480393135816</v>
      </c>
      <c r="L757" cm="1">
        <f t="array" ref="L757">INDEX(LINEST(J728:J786,$A728:$B786),1)*2</f>
        <v>-4.3091006391038512E-3</v>
      </c>
      <c r="M757" cm="1">
        <f t="array" ref="M757">INDEX(LINEST(K728:K786,$A728:$B786),1)*2</f>
        <v>-9.6463943711515964E-3</v>
      </c>
      <c r="N757">
        <f t="shared" si="58"/>
        <v>0.3387814922463448</v>
      </c>
      <c r="O757">
        <f t="shared" si="59"/>
        <v>0.75839952545993861</v>
      </c>
    </row>
    <row r="758" spans="1:15" x14ac:dyDescent="0.4">
      <c r="A758">
        <v>25.2</v>
      </c>
      <c r="B758">
        <f t="shared" si="55"/>
        <v>635.04</v>
      </c>
      <c r="C758">
        <v>-3.6282163331123178</v>
      </c>
      <c r="D758">
        <v>3.0122812392253637</v>
      </c>
      <c r="E758" cm="1">
        <f t="array" ref="E758">INDEX(LINEST(C729:C787,$A729:$B787),1)*2</f>
        <v>1.5312026924392401E-2</v>
      </c>
      <c r="F758" cm="1">
        <f t="array" ref="F758">INDEX(LINEST(D729:D787,$A729:$B787),1)*2</f>
        <v>-1.1111926846782477E-2</v>
      </c>
      <c r="G758">
        <f t="shared" si="56"/>
        <v>0.89927534126956565</v>
      </c>
      <c r="H758">
        <f t="shared" si="57"/>
        <v>-0.65260346371153488</v>
      </c>
      <c r="J758">
        <v>5.4351794265749804</v>
      </c>
      <c r="K758">
        <v>2.81445516089267</v>
      </c>
      <c r="L758" cm="1">
        <f t="array" ref="L758">INDEX(LINEST(J729:J787,$A729:$B787),1)*2</f>
        <v>-5.7286071519220948E-3</v>
      </c>
      <c r="M758" cm="1">
        <f t="array" ref="M758">INDEX(LINEST(K729:K787,$A729:$B787),1)*2</f>
        <v>-9.011168115030577E-3</v>
      </c>
      <c r="N758">
        <f t="shared" si="58"/>
        <v>0.4503830942841151</v>
      </c>
      <c r="O758">
        <f t="shared" si="59"/>
        <v>0.70845803720370404</v>
      </c>
    </row>
    <row r="759" spans="1:15" x14ac:dyDescent="0.4">
      <c r="A759">
        <v>25.233333333333334</v>
      </c>
      <c r="B759">
        <f t="shared" si="55"/>
        <v>636.72111111111121</v>
      </c>
      <c r="C759">
        <v>-3.6307849037035114</v>
      </c>
      <c r="D759">
        <v>3.0117578730999686</v>
      </c>
      <c r="E759" cm="1">
        <f t="array" ref="E759">INDEX(LINEST(C730:C788,$A730:$B788),1)*2</f>
        <v>1.2929857449313242E-2</v>
      </c>
      <c r="F759" cm="1">
        <f t="array" ref="F759">INDEX(LINEST(D730:D788,$A730:$B788),1)*2</f>
        <v>-1.1658704716039374E-2</v>
      </c>
      <c r="G759">
        <f t="shared" si="56"/>
        <v>0.75937052799816673</v>
      </c>
      <c r="H759">
        <f t="shared" si="57"/>
        <v>-0.68471572797299241</v>
      </c>
      <c r="J759">
        <v>5.4323791217821054</v>
      </c>
      <c r="K759">
        <v>2.8144511453146115</v>
      </c>
      <c r="L759" cm="1">
        <f t="array" ref="L759">INDEX(LINEST(J730:J788,$A730:$B788),1)*2</f>
        <v>-6.5620074119675459E-3</v>
      </c>
      <c r="M759" cm="1">
        <f t="array" ref="M759">INDEX(LINEST(K730:K788,$A730:$B788),1)*2</f>
        <v>-9.2023353528127936E-3</v>
      </c>
      <c r="N759">
        <f t="shared" si="58"/>
        <v>0.5159050227288885</v>
      </c>
      <c r="O759">
        <f t="shared" si="59"/>
        <v>0.72348760543814183</v>
      </c>
    </row>
    <row r="760" spans="1:15" x14ac:dyDescent="0.4">
      <c r="A760">
        <v>25.266666666666666</v>
      </c>
      <c r="B760">
        <f t="shared" si="55"/>
        <v>638.40444444444438</v>
      </c>
      <c r="C760">
        <v>-3.6326551436884187</v>
      </c>
      <c r="D760">
        <v>3.0146746943891447</v>
      </c>
      <c r="E760" cm="1">
        <f t="array" ref="E760">INDEX(LINEST(C731:C789,$A731:$B789),1)*2</f>
        <v>1.0622282660483878E-2</v>
      </c>
      <c r="F760" cm="1">
        <f t="array" ref="F760">INDEX(LINEST(D731:D789,$A731:$B789),1)*2</f>
        <v>-1.1560089635982018E-2</v>
      </c>
      <c r="G760">
        <f t="shared" si="56"/>
        <v>0.6238466606502181</v>
      </c>
      <c r="H760">
        <f t="shared" si="57"/>
        <v>-0.67892406432122387</v>
      </c>
      <c r="J760">
        <v>5.43130206923008</v>
      </c>
      <c r="K760">
        <v>2.8152004189910587</v>
      </c>
      <c r="L760" cm="1">
        <f t="array" ref="L760">INDEX(LINEST(J731:J789,$A731:$B789),1)*2</f>
        <v>-6.9605211579536501E-3</v>
      </c>
      <c r="M760" cm="1">
        <f t="array" ref="M760">INDEX(LINEST(K731:K789,$A731:$B789),1)*2</f>
        <v>-8.6621186878099322E-3</v>
      </c>
      <c r="N760">
        <f t="shared" si="58"/>
        <v>0.54723617343831599</v>
      </c>
      <c r="O760">
        <f t="shared" si="59"/>
        <v>0.68101577123561696</v>
      </c>
    </row>
    <row r="761" spans="1:15" x14ac:dyDescent="0.4">
      <c r="A761">
        <v>25.3</v>
      </c>
      <c r="B761">
        <f t="shared" si="55"/>
        <v>640.09</v>
      </c>
      <c r="C761">
        <v>-3.6330398270492008</v>
      </c>
      <c r="D761">
        <v>3.0177074294466579</v>
      </c>
      <c r="E761" cm="1">
        <f t="array" ref="E761">INDEX(LINEST(C732:C790,$A732:$B790),1)*2</f>
        <v>8.893775823203779E-3</v>
      </c>
      <c r="F761" cm="1">
        <f t="array" ref="F761">INDEX(LINEST(D732:D790,$A732:$B790),1)*2</f>
        <v>-1.0483971284561196E-2</v>
      </c>
      <c r="G761">
        <f t="shared" si="56"/>
        <v>0.52233145409675796</v>
      </c>
      <c r="H761">
        <f t="shared" si="57"/>
        <v>-0.61572363354227899</v>
      </c>
      <c r="J761">
        <v>5.427840003340485</v>
      </c>
      <c r="K761">
        <v>2.8160763362772716</v>
      </c>
      <c r="L761" cm="1">
        <f t="array" ref="L761">INDEX(LINEST(J732:J790,$A732:$B790),1)*2</f>
        <v>-6.6539550618485693E-3</v>
      </c>
      <c r="M761" cm="1">
        <f t="array" ref="M761">INDEX(LINEST(K732:K790,$A732:$B790),1)*2</f>
        <v>-8.0088694268692917E-3</v>
      </c>
      <c r="N761">
        <f t="shared" si="58"/>
        <v>0.52313394696253457</v>
      </c>
      <c r="O761">
        <f t="shared" si="59"/>
        <v>0.62965731434046379</v>
      </c>
    </row>
    <row r="762" spans="1:15" x14ac:dyDescent="0.4">
      <c r="A762">
        <v>25.333333333333332</v>
      </c>
      <c r="B762">
        <f t="shared" si="55"/>
        <v>641.77777777777771</v>
      </c>
      <c r="C762">
        <v>-3.6330952913046874</v>
      </c>
      <c r="D762">
        <v>3.020684352925783</v>
      </c>
      <c r="E762" cm="1">
        <f t="array" ref="E762">INDEX(LINEST(C733:C791,$A733:$B791),1)*2</f>
        <v>7.7709699192501621E-3</v>
      </c>
      <c r="F762" cm="1">
        <f t="array" ref="F762">INDEX(LINEST(D733:D791,$A733:$B791),1)*2</f>
        <v>-9.3146156212230383E-3</v>
      </c>
      <c r="G762">
        <f t="shared" si="56"/>
        <v>0.45638906335756202</v>
      </c>
      <c r="H762">
        <f t="shared" si="57"/>
        <v>-0.54704737543442905</v>
      </c>
      <c r="J762">
        <v>5.4280949038458344</v>
      </c>
      <c r="K762">
        <v>2.8166048415037714</v>
      </c>
      <c r="L762" cm="1">
        <f t="array" ref="L762">INDEX(LINEST(J733:J791,$A733:$B791),1)*2</f>
        <v>-6.7286763470891867E-3</v>
      </c>
      <c r="M762" cm="1">
        <f t="array" ref="M762">INDEX(LINEST(K733:K791,$A733:$B791),1)*2</f>
        <v>-7.1202222141290294E-3</v>
      </c>
      <c r="N762">
        <f t="shared" si="58"/>
        <v>0.52900853440815188</v>
      </c>
      <c r="O762">
        <f t="shared" si="59"/>
        <v>0.55979187047482437</v>
      </c>
    </row>
    <row r="763" spans="1:15" x14ac:dyDescent="0.4">
      <c r="A763">
        <v>25.366666666666667</v>
      </c>
      <c r="B763">
        <f t="shared" si="55"/>
        <v>643.46777777777777</v>
      </c>
      <c r="C763">
        <v>-3.6309846872619258</v>
      </c>
      <c r="D763">
        <v>3.0231186966789103</v>
      </c>
      <c r="E763" cm="1">
        <f t="array" ref="E763">INDEX(LINEST(C734:C792,$A734:$B792),1)*2</f>
        <v>7.3912934395986901E-3</v>
      </c>
      <c r="F763" cm="1">
        <f t="array" ref="F763">INDEX(LINEST(D734:D792,$A734:$B792),1)*2</f>
        <v>-8.4477584601128034E-3</v>
      </c>
      <c r="G763">
        <f t="shared" si="56"/>
        <v>0.43409066370763105</v>
      </c>
      <c r="H763">
        <f t="shared" si="57"/>
        <v>-0.49613685436242494</v>
      </c>
      <c r="J763">
        <v>5.4253463962405082</v>
      </c>
      <c r="K763">
        <v>2.8164402404852029</v>
      </c>
      <c r="L763" cm="1">
        <f t="array" ref="L763">INDEX(LINEST(J734:J792,$A734:$B792),1)*2</f>
        <v>-7.4339213989956859E-3</v>
      </c>
      <c r="M763" cm="1">
        <f t="array" ref="M763">INDEX(LINEST(K734:K792,$A734:$B792),1)*2</f>
        <v>-6.2184205672589843E-3</v>
      </c>
      <c r="N763">
        <f t="shared" si="58"/>
        <v>0.58445490038904091</v>
      </c>
      <c r="O763">
        <f t="shared" si="59"/>
        <v>0.48889222499790136</v>
      </c>
    </row>
    <row r="764" spans="1:15" x14ac:dyDescent="0.4">
      <c r="A764">
        <v>25.4</v>
      </c>
      <c r="B764">
        <f t="shared" si="55"/>
        <v>645.16</v>
      </c>
      <c r="C764">
        <v>-3.6333000530211725</v>
      </c>
      <c r="D764">
        <v>3.026356650437827</v>
      </c>
      <c r="E764" cm="1">
        <f t="array" ref="E764">INDEX(LINEST(C735:C793,$A735:$B793),1)*2</f>
        <v>7.028898210614796E-3</v>
      </c>
      <c r="F764" cm="1">
        <f t="array" ref="F764">INDEX(LINEST(D735:D793,$A735:$B793),1)*2</f>
        <v>-7.2183537512488663E-3</v>
      </c>
      <c r="G764">
        <f t="shared" si="56"/>
        <v>0.41280719190940696</v>
      </c>
      <c r="H764">
        <f t="shared" si="57"/>
        <v>-0.42393391581084588</v>
      </c>
      <c r="J764">
        <v>5.4242016294899722</v>
      </c>
      <c r="K764">
        <v>2.8174901080193564</v>
      </c>
      <c r="L764" cm="1">
        <f t="array" ref="L764">INDEX(LINEST(J735:J793,$A735:$B793),1)*2</f>
        <v>-7.6532552466312088E-3</v>
      </c>
      <c r="M764" cm="1">
        <f t="array" ref="M764">INDEX(LINEST(K735:K793,$A735:$B793),1)*2</f>
        <v>-4.8009683541388329E-3</v>
      </c>
      <c r="N764">
        <f t="shared" si="58"/>
        <v>0.60169892749014564</v>
      </c>
      <c r="O764">
        <f t="shared" si="59"/>
        <v>0.37745213200239508</v>
      </c>
    </row>
    <row r="765" spans="1:15" x14ac:dyDescent="0.4">
      <c r="A765">
        <v>25.433333333333334</v>
      </c>
      <c r="B765">
        <f t="shared" si="55"/>
        <v>646.85444444444443</v>
      </c>
      <c r="C765">
        <v>-3.6326410860371698</v>
      </c>
      <c r="D765">
        <v>3.0297374224185245</v>
      </c>
      <c r="E765" cm="1">
        <f t="array" ref="E765">INDEX(LINEST(C736:C794,$A736:$B794),1)*2</f>
        <v>7.2562352346841191E-3</v>
      </c>
      <c r="F765" cm="1">
        <f t="array" ref="F765">INDEX(LINEST(D736:D794,$A736:$B794),1)*2</f>
        <v>-6.1213314033264988E-3</v>
      </c>
      <c r="G765">
        <f t="shared" si="56"/>
        <v>0.42615869533299827</v>
      </c>
      <c r="H765">
        <f t="shared" si="57"/>
        <v>-0.35950579331736526</v>
      </c>
      <c r="J765">
        <v>5.4241646620834647</v>
      </c>
      <c r="K765">
        <v>2.818416478418782</v>
      </c>
      <c r="L765" cm="1">
        <f t="array" ref="L765">INDEX(LINEST(J736:J794,$A736:$B794),1)*2</f>
        <v>-7.7948191067625395E-3</v>
      </c>
      <c r="M765" cm="1">
        <f t="array" ref="M765">INDEX(LINEST(K736:K794,$A736:$B794),1)*2</f>
        <v>-3.4444113767760831E-3</v>
      </c>
      <c r="N765">
        <f t="shared" si="58"/>
        <v>0.61282867817367093</v>
      </c>
      <c r="O765">
        <f t="shared" si="59"/>
        <v>0.27079962244213568</v>
      </c>
    </row>
    <row r="766" spans="1:15" x14ac:dyDescent="0.4">
      <c r="A766">
        <v>25.466666666666665</v>
      </c>
      <c r="B766">
        <f t="shared" si="55"/>
        <v>648.55111111111103</v>
      </c>
      <c r="C766">
        <v>-3.6293369735039396</v>
      </c>
      <c r="D766">
        <v>3.0341384875779047</v>
      </c>
      <c r="E766" cm="1">
        <f t="array" ref="E766">INDEX(LINEST(C737:C795,$A737:$B795),1)*2</f>
        <v>6.3606523360124918E-3</v>
      </c>
      <c r="F766" cm="1">
        <f t="array" ref="F766">INDEX(LINEST(D737:D795,$A737:$B795),1)*2</f>
        <v>-3.5698678495689751E-3</v>
      </c>
      <c r="G766">
        <f t="shared" si="56"/>
        <v>0.37356111169401363</v>
      </c>
      <c r="H766">
        <f t="shared" si="57"/>
        <v>-0.20965833880518589</v>
      </c>
      <c r="J766">
        <v>5.4219089014944428</v>
      </c>
      <c r="K766">
        <v>2.8209381369956148</v>
      </c>
      <c r="L766" cm="1">
        <f t="array" ref="L766">INDEX(LINEST(J737:J795,$A737:$B795),1)*2</f>
        <v>-7.8822891844840468E-3</v>
      </c>
      <c r="M766" cm="1">
        <f t="array" ref="M766">INDEX(LINEST(K737:K795,$A737:$B795),1)*2</f>
        <v>-2.2362179964890692E-3</v>
      </c>
      <c r="N766">
        <f t="shared" si="58"/>
        <v>0.61970557568413576</v>
      </c>
      <c r="O766">
        <f t="shared" si="59"/>
        <v>0.17581145888397062</v>
      </c>
    </row>
    <row r="767" spans="1:15" x14ac:dyDescent="0.4">
      <c r="A767">
        <v>25.5</v>
      </c>
      <c r="B767">
        <f t="shared" si="55"/>
        <v>650.25</v>
      </c>
      <c r="C767">
        <v>-3.6322151669300151</v>
      </c>
      <c r="D767">
        <v>3.0348061911059818</v>
      </c>
      <c r="E767" cm="1">
        <f t="array" ref="E767">INDEX(LINEST(C738:C796,$A738:$B796),1)*2</f>
        <v>3.7371856282786709E-3</v>
      </c>
      <c r="F767" cm="1">
        <f t="array" ref="F767">INDEX(LINEST(D738:D796,$A738:$B796),1)*2</f>
        <v>-1.6794074796550762E-3</v>
      </c>
      <c r="G767">
        <f t="shared" si="56"/>
        <v>0.21948491194880634</v>
      </c>
      <c r="H767">
        <f t="shared" si="57"/>
        <v>-9.8631601280142617E-2</v>
      </c>
      <c r="J767">
        <v>5.4209329421320929</v>
      </c>
      <c r="K767">
        <v>2.822650304929549</v>
      </c>
      <c r="L767" cm="1">
        <f t="array" ref="L767">INDEX(LINEST(J738:J796,$A738:$B796),1)*2</f>
        <v>-6.8705705292519308E-3</v>
      </c>
      <c r="M767" cm="1">
        <f t="array" ref="M767">INDEX(LINEST(K738:K796,$A738:$B796),1)*2</f>
        <v>-8.3401542179736788E-4</v>
      </c>
      <c r="N767">
        <f t="shared" si="58"/>
        <v>0.54016425500978682</v>
      </c>
      <c r="O767">
        <f t="shared" si="59"/>
        <v>6.5570292461709062E-2</v>
      </c>
    </row>
    <row r="768" spans="1:15" x14ac:dyDescent="0.4">
      <c r="A768">
        <v>25.533333333333335</v>
      </c>
      <c r="B768">
        <f t="shared" si="55"/>
        <v>651.95111111111123</v>
      </c>
      <c r="C768">
        <v>-3.6315177156034557</v>
      </c>
      <c r="D768">
        <v>3.0360909035632799</v>
      </c>
      <c r="E768" cm="1">
        <f t="array" ref="E768">INDEX(LINEST(C739:C797,$A739:$B797),1)*2</f>
        <v>4.5312117339409353E-4</v>
      </c>
      <c r="F768" cm="1">
        <f t="array" ref="F768">INDEX(LINEST(D739:D797,$A739:$B797),1)*2</f>
        <v>-6.6250156861944896E-4</v>
      </c>
      <c r="G768">
        <f t="shared" si="56"/>
        <v>2.6611806513435112E-2</v>
      </c>
      <c r="H768">
        <f t="shared" si="57"/>
        <v>-3.8908717125020233E-2</v>
      </c>
      <c r="J768">
        <v>5.4197091643379514</v>
      </c>
      <c r="K768">
        <v>2.8261321789508798</v>
      </c>
      <c r="L768" cm="1">
        <f t="array" ref="L768">INDEX(LINEST(J739:J797,$A739:$B797),1)*2</f>
        <v>-6.2123972063048583E-3</v>
      </c>
      <c r="M768" cm="1">
        <f t="array" ref="M768">INDEX(LINEST(K739:K797,$A739:$B797),1)*2</f>
        <v>8.0466804216744513E-4</v>
      </c>
      <c r="N768">
        <f t="shared" si="58"/>
        <v>0.488418668359688</v>
      </c>
      <c r="O768">
        <f t="shared" si="59"/>
        <v>-6.3263001475204542E-2</v>
      </c>
    </row>
    <row r="769" spans="1:15" x14ac:dyDescent="0.4">
      <c r="A769">
        <v>25.566666666666666</v>
      </c>
      <c r="B769">
        <f t="shared" si="55"/>
        <v>653.65444444444438</v>
      </c>
      <c r="C769">
        <v>-3.6413890250442509</v>
      </c>
      <c r="D769">
        <v>3.0426668204433911</v>
      </c>
      <c r="E769" cm="1">
        <f t="array" ref="E769">INDEX(LINEST(C740:C798,$A740:$B798),1)*2</f>
        <v>-2.9124242933192953E-3</v>
      </c>
      <c r="F769" cm="1">
        <f t="array" ref="F769">INDEX(LINEST(D740:D798,$A740:$B798),1)*2</f>
        <v>3.6622284418661881E-4</v>
      </c>
      <c r="G769">
        <f t="shared" si="56"/>
        <v>-0.1710466787466422</v>
      </c>
      <c r="H769">
        <f t="shared" si="57"/>
        <v>2.150826763908012E-2</v>
      </c>
      <c r="J769">
        <v>5.4167536943357035</v>
      </c>
      <c r="K769">
        <v>2.8267661180119998</v>
      </c>
      <c r="L769" cm="1">
        <f t="array" ref="L769">INDEX(LINEST(J740:J798,$A740:$B798),1)*2</f>
        <v>-4.7302118744671374E-3</v>
      </c>
      <c r="M769" cm="1">
        <f t="array" ref="M769">INDEX(LINEST(K740:K798,$A740:$B798),1)*2</f>
        <v>1.9221732928123591E-3</v>
      </c>
      <c r="N769">
        <f t="shared" si="58"/>
        <v>0.37188925757060637</v>
      </c>
      <c r="O769">
        <f t="shared" si="59"/>
        <v>-0.15112126428090769</v>
      </c>
    </row>
    <row r="770" spans="1:15" x14ac:dyDescent="0.4">
      <c r="A770">
        <v>25.6</v>
      </c>
      <c r="B770">
        <f t="shared" si="55"/>
        <v>655.36000000000013</v>
      </c>
      <c r="C770">
        <v>-3.6479734989067421</v>
      </c>
      <c r="D770">
        <v>3.0445305104764215</v>
      </c>
      <c r="E770" cm="1">
        <f t="array" ref="E770">INDEX(LINEST(C741:C799,$A741:$B799),1)*2</f>
        <v>-6.0966893969045316E-3</v>
      </c>
      <c r="F770" cm="1">
        <f t="array" ref="F770">INDEX(LINEST(D741:D799,$A741:$B799),1)*2</f>
        <v>9.2139520019684043E-4</v>
      </c>
      <c r="G770">
        <f t="shared" si="56"/>
        <v>-0.3580585682802031</v>
      </c>
      <c r="H770">
        <f t="shared" si="57"/>
        <v>5.4113540107560434E-2</v>
      </c>
      <c r="J770">
        <v>5.4155862745756664</v>
      </c>
      <c r="K770">
        <v>2.8292724740098363</v>
      </c>
      <c r="L770" cm="1">
        <f t="array" ref="L770">INDEX(LINEST(J741:J799,$A741:$B799),1)*2</f>
        <v>-2.844403194699851E-3</v>
      </c>
      <c r="M770" cm="1">
        <f t="array" ref="M770">INDEX(LINEST(K741:K799,$A741:$B799),1)*2</f>
        <v>2.193435757765014E-3</v>
      </c>
      <c r="N770">
        <f t="shared" si="58"/>
        <v>0.22362697916730229</v>
      </c>
      <c r="O770">
        <f t="shared" si="59"/>
        <v>-0.17244791927548542</v>
      </c>
    </row>
    <row r="771" spans="1:15" x14ac:dyDescent="0.4">
      <c r="A771">
        <v>25.633333333333333</v>
      </c>
      <c r="B771">
        <f t="shared" ref="B771:B834" si="60">A771^2</f>
        <v>657.06777777777779</v>
      </c>
      <c r="C771">
        <v>-3.6446006832294398</v>
      </c>
      <c r="D771">
        <v>3.0439604566777043</v>
      </c>
      <c r="E771" cm="1">
        <f t="array" ref="E771">INDEX(LINEST(C742:C800,$A742:$B800),1)*2</f>
        <v>-9.1825037102432634E-3</v>
      </c>
      <c r="F771" cm="1">
        <f t="array" ref="F771">INDEX(LINEST(D742:D800,$A742:$B800),1)*2</f>
        <v>1.0678085040466973E-3</v>
      </c>
      <c r="G771">
        <f t="shared" si="56"/>
        <v>-0.53928844290258682</v>
      </c>
      <c r="H771">
        <f t="shared" si="57"/>
        <v>6.2712393442662537E-2</v>
      </c>
      <c r="J771">
        <v>5.4150403212504159</v>
      </c>
      <c r="K771">
        <v>2.830599624413848</v>
      </c>
      <c r="L771" cm="1">
        <f t="array" ref="L771">INDEX(LINEST(J742:J800,$A742:$B800),1)*2</f>
        <v>-1.1616548493970555E-3</v>
      </c>
      <c r="M771" cm="1">
        <f t="array" ref="M771">INDEX(LINEST(K742:K800,$A742:$B800),1)*2</f>
        <v>1.8564020265083899E-3</v>
      </c>
      <c r="N771">
        <f t="shared" si="58"/>
        <v>9.1329304259596511E-2</v>
      </c>
      <c r="O771">
        <f t="shared" si="59"/>
        <v>-0.14595032732408963</v>
      </c>
    </row>
    <row r="772" spans="1:15" x14ac:dyDescent="0.4">
      <c r="A772">
        <v>25.666666666666668</v>
      </c>
      <c r="B772">
        <f t="shared" si="60"/>
        <v>658.77777777777783</v>
      </c>
      <c r="C772">
        <v>-3.643450364782777</v>
      </c>
      <c r="D772">
        <v>3.0492903865897794</v>
      </c>
      <c r="E772" cm="1">
        <f t="array" ref="E772">INDEX(LINEST(C743:C801,$A743:$B801),1)*2</f>
        <v>-1.080472563986346E-2</v>
      </c>
      <c r="F772" cm="1">
        <f t="array" ref="F772">INDEX(LINEST(D743:D801,$A743:$B801),1)*2</f>
        <v>1.6681504250072199E-3</v>
      </c>
      <c r="G772">
        <f t="shared" si="56"/>
        <v>-0.63456153682918104</v>
      </c>
      <c r="H772">
        <f t="shared" si="57"/>
        <v>9.7970474460674015E-2</v>
      </c>
      <c r="J772">
        <v>5.4132704939166336</v>
      </c>
      <c r="K772">
        <v>2.8329929518990928</v>
      </c>
      <c r="L772" cm="1">
        <f t="array" ref="L772">INDEX(LINEST(J743:J801,$A743:$B801),1)*2</f>
        <v>-8.1158421491248957E-4</v>
      </c>
      <c r="M772" cm="1">
        <f t="array" ref="M772">INDEX(LINEST(K743:K801,$A743:$B801),1)*2</f>
        <v>8.5169907639742065E-4</v>
      </c>
      <c r="N772">
        <f t="shared" si="58"/>
        <v>6.3806750976419926E-2</v>
      </c>
      <c r="O772">
        <f t="shared" si="59"/>
        <v>-6.6960581386365209E-2</v>
      </c>
    </row>
    <row r="773" spans="1:15" x14ac:dyDescent="0.4">
      <c r="A773">
        <v>25.7</v>
      </c>
      <c r="B773">
        <f t="shared" si="60"/>
        <v>660.49</v>
      </c>
      <c r="C773">
        <v>-3.6458669438665461</v>
      </c>
      <c r="D773">
        <v>3.0515711681540276</v>
      </c>
      <c r="E773" cm="1">
        <f t="array" ref="E773">INDEX(LINEST(C744:C802,$A744:$B802),1)*2</f>
        <v>-1.2457060748138132E-2</v>
      </c>
      <c r="F773" cm="1">
        <f t="array" ref="F773">INDEX(LINEST(D744:D802,$A744:$B802),1)*2</f>
        <v>1.6541914677543862E-3</v>
      </c>
      <c r="G773">
        <f t="shared" si="56"/>
        <v>-0.73160317773815242</v>
      </c>
      <c r="H773">
        <f t="shared" si="57"/>
        <v>9.71506649012151E-2</v>
      </c>
      <c r="J773">
        <v>5.4115166127591356</v>
      </c>
      <c r="K773">
        <v>2.8348180743592732</v>
      </c>
      <c r="L773" cm="1">
        <f t="array" ref="L773">INDEX(LINEST(J744:J802,$A744:$B802),1)*2</f>
        <v>4.545281714984895E-4</v>
      </c>
      <c r="M773" cm="1">
        <f t="array" ref="M773">INDEX(LINEST(K744:K802,$A744:$B802),1)*2</f>
        <v>7.8985288681807358E-4</v>
      </c>
      <c r="N773">
        <f t="shared" si="58"/>
        <v>-3.5735004843211245E-2</v>
      </c>
      <c r="O773">
        <f t="shared" si="59"/>
        <v>-6.2098233961636946E-2</v>
      </c>
    </row>
    <row r="774" spans="1:15" x14ac:dyDescent="0.4">
      <c r="A774">
        <v>25.733333333333334</v>
      </c>
      <c r="B774">
        <f t="shared" si="60"/>
        <v>662.20444444444445</v>
      </c>
      <c r="C774">
        <v>-3.6453097082893899</v>
      </c>
      <c r="D774">
        <v>3.055398769104154</v>
      </c>
      <c r="E774" cm="1">
        <f t="array" ref="E774">INDEX(LINEST(C745:C803,$A745:$B803),1)*2</f>
        <v>-1.3042750285643938E-2</v>
      </c>
      <c r="F774" cm="1">
        <f t="array" ref="F774">INDEX(LINEST(D745:D803,$A745:$B803),1)*2</f>
        <v>1.0511997723467604E-3</v>
      </c>
      <c r="G774">
        <f t="shared" si="56"/>
        <v>-0.76600072427586841</v>
      </c>
      <c r="H774">
        <f t="shared" si="57"/>
        <v>6.1736962629925236E-2</v>
      </c>
      <c r="J774">
        <v>5.4087592923889689</v>
      </c>
      <c r="K774">
        <v>2.8370243347543722</v>
      </c>
      <c r="L774" cm="1">
        <f t="array" ref="L774">INDEX(LINEST(J745:J803,$A745:$B803),1)*2</f>
        <v>1.8974549324166413E-3</v>
      </c>
      <c r="M774" cm="1">
        <f t="array" ref="M774">INDEX(LINEST(K745:K803,$A745:$B803),1)*2</f>
        <v>7.2323930967643107E-4</v>
      </c>
      <c r="N774">
        <f t="shared" si="58"/>
        <v>-0.14917790678659634</v>
      </c>
      <c r="O774">
        <f t="shared" si="59"/>
        <v>-5.6861074526761014E-2</v>
      </c>
    </row>
    <row r="775" spans="1:15" x14ac:dyDescent="0.4">
      <c r="A775">
        <v>25.766666666666666</v>
      </c>
      <c r="B775">
        <f t="shared" si="60"/>
        <v>663.92111111111103</v>
      </c>
      <c r="C775">
        <v>-3.6444465881810162</v>
      </c>
      <c r="D775">
        <v>3.0595080428782868</v>
      </c>
      <c r="E775" cm="1">
        <f t="array" ref="E775">INDEX(LINEST(C746:C804,$A746:$B804),1)*2</f>
        <v>-1.3302822891695567E-2</v>
      </c>
      <c r="F775" cm="1">
        <f t="array" ref="F775">INDEX(LINEST(D746:D804,$A746:$B804),1)*2</f>
        <v>-7.2293849573375451E-4</v>
      </c>
      <c r="G775">
        <f t="shared" si="56"/>
        <v>-0.78127478842928055</v>
      </c>
      <c r="H775">
        <f t="shared" si="57"/>
        <v>-4.2458177854443398E-2</v>
      </c>
      <c r="J775">
        <v>5.4077320658473189</v>
      </c>
      <c r="K775">
        <v>2.8376905928328759</v>
      </c>
      <c r="L775" cm="1">
        <f t="array" ref="L775">INDEX(LINEST(J746:J804,$A746:$B804),1)*2</f>
        <v>2.9801693033655969E-3</v>
      </c>
      <c r="M775" cm="1">
        <f t="array" ref="M775">INDEX(LINEST(K746:K804,$A746:$B804),1)*2</f>
        <v>4.0246889383816197E-4</v>
      </c>
      <c r="N775">
        <f t="shared" si="58"/>
        <v>-0.23430091063060324</v>
      </c>
      <c r="O775">
        <f t="shared" si="59"/>
        <v>-3.1642104433556299E-2</v>
      </c>
    </row>
    <row r="776" spans="1:15" x14ac:dyDescent="0.4">
      <c r="A776">
        <v>25.8</v>
      </c>
      <c r="B776">
        <f t="shared" si="60"/>
        <v>665.64</v>
      </c>
      <c r="C776">
        <v>-3.6468128974612606</v>
      </c>
      <c r="D776">
        <v>3.0603912083436842</v>
      </c>
      <c r="E776" cm="1">
        <f t="array" ref="E776">INDEX(LINEST(C747:C805,$A747:$B805),1)*2</f>
        <v>-1.3560296174620731E-2</v>
      </c>
      <c r="F776" cm="1">
        <f t="array" ref="F776">INDEX(LINEST(D747:D805,$A747:$B805),1)*2</f>
        <v>-1.0150875141541828E-3</v>
      </c>
      <c r="G776">
        <f t="shared" si="56"/>
        <v>-0.79639619433547548</v>
      </c>
      <c r="H776">
        <f t="shared" si="57"/>
        <v>-5.9616089706275154E-2</v>
      </c>
      <c r="J776">
        <v>5.4071748284538694</v>
      </c>
      <c r="K776">
        <v>2.8382153280026099</v>
      </c>
      <c r="L776" cm="1">
        <f t="array" ref="L776">INDEX(LINEST(J747:J805,$A747:$B805),1)*2</f>
        <v>2.6973479542694184E-3</v>
      </c>
      <c r="M776" cm="1">
        <f t="array" ref="M776">INDEX(LINEST(K747:K805,$A747:$B805),1)*2</f>
        <v>1.6606167198679276E-5</v>
      </c>
      <c r="N776">
        <f t="shared" si="58"/>
        <v>-0.21206549616466169</v>
      </c>
      <c r="O776">
        <f t="shared" si="59"/>
        <v>-1.3055768651601648E-3</v>
      </c>
    </row>
    <row r="777" spans="1:15" x14ac:dyDescent="0.4">
      <c r="A777">
        <v>25.833333333333332</v>
      </c>
      <c r="B777">
        <f t="shared" si="60"/>
        <v>667.36111111111109</v>
      </c>
      <c r="C777">
        <v>-3.6483880095829746</v>
      </c>
      <c r="D777">
        <v>3.0630857964668725</v>
      </c>
      <c r="E777" cm="1">
        <f t="array" ref="E777">INDEX(LINEST(C748:C806,$A748:$B806),1)*2</f>
        <v>-1.3261333811392974E-2</v>
      </c>
      <c r="F777" cm="1">
        <f t="array" ref="F777">INDEX(LINEST(D748:D806,$A748:$B806),1)*2</f>
        <v>-2.7216224779289108E-3</v>
      </c>
      <c r="G777">
        <f t="shared" si="56"/>
        <v>-0.77883813474310926</v>
      </c>
      <c r="H777">
        <f t="shared" si="57"/>
        <v>-0.15984088812876493</v>
      </c>
      <c r="J777">
        <v>5.4066127311296421</v>
      </c>
      <c r="K777">
        <v>2.8399133866331194</v>
      </c>
      <c r="L777" cm="1">
        <f t="array" ref="L777">INDEX(LINEST(J748:J806,$A748:$B806),1)*2</f>
        <v>2.2550290377586629E-3</v>
      </c>
      <c r="M777" cm="1">
        <f t="array" ref="M777">INDEX(LINEST(K748:K806,$A748:$B806),1)*2</f>
        <v>-8.9654330303648368E-4</v>
      </c>
      <c r="N777">
        <f t="shared" si="58"/>
        <v>-0.17729038294858609</v>
      </c>
      <c r="O777">
        <f t="shared" si="59"/>
        <v>7.048623448472835E-2</v>
      </c>
    </row>
    <row r="778" spans="1:15" x14ac:dyDescent="0.4">
      <c r="A778">
        <v>25.866666666666667</v>
      </c>
      <c r="B778">
        <f t="shared" si="60"/>
        <v>669.08444444444444</v>
      </c>
      <c r="C778">
        <v>-3.6514675943582691</v>
      </c>
      <c r="D778">
        <v>3.0659919836127631</v>
      </c>
      <c r="E778" cm="1">
        <f t="array" ref="E778">INDEX(LINEST(C749:C807,$A749:$B807),1)*2</f>
        <v>-1.4221655476974104E-2</v>
      </c>
      <c r="F778" cm="1">
        <f t="array" ref="F778">INDEX(LINEST(D749:D807,$A749:$B807),1)*2</f>
        <v>-3.8857508579764649E-3</v>
      </c>
      <c r="G778">
        <f t="shared" si="56"/>
        <v>-0.83523782616268905</v>
      </c>
      <c r="H778">
        <f t="shared" si="57"/>
        <v>-0.22821014788895777</v>
      </c>
      <c r="J778">
        <v>5.4065753773031062</v>
      </c>
      <c r="K778">
        <v>2.8379592735211006</v>
      </c>
      <c r="L778" cm="1">
        <f t="array" ref="L778">INDEX(LINEST(J749:J807,$A749:$B807),1)*2</f>
        <v>1.7246231871734118E-3</v>
      </c>
      <c r="M778" cm="1">
        <f t="array" ref="M778">INDEX(LINEST(K749:K807,$A749:$B807),1)*2</f>
        <v>-2.1317809973997529E-3</v>
      </c>
      <c r="N778">
        <f t="shared" si="58"/>
        <v>-0.13558987497557365</v>
      </c>
      <c r="O778">
        <f t="shared" si="59"/>
        <v>0.16760062201556858</v>
      </c>
    </row>
    <row r="779" spans="1:15" x14ac:dyDescent="0.4">
      <c r="A779">
        <v>25.9</v>
      </c>
      <c r="B779">
        <f t="shared" si="60"/>
        <v>670.81</v>
      </c>
      <c r="C779">
        <v>-3.6544240160984724</v>
      </c>
      <c r="D779">
        <v>3.0662897091503276</v>
      </c>
      <c r="E779" cm="1">
        <f t="array" ref="E779">INDEX(LINEST(C750:C808,$A750:$B808),1)*2</f>
        <v>-1.5251040595675969E-2</v>
      </c>
      <c r="F779" cm="1">
        <f t="array" ref="F779">INDEX(LINEST(D750:D808,$A750:$B808),1)*2</f>
        <v>-4.0599433109412839E-3</v>
      </c>
      <c r="G779">
        <f t="shared" si="56"/>
        <v>-0.89569361418404958</v>
      </c>
      <c r="H779">
        <f t="shared" si="57"/>
        <v>-0.23844047065158158</v>
      </c>
      <c r="J779">
        <v>5.4046892446408243</v>
      </c>
      <c r="K779">
        <v>2.8389489849836287</v>
      </c>
      <c r="L779" cm="1">
        <f t="array" ref="L779">INDEX(LINEST(J750:J808,$A750:$B808),1)*2</f>
        <v>1.3126971027820392E-3</v>
      </c>
      <c r="M779" cm="1">
        <f t="array" ref="M779">INDEX(LINEST(K750:K808,$A750:$B808),1)*2</f>
        <v>-3.0530872217426099E-3</v>
      </c>
      <c r="N779">
        <f t="shared" si="58"/>
        <v>-0.10320424622072392</v>
      </c>
      <c r="O779">
        <f t="shared" si="59"/>
        <v>0.24003371737340401</v>
      </c>
    </row>
    <row r="780" spans="1:15" x14ac:dyDescent="0.4">
      <c r="A780">
        <v>25.933333333333334</v>
      </c>
      <c r="B780">
        <f t="shared" si="60"/>
        <v>672.53777777777782</v>
      </c>
      <c r="C780">
        <v>-3.6559631977009017</v>
      </c>
      <c r="D780">
        <v>3.0671457022534767</v>
      </c>
      <c r="E780" cm="1">
        <f t="array" ref="E780">INDEX(LINEST(C751:C809,$A751:$B809),1)*2</f>
        <v>-1.5888010530003785E-2</v>
      </c>
      <c r="F780" cm="1">
        <f t="array" ref="F780">INDEX(LINEST(D751:D809,$A751:$B809),1)*2</f>
        <v>-3.9875920160923123E-3</v>
      </c>
      <c r="G780">
        <f t="shared" si="56"/>
        <v>-0.93310285842712226</v>
      </c>
      <c r="H780">
        <f t="shared" si="57"/>
        <v>-0.23419127910510149</v>
      </c>
      <c r="J780">
        <v>5.4036271185545228</v>
      </c>
      <c r="K780">
        <v>2.8383814334544724</v>
      </c>
      <c r="L780" cm="1">
        <f t="array" ref="L780">INDEX(LINEST(J751:J809,$A751:$B809),1)*2</f>
        <v>7.2531886586106955E-4</v>
      </c>
      <c r="M780" cm="1">
        <f t="array" ref="M780">INDEX(LINEST(K751:K809,$A751:$B809),1)*2</f>
        <v>-3.6241600100760927E-3</v>
      </c>
      <c r="N780">
        <f t="shared" si="58"/>
        <v>-5.7024569233997291E-2</v>
      </c>
      <c r="O780">
        <f t="shared" si="59"/>
        <v>0.28493145999218245</v>
      </c>
    </row>
    <row r="781" spans="1:15" x14ac:dyDescent="0.4">
      <c r="A781">
        <v>25.966666666666665</v>
      </c>
      <c r="B781">
        <f t="shared" si="60"/>
        <v>674.26777777777772</v>
      </c>
      <c r="C781">
        <v>-3.658155482319577</v>
      </c>
      <c r="D781">
        <v>3.0671124185481693</v>
      </c>
      <c r="E781" cm="1">
        <f t="array" ref="E781">INDEX(LINEST(C752:C810,$A752:$B810),1)*2</f>
        <v>-1.6663696322106427E-2</v>
      </c>
      <c r="F781" cm="1">
        <f t="array" ref="F781">INDEX(LINEST(D752:D810,$A752:$B810),1)*2</f>
        <v>-3.5916379900782038E-3</v>
      </c>
      <c r="G781">
        <f t="shared" si="56"/>
        <v>-0.97865888499731035</v>
      </c>
      <c r="H781">
        <f t="shared" si="57"/>
        <v>-0.21093689915729291</v>
      </c>
      <c r="J781">
        <v>5.4036323161015511</v>
      </c>
      <c r="K781">
        <v>2.8397218953532568</v>
      </c>
      <c r="L781" cm="1">
        <f t="array" ref="L781">INDEX(LINEST(J752:J810,$A752:$B810),1)*2</f>
        <v>1.8253117169871215E-4</v>
      </c>
      <c r="M781" cm="1">
        <f t="array" ref="M781">INDEX(LINEST(K752:K810,$A752:$B810),1)*2</f>
        <v>-4.5845552340407769E-3</v>
      </c>
      <c r="N781">
        <f t="shared" si="58"/>
        <v>-1.435060071895275E-2</v>
      </c>
      <c r="O781">
        <f t="shared" si="59"/>
        <v>0.36043773250028588</v>
      </c>
    </row>
    <row r="782" spans="1:15" x14ac:dyDescent="0.4">
      <c r="A782">
        <v>26</v>
      </c>
      <c r="B782">
        <f t="shared" si="60"/>
        <v>676</v>
      </c>
      <c r="C782">
        <v>-3.6579032730561027</v>
      </c>
      <c r="D782">
        <v>3.0709196902114235</v>
      </c>
      <c r="E782" cm="1">
        <f t="array" ref="E782">INDEX(LINEST(C753:C811,$A753:$B811),1)*2</f>
        <v>-1.7421895442492112E-2</v>
      </c>
      <c r="F782" cm="1">
        <f t="array" ref="F782">INDEX(LINEST(D753:D811,$A753:$B811),1)*2</f>
        <v>-3.1407330101938169E-3</v>
      </c>
      <c r="G782">
        <f t="shared" si="56"/>
        <v>-1.0231879193375617</v>
      </c>
      <c r="H782">
        <f t="shared" si="57"/>
        <v>-0.18445524968868285</v>
      </c>
      <c r="J782">
        <v>5.3997484946574463</v>
      </c>
      <c r="K782">
        <v>2.8411184057002652</v>
      </c>
      <c r="L782" cm="1">
        <f t="array" ref="L782">INDEX(LINEST(J753:J811,$A753:$B811),1)*2</f>
        <v>4.6805582124049996E-5</v>
      </c>
      <c r="M782" cm="1">
        <f t="array" ref="M782">INDEX(LINEST(K753:K811,$A753:$B811),1)*2</f>
        <v>-6.1885273355026553E-3</v>
      </c>
      <c r="N782">
        <f t="shared" si="58"/>
        <v>-3.6798548665928107E-3</v>
      </c>
      <c r="O782">
        <f t="shared" si="59"/>
        <v>0.48654201911721878</v>
      </c>
    </row>
    <row r="783" spans="1:15" x14ac:dyDescent="0.4">
      <c r="A783">
        <v>26.033333333333335</v>
      </c>
      <c r="B783">
        <f t="shared" si="60"/>
        <v>677.73444444444453</v>
      </c>
      <c r="C783">
        <v>-3.6582682597361211</v>
      </c>
      <c r="D783">
        <v>3.0743322289319521</v>
      </c>
      <c r="E783" cm="1">
        <f t="array" ref="E783">INDEX(LINEST(C754:C812,$A754:$B812),1)*2</f>
        <v>-1.7490923378690418E-2</v>
      </c>
      <c r="F783" cm="1">
        <f t="array" ref="F783">INDEX(LINEST(D754:D812,$A754:$B812),1)*2</f>
        <v>-2.9771994990433598E-3</v>
      </c>
      <c r="G783">
        <f t="shared" si="56"/>
        <v>-1.0272419300304882</v>
      </c>
      <c r="H783">
        <f t="shared" si="57"/>
        <v>-0.17485092657881651</v>
      </c>
      <c r="J783">
        <v>5.3985453991547088</v>
      </c>
      <c r="K783">
        <v>2.8444369478585196</v>
      </c>
      <c r="L783" cm="1">
        <f t="array" ref="L783">INDEX(LINEST(J754:J812,$A754:$B812),1)*2</f>
        <v>-6.0664123758499562E-4</v>
      </c>
      <c r="M783" cm="1">
        <f t="array" ref="M783">INDEX(LINEST(K754:K812,$A754:$B812),1)*2</f>
        <v>-6.3858631272278605E-3</v>
      </c>
      <c r="N783">
        <f t="shared" si="58"/>
        <v>4.7694134098932361E-2</v>
      </c>
      <c r="O783">
        <f t="shared" si="59"/>
        <v>0.50205655906265445</v>
      </c>
    </row>
    <row r="784" spans="1:15" x14ac:dyDescent="0.4">
      <c r="A784">
        <v>26.066666666666666</v>
      </c>
      <c r="B784">
        <f t="shared" si="60"/>
        <v>679.4711111111111</v>
      </c>
      <c r="C784">
        <v>-3.6570860236446245</v>
      </c>
      <c r="D784">
        <v>3.0779345887505434</v>
      </c>
      <c r="E784" cm="1">
        <f t="array" ref="E784">INDEX(LINEST(C755:C813,$A755:$B813),1)*2</f>
        <v>-1.6280344002037751E-2</v>
      </c>
      <c r="F784" cm="1">
        <f t="array" ref="F784">INDEX(LINEST(D755:D813,$A755:$B813),1)*2</f>
        <v>-2.870063524611003E-3</v>
      </c>
      <c r="G784">
        <f t="shared" si="56"/>
        <v>-0.95614460323967709</v>
      </c>
      <c r="H784">
        <f t="shared" si="57"/>
        <v>-0.16855883080040421</v>
      </c>
      <c r="J784">
        <v>5.3984467511122656</v>
      </c>
      <c r="K784">
        <v>2.8443811767140081</v>
      </c>
      <c r="L784" cm="1">
        <f t="array" ref="L784">INDEX(LINEST(J755:J813,$A755:$B813),1)*2</f>
        <v>-1.1917646830613242E-3</v>
      </c>
      <c r="M784" cm="1">
        <f t="array" ref="M784">INDEX(LINEST(K755:K813,$A755:$B813),1)*2</f>
        <v>-6.6014640486053225E-3</v>
      </c>
      <c r="N784">
        <f t="shared" si="58"/>
        <v>9.3696539382281313E-2</v>
      </c>
      <c r="O784">
        <f t="shared" si="59"/>
        <v>0.51900710350135049</v>
      </c>
    </row>
    <row r="785" spans="1:15" x14ac:dyDescent="0.4">
      <c r="A785">
        <v>26.1</v>
      </c>
      <c r="B785">
        <f t="shared" si="60"/>
        <v>681.21</v>
      </c>
      <c r="C785">
        <v>-3.6568710618606581</v>
      </c>
      <c r="D785">
        <v>3.079817750228997</v>
      </c>
      <c r="E785" cm="1">
        <f t="array" ref="E785">INDEX(LINEST(C756:C814,$A756:$B814),1)*2</f>
        <v>-1.5068864897958436E-2</v>
      </c>
      <c r="F785" cm="1">
        <f t="array" ref="F785">INDEX(LINEST(D756:D814,$A756:$B814),1)*2</f>
        <v>-2.0604180643916414E-3</v>
      </c>
      <c r="G785">
        <f t="shared" si="56"/>
        <v>-0.88499443545709888</v>
      </c>
      <c r="H785">
        <f t="shared" si="57"/>
        <v>-0.12100835292172109</v>
      </c>
      <c r="J785">
        <v>5.3947885950168422</v>
      </c>
      <c r="K785">
        <v>2.8454067772118838</v>
      </c>
      <c r="L785" cm="1">
        <f t="array" ref="L785">INDEX(LINEST(J756:J814,$A756:$B814),1)*2</f>
        <v>-2.5769874378006592E-3</v>
      </c>
      <c r="M785" cm="1">
        <f t="array" ref="M785">INDEX(LINEST(K756:K814,$A756:$B814),1)*2</f>
        <v>-6.9913369217627268E-3</v>
      </c>
      <c r="N785">
        <f t="shared" si="58"/>
        <v>0.20260275235988784</v>
      </c>
      <c r="O785">
        <f t="shared" si="59"/>
        <v>0.5496589087889856</v>
      </c>
    </row>
    <row r="786" spans="1:15" x14ac:dyDescent="0.4">
      <c r="A786">
        <v>26.133333333333333</v>
      </c>
      <c r="B786">
        <f t="shared" si="60"/>
        <v>682.95111111111112</v>
      </c>
      <c r="C786">
        <v>-3.6573246267834292</v>
      </c>
      <c r="D786">
        <v>3.0818372380865036</v>
      </c>
      <c r="E786" cm="1">
        <f t="array" ref="E786">INDEX(LINEST(C757:C815,$A757:$B815),1)*2</f>
        <v>-1.1847187432319248E-2</v>
      </c>
      <c r="F786" cm="1">
        <f t="array" ref="F786">INDEX(LINEST(D757:D815,$A757:$B815),1)*2</f>
        <v>-2.4742365818935822E-3</v>
      </c>
      <c r="G786">
        <f t="shared" si="56"/>
        <v>-0.69578531790010945</v>
      </c>
      <c r="H786">
        <f t="shared" si="57"/>
        <v>-0.14531191445461009</v>
      </c>
      <c r="J786">
        <v>5.3951545214075107</v>
      </c>
      <c r="K786">
        <v>2.8469485642265773</v>
      </c>
      <c r="L786" cm="1">
        <f t="array" ref="L786">INDEX(LINEST(J757:J815,$A757:$B815),1)*2</f>
        <v>-3.7861980827169346E-3</v>
      </c>
      <c r="M786" cm="1">
        <f t="array" ref="M786">INDEX(LINEST(K757:K815,$A757:$B815),1)*2</f>
        <v>-7.6045718544449645E-3</v>
      </c>
      <c r="N786">
        <f t="shared" si="58"/>
        <v>0.29767089326320539</v>
      </c>
      <c r="O786">
        <f t="shared" si="59"/>
        <v>0.59787143919646313</v>
      </c>
    </row>
    <row r="787" spans="1:15" x14ac:dyDescent="0.4">
      <c r="A787">
        <v>26.166666666666668</v>
      </c>
      <c r="B787">
        <f t="shared" si="60"/>
        <v>684.69444444444446</v>
      </c>
      <c r="C787">
        <v>-3.6607771003192848</v>
      </c>
      <c r="D787">
        <v>3.0814333643508469</v>
      </c>
      <c r="E787" cm="1">
        <f t="array" ref="E787">INDEX(LINEST(C758:C816,$A758:$B816),1)*2</f>
        <v>-9.0666261229587469E-3</v>
      </c>
      <c r="F787" cm="1">
        <f t="array" ref="F787">INDEX(LINEST(D758:D816,$A758:$B816),1)*2</f>
        <v>-2.4355053154555598E-3</v>
      </c>
      <c r="G787">
        <f t="shared" si="56"/>
        <v>-0.53248295220136721</v>
      </c>
      <c r="H787">
        <f t="shared" si="57"/>
        <v>-0.14303722717670503</v>
      </c>
      <c r="J787">
        <v>5.3918727238327593</v>
      </c>
      <c r="K787">
        <v>2.8492143442879141</v>
      </c>
      <c r="L787" cm="1">
        <f t="array" ref="L787">INDEX(LINEST(J758:J816,$A758:$B816),1)*2</f>
        <v>-5.036760902724053E-3</v>
      </c>
      <c r="M787" cm="1">
        <f t="array" ref="M787">INDEX(LINEST(K758:K816,$A758:$B816),1)*2</f>
        <v>-7.7917993324967882E-3</v>
      </c>
      <c r="N787">
        <f t="shared" si="58"/>
        <v>0.39599014217216505</v>
      </c>
      <c r="O787">
        <f t="shared" si="59"/>
        <v>0.61259126352089754</v>
      </c>
    </row>
    <row r="788" spans="1:15" x14ac:dyDescent="0.4">
      <c r="A788">
        <v>26.2</v>
      </c>
      <c r="B788">
        <f t="shared" si="60"/>
        <v>686.43999999999994</v>
      </c>
      <c r="C788">
        <v>-3.6607936303169004</v>
      </c>
      <c r="D788">
        <v>3.0837509840606838</v>
      </c>
      <c r="E788" cm="1">
        <f t="array" ref="E788">INDEX(LINEST(C759:C817,$A759:$B817),1)*2</f>
        <v>-6.6049535011197874E-3</v>
      </c>
      <c r="F788" cm="1">
        <f t="array" ref="F788">INDEX(LINEST(D759:D817,$A759:$B817),1)*2</f>
        <v>-2.1534432514831534E-3</v>
      </c>
      <c r="G788">
        <f t="shared" si="56"/>
        <v>-0.38790891912076508</v>
      </c>
      <c r="H788">
        <f t="shared" si="57"/>
        <v>-0.12647172215960559</v>
      </c>
      <c r="J788">
        <v>5.3909847500852228</v>
      </c>
      <c r="K788">
        <v>2.8468062848340905</v>
      </c>
      <c r="L788" cm="1">
        <f t="array" ref="L788">INDEX(LINEST(J759:J817,$A759:$B817),1)*2</f>
        <v>-6.4212985050011093E-3</v>
      </c>
      <c r="M788" cm="1">
        <f t="array" ref="M788">INDEX(LINEST(K759:K817,$A759:$B817),1)*2</f>
        <v>-8.0565385240785152E-3</v>
      </c>
      <c r="N788">
        <f t="shared" si="58"/>
        <v>0.50484248846318724</v>
      </c>
      <c r="O788">
        <f t="shared" si="59"/>
        <v>0.63340505876305286</v>
      </c>
    </row>
    <row r="789" spans="1:15" x14ac:dyDescent="0.4">
      <c r="A789">
        <v>26.233333333333334</v>
      </c>
      <c r="B789">
        <f t="shared" si="60"/>
        <v>688.1877777777778</v>
      </c>
      <c r="C789">
        <v>-3.6634026025588691</v>
      </c>
      <c r="D789">
        <v>3.0894537159613735</v>
      </c>
      <c r="E789" cm="1">
        <f t="array" ref="E789">INDEX(LINEST(C760:C818,$A760:$B818),1)*2</f>
        <v>-4.2292463912122101E-3</v>
      </c>
      <c r="F789" cm="1">
        <f t="array" ref="F789">INDEX(LINEST(D760:D818,$A760:$B818),1)*2</f>
        <v>-8.4598305359938472E-4</v>
      </c>
      <c r="G789">
        <f t="shared" si="56"/>
        <v>-0.24838364055589307</v>
      </c>
      <c r="H789">
        <f t="shared" si="57"/>
        <v>-4.9684584737891863E-2</v>
      </c>
      <c r="J789">
        <v>5.3926080775554226</v>
      </c>
      <c r="K789">
        <v>2.8494092483409008</v>
      </c>
      <c r="L789" cm="1">
        <f t="array" ref="L789">INDEX(LINEST(J760:J818,$A760:$B818),1)*2</f>
        <v>-6.9961769300293996E-3</v>
      </c>
      <c r="M789" cm="1">
        <f t="array" ref="M789">INDEX(LINEST(K760:K818,$A760:$B818),1)*2</f>
        <v>-7.5301606185687944E-3</v>
      </c>
      <c r="N789">
        <f t="shared" si="58"/>
        <v>0.55003943023891144</v>
      </c>
      <c r="O789">
        <f t="shared" si="59"/>
        <v>0.5920212278318786</v>
      </c>
    </row>
    <row r="790" spans="1:15" x14ac:dyDescent="0.4">
      <c r="A790">
        <v>26.266666666666666</v>
      </c>
      <c r="B790">
        <f t="shared" si="60"/>
        <v>689.93777777777768</v>
      </c>
      <c r="C790">
        <v>-3.6648323987074947</v>
      </c>
      <c r="D790">
        <v>3.094267127374521</v>
      </c>
      <c r="E790" cm="1">
        <f t="array" ref="E790">INDEX(LINEST(C761:C819,$A761:$B819),1)*2</f>
        <v>-1.7470153636699741E-3</v>
      </c>
      <c r="F790" cm="1">
        <f t="array" ref="F790">INDEX(LINEST(D761:D819,$A761:$B819),1)*2</f>
        <v>4.3523028551036751E-4</v>
      </c>
      <c r="G790">
        <f t="shared" si="56"/>
        <v>-0.10260221230833758</v>
      </c>
      <c r="H790">
        <f t="shared" si="57"/>
        <v>2.5561074668023882E-2</v>
      </c>
      <c r="J790">
        <v>5.3937495573716348</v>
      </c>
      <c r="K790">
        <v>2.848412618385141</v>
      </c>
      <c r="L790" cm="1">
        <f t="array" ref="L790">INDEX(LINEST(J761:J819,$A761:$B819),1)*2</f>
        <v>-7.2463279489135253E-3</v>
      </c>
      <c r="M790" cm="1">
        <f t="array" ref="M790">INDEX(LINEST(K761:K819,$A761:$B819),1)*2</f>
        <v>-6.9503215201642196E-3</v>
      </c>
      <c r="N790">
        <f t="shared" si="58"/>
        <v>0.56970630334358141</v>
      </c>
      <c r="O790">
        <f t="shared" si="59"/>
        <v>0.54643427791531096</v>
      </c>
    </row>
    <row r="791" spans="1:15" x14ac:dyDescent="0.4">
      <c r="A791">
        <v>26.3</v>
      </c>
      <c r="B791">
        <f t="shared" si="60"/>
        <v>691.69</v>
      </c>
      <c r="C791">
        <v>-3.6666036692226913</v>
      </c>
      <c r="D791">
        <v>3.096878019468198</v>
      </c>
      <c r="E791" cm="1">
        <f t="array" ref="E791">INDEX(LINEST(C762:C820,$A762:$B820),1)*2</f>
        <v>8.5061390973915397E-4</v>
      </c>
      <c r="F791" cm="1">
        <f t="array" ref="F791">INDEX(LINEST(D762:D820,$A762:$B820),1)*2</f>
        <v>1.6283905988268583E-3</v>
      </c>
      <c r="G791">
        <f t="shared" si="56"/>
        <v>4.995655491898051E-2</v>
      </c>
      <c r="H791">
        <f t="shared" si="57"/>
        <v>9.5635379869101381E-2</v>
      </c>
      <c r="J791">
        <v>5.3926006263570274</v>
      </c>
      <c r="K791">
        <v>2.8501878690665983</v>
      </c>
      <c r="L791" cm="1">
        <f t="array" ref="L791">INDEX(LINEST(J762:J820,$A762:$B820),1)*2</f>
        <v>-6.8996537716406441E-3</v>
      </c>
      <c r="M791" cm="1">
        <f t="array" ref="M791">INDEX(LINEST(K762:K820,$A762:$B820),1)*2</f>
        <v>-6.0055867989091665E-3</v>
      </c>
      <c r="N791">
        <f t="shared" si="58"/>
        <v>0.54245077952638743</v>
      </c>
      <c r="O791">
        <f t="shared" si="59"/>
        <v>0.47215923413023869</v>
      </c>
    </row>
    <row r="792" spans="1:15" x14ac:dyDescent="0.4">
      <c r="A792">
        <v>26.333333333333332</v>
      </c>
      <c r="B792">
        <f t="shared" si="60"/>
        <v>693.44444444444434</v>
      </c>
      <c r="C792">
        <v>-3.6685874834765224</v>
      </c>
      <c r="D792">
        <v>3.0992385672466702</v>
      </c>
      <c r="E792" cm="1">
        <f t="array" ref="E792">INDEX(LINEST(C763:C821,$A763:$B821),1)*2</f>
        <v>2.8775355623615029E-3</v>
      </c>
      <c r="F792" cm="1">
        <f t="array" ref="F792">INDEX(LINEST(D763:D821,$A763:$B821),1)*2</f>
        <v>2.8952383694771451E-3</v>
      </c>
      <c r="G792">
        <f t="shared" si="56"/>
        <v>0.16899766357749105</v>
      </c>
      <c r="H792">
        <f t="shared" si="57"/>
        <v>0.17003734943939272</v>
      </c>
      <c r="J792">
        <v>5.3915518314397417</v>
      </c>
      <c r="K792">
        <v>2.8522575334530598</v>
      </c>
      <c r="L792" cm="1">
        <f t="array" ref="L792">INDEX(LINEST(J763:J821,$A763:$B821),1)*2</f>
        <v>-6.966497187264515E-3</v>
      </c>
      <c r="M792" cm="1">
        <f t="array" ref="M792">INDEX(LINEST(K763:K821,$A763:$B821),1)*2</f>
        <v>-4.7701512734701565E-3</v>
      </c>
      <c r="N792">
        <f t="shared" si="58"/>
        <v>0.54770600886273624</v>
      </c>
      <c r="O792">
        <f t="shared" si="59"/>
        <v>0.37502929312022371</v>
      </c>
    </row>
    <row r="793" spans="1:15" x14ac:dyDescent="0.4">
      <c r="A793">
        <v>26.366666666666667</v>
      </c>
      <c r="B793">
        <f t="shared" si="60"/>
        <v>695.20111111111112</v>
      </c>
      <c r="C793">
        <v>-3.6710442180162093</v>
      </c>
      <c r="D793">
        <v>3.1022568145542313</v>
      </c>
      <c r="E793" cm="1">
        <f t="array" ref="E793">INDEX(LINEST(C764:C822,$A764:$B822),1)*2</f>
        <v>4.0169792017896774E-3</v>
      </c>
      <c r="F793" cm="1">
        <f t="array" ref="F793">INDEX(LINEST(D764:D822,$A764:$B822),1)*2</f>
        <v>4.2263267970017813E-3</v>
      </c>
      <c r="G793">
        <f t="shared" si="56"/>
        <v>0.23591718852110774</v>
      </c>
      <c r="H793">
        <f t="shared" si="57"/>
        <v>0.2482121727879146</v>
      </c>
      <c r="J793">
        <v>5.3902222134598148</v>
      </c>
      <c r="K793">
        <v>2.853590873467875</v>
      </c>
      <c r="L793" cm="1">
        <f t="array" ref="L793">INDEX(LINEST(J764:J822,$A764:$B822),1)*2</f>
        <v>-6.6831385275989176E-3</v>
      </c>
      <c r="M793" cm="1">
        <f t="array" ref="M793">INDEX(LINEST(K764:K822,$A764:$B822),1)*2</f>
        <v>-2.7682307916082095E-3</v>
      </c>
      <c r="N793">
        <f t="shared" si="58"/>
        <v>0.52542835103982688</v>
      </c>
      <c r="O793">
        <f t="shared" si="59"/>
        <v>0.21763830483623745</v>
      </c>
    </row>
    <row r="794" spans="1:15" x14ac:dyDescent="0.4">
      <c r="A794">
        <v>26.4</v>
      </c>
      <c r="B794">
        <f t="shared" si="60"/>
        <v>696.95999999999992</v>
      </c>
      <c r="C794">
        <v>-3.6701472159919226</v>
      </c>
      <c r="D794">
        <v>3.1053292701801758</v>
      </c>
      <c r="E794" cm="1">
        <f t="array" ref="E794">INDEX(LINEST(C765:C823,$A765:$B823),1)*2</f>
        <v>4.8011152070161654E-3</v>
      </c>
      <c r="F794" cm="1">
        <f t="array" ref="F794">INDEX(LINEST(D765:D823,$A765:$B823),1)*2</f>
        <v>5.4191437789975943E-3</v>
      </c>
      <c r="G794">
        <f t="shared" si="56"/>
        <v>0.28196949610805938</v>
      </c>
      <c r="H794">
        <f t="shared" si="57"/>
        <v>0.31826631414052869</v>
      </c>
      <c r="J794">
        <v>5.3879836721250758</v>
      </c>
      <c r="K794">
        <v>2.8536210359469507</v>
      </c>
      <c r="L794" cm="1">
        <f t="array" ref="L794">INDEX(LINEST(J765:J823,$A765:$B823),1)*2</f>
        <v>-5.7873643557244964E-3</v>
      </c>
      <c r="M794" cm="1">
        <f t="array" ref="M794">INDEX(LINEST(K765:K823,$A765:$B823),1)*2</f>
        <v>-3.2762950060163791E-4</v>
      </c>
      <c r="N794">
        <f t="shared" si="58"/>
        <v>0.45500258564705992</v>
      </c>
      <c r="O794">
        <f t="shared" si="59"/>
        <v>2.5758231337300774E-2</v>
      </c>
    </row>
    <row r="795" spans="1:15" x14ac:dyDescent="0.4">
      <c r="A795">
        <v>26.433333333333334</v>
      </c>
      <c r="B795">
        <f t="shared" si="60"/>
        <v>698.7211111111111</v>
      </c>
      <c r="C795">
        <v>-3.6741494124087768</v>
      </c>
      <c r="D795">
        <v>3.1099441092930129</v>
      </c>
      <c r="E795" cm="1">
        <f t="array" ref="E795">INDEX(LINEST(C766:C824,$A766:$B824),1)*2</f>
        <v>5.4698954828151488E-3</v>
      </c>
      <c r="F795" cm="1">
        <f t="array" ref="F795">INDEX(LINEST(D766:D824,$A766:$B824),1)*2</f>
        <v>6.2506366442025806E-3</v>
      </c>
      <c r="G795">
        <f t="shared" si="56"/>
        <v>0.32124696170573369</v>
      </c>
      <c r="H795">
        <f t="shared" si="57"/>
        <v>0.36709989011401756</v>
      </c>
      <c r="J795">
        <v>5.3858889627930608</v>
      </c>
      <c r="K795">
        <v>2.8533166296245751</v>
      </c>
      <c r="L795" cm="1">
        <f t="array" ref="L795">INDEX(LINEST(J766:J824,$A766:$B824),1)*2</f>
        <v>-5.243839480090353E-3</v>
      </c>
      <c r="M795" cm="1">
        <f t="array" ref="M795">INDEX(LINEST(K766:K824,$A766:$B824),1)*2</f>
        <v>1.9005633005368782E-3</v>
      </c>
      <c r="N795">
        <f t="shared" si="58"/>
        <v>0.41227065992470358</v>
      </c>
      <c r="O795">
        <f t="shared" si="59"/>
        <v>-0.14942228668820937</v>
      </c>
    </row>
    <row r="796" spans="1:15" x14ac:dyDescent="0.4">
      <c r="A796">
        <v>26.466666666666665</v>
      </c>
      <c r="B796">
        <f t="shared" si="60"/>
        <v>700.48444444444431</v>
      </c>
      <c r="C796">
        <v>-3.6746804099830408</v>
      </c>
      <c r="D796">
        <v>3.1119542950397938</v>
      </c>
      <c r="E796" cm="1">
        <f t="array" ref="E796">INDEX(LINEST(C767:C825,$A767:$B825),1)*2</f>
        <v>4.8365362138914772E-3</v>
      </c>
      <c r="F796" cm="1">
        <f t="array" ref="F796">INDEX(LINEST(D767:D825,$A767:$B825),1)*2</f>
        <v>6.8413347386857811E-3</v>
      </c>
      <c r="G796">
        <f t="shared" si="56"/>
        <v>0.28404977184184643</v>
      </c>
      <c r="H796">
        <f t="shared" si="57"/>
        <v>0.40179158920301589</v>
      </c>
      <c r="J796">
        <v>5.3863244371943289</v>
      </c>
      <c r="K796">
        <v>2.8548398668975774</v>
      </c>
      <c r="L796" cm="1">
        <f t="array" ref="L796">INDEX(LINEST(J767:J825,$A767:$B825),1)*2</f>
        <v>-4.0349540374000443E-3</v>
      </c>
      <c r="M796" cm="1">
        <f t="array" ref="M796">INDEX(LINEST(K767:K825,$A767:$B825),1)*2</f>
        <v>4.3687259032395365E-3</v>
      </c>
      <c r="N796">
        <f t="shared" si="58"/>
        <v>0.31722808642039152</v>
      </c>
      <c r="O796">
        <f t="shared" si="59"/>
        <v>-0.3434692305126924</v>
      </c>
    </row>
    <row r="797" spans="1:15" x14ac:dyDescent="0.4">
      <c r="A797">
        <v>26.5</v>
      </c>
      <c r="B797">
        <f t="shared" si="60"/>
        <v>702.25</v>
      </c>
      <c r="C797">
        <v>-3.6787395232874993</v>
      </c>
      <c r="D797">
        <v>3.1127832642199849</v>
      </c>
      <c r="E797" cm="1">
        <f t="array" ref="E797">INDEX(LINEST(C768:C826,$A768:$B826),1)*2</f>
        <v>4.77373526430502E-3</v>
      </c>
      <c r="F797" cm="1">
        <f t="array" ref="F797">INDEX(LINEST(D768:D826,$A768:$B826),1)*2</f>
        <v>7.7611265927567813E-3</v>
      </c>
      <c r="G797">
        <f t="shared" si="56"/>
        <v>0.28036147207263379</v>
      </c>
      <c r="H797">
        <f t="shared" si="57"/>
        <v>0.45581096479260574</v>
      </c>
      <c r="J797">
        <v>5.3844486238570717</v>
      </c>
      <c r="K797">
        <v>2.8578451345236733</v>
      </c>
      <c r="L797" cm="1">
        <f t="array" ref="L797">INDEX(LINEST(J768:J826,$A768:$B826),1)*2</f>
        <v>-2.8914207976040518E-3</v>
      </c>
      <c r="M797" cm="1">
        <f t="array" ref="M797">INDEX(LINEST(K768:K826,$A768:$B826),1)*2</f>
        <v>6.0239965599712033E-3</v>
      </c>
      <c r="N797">
        <f t="shared" si="58"/>
        <v>0.22732350310763058</v>
      </c>
      <c r="O797">
        <f t="shared" si="59"/>
        <v>-0.47360660954493605</v>
      </c>
    </row>
    <row r="798" spans="1:15" x14ac:dyDescent="0.4">
      <c r="A798">
        <v>26.533333333333335</v>
      </c>
      <c r="B798">
        <f t="shared" si="60"/>
        <v>704.01777777777784</v>
      </c>
      <c r="C798">
        <v>-3.682114469913496</v>
      </c>
      <c r="D798">
        <v>3.1154598992713494</v>
      </c>
      <c r="E798" cm="1">
        <f t="array" ref="E798">INDEX(LINEST(C769:C827,$A769:$B827),1)*2</f>
        <v>4.2584764925935577E-3</v>
      </c>
      <c r="F798" cm="1">
        <f t="array" ref="F798">INDEX(LINEST(D769:D827,$A769:$B827),1)*2</f>
        <v>9.01003906794582E-3</v>
      </c>
      <c r="G798">
        <f t="shared" si="56"/>
        <v>0.25010032441001961</v>
      </c>
      <c r="H798">
        <f t="shared" si="57"/>
        <v>0.52915959446045802</v>
      </c>
      <c r="J798">
        <v>5.3843775480668992</v>
      </c>
      <c r="K798">
        <v>2.8601600398956717</v>
      </c>
      <c r="L798" cm="1">
        <f t="array" ref="L798">INDEX(LINEST(J769:J827,$A769:$B827),1)*2</f>
        <v>-1.5548780273801448E-3</v>
      </c>
      <c r="M798" cm="1">
        <f t="array" ref="M798">INDEX(LINEST(K769:K827,$A769:$B827),1)*2</f>
        <v>7.1168703558631471E-3</v>
      </c>
      <c r="N798">
        <f t="shared" si="58"/>
        <v>0.122244510512627</v>
      </c>
      <c r="O798">
        <f t="shared" si="59"/>
        <v>-0.55952834737796064</v>
      </c>
    </row>
    <row r="799" spans="1:15" x14ac:dyDescent="0.4">
      <c r="A799">
        <v>26.566666666666666</v>
      </c>
      <c r="B799">
        <f t="shared" si="60"/>
        <v>705.78777777777782</v>
      </c>
      <c r="C799">
        <v>-3.682073310021591</v>
      </c>
      <c r="D799">
        <v>3.1161548082678991</v>
      </c>
      <c r="E799" cm="1">
        <f t="array" ref="E799">INDEX(LINEST(C770:C828,$A770:$B828),1)*2</f>
        <v>5.7330600880636431E-3</v>
      </c>
      <c r="F799" cm="1">
        <f t="array" ref="F799">INDEX(LINEST(D770:D828,$A770:$B828),1)*2</f>
        <v>8.833755836835492E-3</v>
      </c>
      <c r="G799">
        <f t="shared" si="56"/>
        <v>0.33670261897197773</v>
      </c>
      <c r="H799">
        <f t="shared" si="57"/>
        <v>0.51880648029734844</v>
      </c>
      <c r="J799">
        <v>5.3825122318704848</v>
      </c>
      <c r="K799">
        <v>2.8624606781347657</v>
      </c>
      <c r="L799" cm="1">
        <f t="array" ref="L799">INDEX(LINEST(J770:J828,$A770:$B828),1)*2</f>
        <v>-2.8719368196491078E-5</v>
      </c>
      <c r="M799" cm="1">
        <f t="array" ref="M799">INDEX(LINEST(K770:K828,$A770:$B828),1)*2</f>
        <v>8.5135774837564685E-3</v>
      </c>
      <c r="N799">
        <f t="shared" si="58"/>
        <v>2.2579167276081287E-3</v>
      </c>
      <c r="O799">
        <f t="shared" si="59"/>
        <v>-0.66933746177293363</v>
      </c>
    </row>
    <row r="800" spans="1:15" x14ac:dyDescent="0.4">
      <c r="A800">
        <v>26.6</v>
      </c>
      <c r="B800">
        <f t="shared" si="60"/>
        <v>707.56000000000006</v>
      </c>
      <c r="C800">
        <v>-3.6834510643016452</v>
      </c>
      <c r="D800">
        <v>3.1196379311158586</v>
      </c>
      <c r="E800" cm="1">
        <f t="array" ref="E800">INDEX(LINEST(C771:C829,$A771:$B829),1)*2</f>
        <v>8.5151493053815253E-3</v>
      </c>
      <c r="F800" cm="1">
        <f t="array" ref="F800">INDEX(LINEST(D771:D829,$A771:$B829),1)*2</f>
        <v>8.0524697028002013E-3</v>
      </c>
      <c r="G800">
        <f t="shared" ref="G800:G863" si="61">E800*58.73</f>
        <v>0.50009471870505695</v>
      </c>
      <c r="H800">
        <f t="shared" ref="H800:H863" si="62">F800*58.73</f>
        <v>0.4729215456454558</v>
      </c>
      <c r="J800">
        <v>5.3808772550859949</v>
      </c>
      <c r="K800">
        <v>2.8630240200816326</v>
      </c>
      <c r="L800" cm="1">
        <f t="array" ref="L800">INDEX(LINEST(J771:J829,$A771:$B829),1)*2</f>
        <v>4.3313974855416204E-4</v>
      </c>
      <c r="M800" cm="1">
        <f t="array" ref="M800">INDEX(LINEST(K771:K829,$A771:$B829),1)*2</f>
        <v>8.5921269456610584E-3</v>
      </c>
      <c r="N800">
        <f t="shared" ref="N800:N863" si="63">-L800*78.62</f>
        <v>-3.4053447031328218E-2</v>
      </c>
      <c r="O800">
        <f t="shared" ref="O800:O863" si="64">-M800*78.62</f>
        <v>-0.67551302046787243</v>
      </c>
    </row>
    <row r="801" spans="1:15" x14ac:dyDescent="0.4">
      <c r="A801">
        <v>26.633333333333333</v>
      </c>
      <c r="B801">
        <f t="shared" si="60"/>
        <v>709.33444444444444</v>
      </c>
      <c r="C801">
        <v>-3.6843139612563185</v>
      </c>
      <c r="D801">
        <v>3.1209557644292985</v>
      </c>
      <c r="E801" cm="1">
        <f t="array" ref="E801">INDEX(LINEST(C772:C830,$A772:$B830),1)*2</f>
        <v>9.9792898424631259E-3</v>
      </c>
      <c r="F801" cm="1">
        <f t="array" ref="F801">INDEX(LINEST(D772:D830,$A772:$B830),1)*2</f>
        <v>7.864013404983633E-3</v>
      </c>
      <c r="G801">
        <f t="shared" si="61"/>
        <v>0.58608369244785941</v>
      </c>
      <c r="H801">
        <f t="shared" si="62"/>
        <v>0.46185350727468877</v>
      </c>
      <c r="J801">
        <v>5.3783951217298904</v>
      </c>
      <c r="K801">
        <v>2.8626240979316533</v>
      </c>
      <c r="L801" cm="1">
        <f t="array" ref="L801">INDEX(LINEST(J772:J830,$A772:$B830),1)*2</f>
        <v>2.6729484657470076E-4</v>
      </c>
      <c r="M801" cm="1">
        <f t="array" ref="M801">INDEX(LINEST(K772:K830,$A772:$B830),1)*2</f>
        <v>8.4163133656713907E-3</v>
      </c>
      <c r="N801">
        <f t="shared" si="63"/>
        <v>-2.1014720837702974E-2</v>
      </c>
      <c r="O801">
        <f t="shared" si="64"/>
        <v>-0.66169055680908473</v>
      </c>
    </row>
    <row r="802" spans="1:15" x14ac:dyDescent="0.4">
      <c r="A802">
        <v>26.666666666666668</v>
      </c>
      <c r="B802">
        <f t="shared" si="60"/>
        <v>711.1111111111112</v>
      </c>
      <c r="C802">
        <v>-3.6875744788749638</v>
      </c>
      <c r="D802">
        <v>3.1227880225723017</v>
      </c>
      <c r="E802" cm="1">
        <f t="array" ref="E802">INDEX(LINEST(C773:C831,$A773:$B831),1)*2</f>
        <v>1.0004450029730107E-2</v>
      </c>
      <c r="F802" cm="1">
        <f t="array" ref="F802">INDEX(LINEST(D773:D831,$A773:$B831),1)*2</f>
        <v>6.9845610331786745E-3</v>
      </c>
      <c r="G802">
        <f t="shared" si="61"/>
        <v>0.58756135024604916</v>
      </c>
      <c r="H802">
        <f t="shared" si="62"/>
        <v>0.41020326947858354</v>
      </c>
      <c r="J802">
        <v>5.3776411684788954</v>
      </c>
      <c r="K802">
        <v>2.8620615715458451</v>
      </c>
      <c r="L802" cm="1">
        <f t="array" ref="L802">INDEX(LINEST(J773:J831,$A773:$B831),1)*2</f>
        <v>6.9443246905944692E-4</v>
      </c>
      <c r="M802" cm="1">
        <f t="array" ref="M802">INDEX(LINEST(K773:K831,$A773:$B831),1)*2</f>
        <v>7.8559134494421735E-3</v>
      </c>
      <c r="N802">
        <f t="shared" si="63"/>
        <v>-5.4596280717453718E-2</v>
      </c>
      <c r="O802">
        <f t="shared" si="64"/>
        <v>-0.61763191539514373</v>
      </c>
    </row>
    <row r="803" spans="1:15" x14ac:dyDescent="0.4">
      <c r="A803">
        <v>26.7</v>
      </c>
      <c r="B803">
        <f t="shared" si="60"/>
        <v>712.89</v>
      </c>
      <c r="C803">
        <v>-3.6860410023689605</v>
      </c>
      <c r="D803">
        <v>3.1247804413285074</v>
      </c>
      <c r="E803" cm="1">
        <f t="array" ref="E803">INDEX(LINEST(C774:C832,$A774:$B832),1)*2</f>
        <v>1.026923373256072E-2</v>
      </c>
      <c r="F803" cm="1">
        <f t="array" ref="F803">INDEX(LINEST(D774:D832,$A774:$B832),1)*2</f>
        <v>6.1077663608914822E-3</v>
      </c>
      <c r="G803">
        <f t="shared" si="61"/>
        <v>0.60311209711329106</v>
      </c>
      <c r="H803">
        <f t="shared" si="62"/>
        <v>0.35870911837515673</v>
      </c>
      <c r="J803">
        <v>5.3785492113478925</v>
      </c>
      <c r="K803">
        <v>2.8633061099447947</v>
      </c>
      <c r="L803" cm="1">
        <f t="array" ref="L803">INDEX(LINEST(J774:J832,$A774:$B832),1)*2</f>
        <v>3.0275874240242163E-4</v>
      </c>
      <c r="M803" cm="1">
        <f t="array" ref="M803">INDEX(LINEST(K774:K832,$A774:$B832),1)*2</f>
        <v>6.5397722237385721E-3</v>
      </c>
      <c r="N803">
        <f t="shared" si="63"/>
        <v>-2.380289232767839E-2</v>
      </c>
      <c r="O803">
        <f t="shared" si="64"/>
        <v>-0.51415689223032657</v>
      </c>
    </row>
    <row r="804" spans="1:15" x14ac:dyDescent="0.4">
      <c r="A804">
        <v>26.733333333333334</v>
      </c>
      <c r="B804">
        <f t="shared" si="60"/>
        <v>714.67111111111114</v>
      </c>
      <c r="C804">
        <v>-3.6874181269705999</v>
      </c>
      <c r="D804">
        <v>3.1235542158792042</v>
      </c>
      <c r="E804" cm="1">
        <f t="array" ref="E804">INDEX(LINEST(C775:C833,$A775:$B833),1)*2</f>
        <v>1.0512629601668984E-2</v>
      </c>
      <c r="F804" cm="1">
        <f t="array" ref="F804">INDEX(LINEST(D775:D833,$A775:$B833),1)*2</f>
        <v>4.9391729518343461E-3</v>
      </c>
      <c r="G804">
        <f t="shared" si="61"/>
        <v>0.6174067365060194</v>
      </c>
      <c r="H804">
        <f t="shared" si="62"/>
        <v>0.29007762746123111</v>
      </c>
      <c r="J804">
        <v>5.3762632269453139</v>
      </c>
      <c r="K804">
        <v>2.8642461202274254</v>
      </c>
      <c r="L804" cm="1">
        <f t="array" ref="L804">INDEX(LINEST(J775:J833,$A775:$B833),1)*2</f>
        <v>-1.8797535119946147E-4</v>
      </c>
      <c r="M804" cm="1">
        <f t="array" ref="M804">INDEX(LINEST(K775:K833,$A775:$B833),1)*2</f>
        <v>6.1153126275608847E-3</v>
      </c>
      <c r="N804">
        <f t="shared" si="63"/>
        <v>1.4778622111301662E-2</v>
      </c>
      <c r="O804">
        <f t="shared" si="64"/>
        <v>-0.48078587877883677</v>
      </c>
    </row>
    <row r="805" spans="1:15" x14ac:dyDescent="0.4">
      <c r="A805">
        <v>26.766666666666666</v>
      </c>
      <c r="B805">
        <f t="shared" si="60"/>
        <v>716.45444444444445</v>
      </c>
      <c r="C805">
        <v>-3.6889803261655119</v>
      </c>
      <c r="D805">
        <v>3.130387906823032</v>
      </c>
      <c r="E805" cm="1">
        <f t="array" ref="E805">INDEX(LINEST(C776:C834,$A776:$B834),1)*2</f>
        <v>1.0002778336824157E-2</v>
      </c>
      <c r="F805" cm="1">
        <f t="array" ref="F805">INDEX(LINEST(D776:D834,$A776:$B834),1)*2</f>
        <v>3.6547908815392849E-3</v>
      </c>
      <c r="G805">
        <f t="shared" si="61"/>
        <v>0.58746317172168272</v>
      </c>
      <c r="H805">
        <f t="shared" si="62"/>
        <v>0.2146458684728022</v>
      </c>
      <c r="J805">
        <v>5.3727853135006693</v>
      </c>
      <c r="K805">
        <v>2.8666626683076086</v>
      </c>
      <c r="L805" cm="1">
        <f t="array" ref="L805">INDEX(LINEST(J776:J834,$A776:$B834),1)*2</f>
        <v>-8.8315073702019081E-5</v>
      </c>
      <c r="M805" cm="1">
        <f t="array" ref="M805">INDEX(LINEST(K776:K834,$A776:$B834),1)*2</f>
        <v>5.7089152653120928E-3</v>
      </c>
      <c r="N805">
        <f t="shared" si="63"/>
        <v>6.9433310944527404E-3</v>
      </c>
      <c r="O805">
        <f t="shared" si="64"/>
        <v>-0.44883491815883675</v>
      </c>
    </row>
    <row r="806" spans="1:15" x14ac:dyDescent="0.4">
      <c r="A806">
        <v>26.8</v>
      </c>
      <c r="B806">
        <f t="shared" si="60"/>
        <v>718.24</v>
      </c>
      <c r="C806">
        <v>-3.6894717116726339</v>
      </c>
      <c r="D806">
        <v>3.1290808261347314</v>
      </c>
      <c r="E806" cm="1">
        <f t="array" ref="E806">INDEX(LINEST(C777:C835,$A777:$B835),1)*2</f>
        <v>9.3448978212744387E-3</v>
      </c>
      <c r="F806" cm="1">
        <f t="array" ref="F806">INDEX(LINEST(D777:D835,$A777:$B835),1)*2</f>
        <v>2.6302210495992178E-3</v>
      </c>
      <c r="G806">
        <f t="shared" si="61"/>
        <v>0.54882584904344778</v>
      </c>
      <c r="H806">
        <f t="shared" si="62"/>
        <v>0.15447288224296205</v>
      </c>
      <c r="J806">
        <v>5.3685486622154892</v>
      </c>
      <c r="K806">
        <v>2.8678271607471526</v>
      </c>
      <c r="L806" cm="1">
        <f t="array" ref="L806">INDEX(LINEST(J777:J835,$A777:$B835),1)*2</f>
        <v>1.5738587760150423E-4</v>
      </c>
      <c r="M806" cm="1">
        <f t="array" ref="M806">INDEX(LINEST(K777:K835,$A777:$B835),1)*2</f>
        <v>5.835021705159274E-3</v>
      </c>
      <c r="N806">
        <f t="shared" si="63"/>
        <v>-1.2373677697030263E-2</v>
      </c>
      <c r="O806">
        <f t="shared" si="64"/>
        <v>-0.45874940645962214</v>
      </c>
    </row>
    <row r="807" spans="1:15" x14ac:dyDescent="0.4">
      <c r="A807">
        <v>26.833333333333332</v>
      </c>
      <c r="B807">
        <f t="shared" si="60"/>
        <v>720.02777777777771</v>
      </c>
      <c r="C807">
        <v>-3.6951370008988293</v>
      </c>
      <c r="D807">
        <v>3.1338304596543116</v>
      </c>
      <c r="E807" cm="1">
        <f t="array" ref="E807">INDEX(LINEST(C778:C836,$A778:$B836),1)*2</f>
        <v>9.0239647762695874E-3</v>
      </c>
      <c r="F807" cm="1">
        <f t="array" ref="F807">INDEX(LINEST(D778:D836,$A778:$B836),1)*2</f>
        <v>9.8136474161531211E-4</v>
      </c>
      <c r="G807">
        <f t="shared" si="61"/>
        <v>0.52997745131031282</v>
      </c>
      <c r="H807">
        <f t="shared" si="62"/>
        <v>5.7635551275067275E-2</v>
      </c>
      <c r="J807">
        <v>5.3656600975391804</v>
      </c>
      <c r="K807">
        <v>2.8681988781492205</v>
      </c>
      <c r="L807" cm="1">
        <f t="array" ref="L807">INDEX(LINEST(J778:J836,$A778:$B836),1)*2</f>
        <v>-2.5912388130912093E-5</v>
      </c>
      <c r="M807" cm="1">
        <f t="array" ref="M807">INDEX(LINEST(K778:K836,$A778:$B836),1)*2</f>
        <v>4.8658970800441095E-3</v>
      </c>
      <c r="N807">
        <f t="shared" si="63"/>
        <v>2.0372319548523088E-3</v>
      </c>
      <c r="O807">
        <f t="shared" si="64"/>
        <v>-0.38255682843306793</v>
      </c>
    </row>
    <row r="808" spans="1:15" x14ac:dyDescent="0.4">
      <c r="A808">
        <v>26.866666666666667</v>
      </c>
      <c r="B808">
        <f t="shared" si="60"/>
        <v>721.81777777777779</v>
      </c>
      <c r="C808">
        <v>-3.6976569676803384</v>
      </c>
      <c r="D808">
        <v>3.1394202650303455</v>
      </c>
      <c r="E808" cm="1">
        <f t="array" ref="E808">INDEX(LINEST(C779:C837,$A779:$B837),1)*2</f>
        <v>8.9416784967245016E-3</v>
      </c>
      <c r="F808" cm="1">
        <f t="array" ref="F808">INDEX(LINEST(D779:D837,$A779:$B837),1)*2</f>
        <v>-4.4942913968341728E-4</v>
      </c>
      <c r="G808">
        <f t="shared" si="61"/>
        <v>0.52514477811262994</v>
      </c>
      <c r="H808">
        <f t="shared" si="62"/>
        <v>-2.6394973373607095E-2</v>
      </c>
      <c r="J808">
        <v>5.3642561234697581</v>
      </c>
      <c r="K808">
        <v>2.8688225889002368</v>
      </c>
      <c r="L808" cm="1">
        <f t="array" ref="L808">INDEX(LINEST(J779:J837,$A779:$B837),1)*2</f>
        <v>-7.13452407914987E-4</v>
      </c>
      <c r="M808" cm="1">
        <f t="array" ref="M808">INDEX(LINEST(K779:K837,$A779:$B837),1)*2</f>
        <v>4.1740343730526019E-3</v>
      </c>
      <c r="N808">
        <f t="shared" si="63"/>
        <v>5.6091628310276281E-2</v>
      </c>
      <c r="O808">
        <f t="shared" si="64"/>
        <v>-0.32816258240939555</v>
      </c>
    </row>
    <row r="809" spans="1:15" x14ac:dyDescent="0.4">
      <c r="A809">
        <v>26.9</v>
      </c>
      <c r="B809">
        <f t="shared" si="60"/>
        <v>723.6099999999999</v>
      </c>
      <c r="C809">
        <v>-3.6991484476171084</v>
      </c>
      <c r="D809">
        <v>3.1421111073336694</v>
      </c>
      <c r="E809" cm="1">
        <f t="array" ref="E809">INDEX(LINEST(C780:C838,$A780:$B838),1)*2</f>
        <v>9.100175924049398E-3</v>
      </c>
      <c r="F809" cm="1">
        <f t="array" ref="F809">INDEX(LINEST(D780:D838,$A780:$B838),1)*2</f>
        <v>-1.5717925434442545E-3</v>
      </c>
      <c r="G809">
        <f t="shared" si="61"/>
        <v>0.53445333201942113</v>
      </c>
      <c r="H809">
        <f t="shared" si="62"/>
        <v>-9.2311376076481058E-2</v>
      </c>
      <c r="J809">
        <v>5.3634516137375927</v>
      </c>
      <c r="K809">
        <v>2.8693630102850558</v>
      </c>
      <c r="L809" cm="1">
        <f t="array" ref="L809">INDEX(LINEST(J780:J838,$A780:$B838),1)*2</f>
        <v>-1.8237277492417128E-3</v>
      </c>
      <c r="M809" cm="1">
        <f t="array" ref="M809">INDEX(LINEST(K780:K838,$A780:$B838),1)*2</f>
        <v>3.5070034586541423E-3</v>
      </c>
      <c r="N809">
        <f t="shared" si="63"/>
        <v>0.14338147564538348</v>
      </c>
      <c r="O809">
        <f t="shared" si="64"/>
        <v>-0.27572061191938868</v>
      </c>
    </row>
    <row r="810" spans="1:15" x14ac:dyDescent="0.4">
      <c r="A810">
        <v>26.933333333333334</v>
      </c>
      <c r="B810">
        <f t="shared" si="60"/>
        <v>725.40444444444449</v>
      </c>
      <c r="C810">
        <v>-3.7022876826871745</v>
      </c>
      <c r="D810">
        <v>3.1431574354667928</v>
      </c>
      <c r="E810" cm="1">
        <f t="array" ref="E810">INDEX(LINEST(C781:C839,$A781:$B839),1)*2</f>
        <v>9.6377048308413978E-3</v>
      </c>
      <c r="F810" cm="1">
        <f t="array" ref="F810">INDEX(LINEST(D781:D839,$A781:$B839),1)*2</f>
        <v>-1.8952473310139752E-3</v>
      </c>
      <c r="G810">
        <f t="shared" si="61"/>
        <v>0.56602240471531529</v>
      </c>
      <c r="H810">
        <f t="shared" si="62"/>
        <v>-0.11130787575045076</v>
      </c>
      <c r="J810">
        <v>5.3620546783997236</v>
      </c>
      <c r="K810">
        <v>2.8691559952664387</v>
      </c>
      <c r="L810" cm="1">
        <f t="array" ref="L810">INDEX(LINEST(J781:J839,$A781:$B839),1)*2</f>
        <v>-3.0947587976843734E-3</v>
      </c>
      <c r="M810" cm="1">
        <f t="array" ref="M810">INDEX(LINEST(K781:K839,$A781:$B839),1)*2</f>
        <v>3.6321301065574628E-3</v>
      </c>
      <c r="N810">
        <f t="shared" si="63"/>
        <v>0.24330993667394546</v>
      </c>
      <c r="O810">
        <f t="shared" si="64"/>
        <v>-0.28555806897754776</v>
      </c>
    </row>
    <row r="811" spans="1:15" x14ac:dyDescent="0.4">
      <c r="A811">
        <v>26.966666666666665</v>
      </c>
      <c r="B811">
        <f t="shared" si="60"/>
        <v>727.201111111111</v>
      </c>
      <c r="C811">
        <v>-3.7033101518024973</v>
      </c>
      <c r="D811">
        <v>3.1469654664880662</v>
      </c>
      <c r="E811" cm="1">
        <f t="array" ref="E811">INDEX(LINEST(C782:C840,$A782:$B840),1)*2</f>
        <v>9.574377685966461E-3</v>
      </c>
      <c r="F811" cm="1">
        <f t="array" ref="F811">INDEX(LINEST(D782:D840,$A782:$B840),1)*2</f>
        <v>-1.663016419691916E-3</v>
      </c>
      <c r="G811">
        <f t="shared" si="61"/>
        <v>0.56230320149681023</v>
      </c>
      <c r="H811">
        <f t="shared" si="62"/>
        <v>-9.7668954328506224E-2</v>
      </c>
      <c r="J811">
        <v>5.3614295589901992</v>
      </c>
      <c r="K811">
        <v>2.8680704449130916</v>
      </c>
      <c r="L811" cm="1">
        <f t="array" ref="L811">INDEX(LINEST(J782:J840,$A782:$B840),1)*2</f>
        <v>-4.2914208421374628E-3</v>
      </c>
      <c r="M811" cm="1">
        <f t="array" ref="M811">INDEX(LINEST(K782:K840,$A782:$B840),1)*2</f>
        <v>3.616229416837495E-3</v>
      </c>
      <c r="N811">
        <f t="shared" si="63"/>
        <v>0.33739150660884737</v>
      </c>
      <c r="O811">
        <f t="shared" si="64"/>
        <v>-0.28430795675176385</v>
      </c>
    </row>
    <row r="812" spans="1:15" x14ac:dyDescent="0.4">
      <c r="A812">
        <v>27</v>
      </c>
      <c r="B812">
        <f t="shared" si="60"/>
        <v>729</v>
      </c>
      <c r="C812">
        <v>-3.7031965421605757</v>
      </c>
      <c r="D812">
        <v>3.1488313444282623</v>
      </c>
      <c r="E812" cm="1">
        <f t="array" ref="E812">INDEX(LINEST(C783:C841,$A783:$B841),1)*2</f>
        <v>9.5004523024533154E-3</v>
      </c>
      <c r="F812" cm="1">
        <f t="array" ref="F812">INDEX(LINEST(D783:D841,$A783:$B841),1)*2</f>
        <v>-1.2865692805457143E-3</v>
      </c>
      <c r="G812">
        <f t="shared" si="61"/>
        <v>0.55796156372308314</v>
      </c>
      <c r="H812">
        <f t="shared" si="62"/>
        <v>-7.55602138464498E-2</v>
      </c>
      <c r="J812">
        <v>5.3607911036111036</v>
      </c>
      <c r="K812">
        <v>2.8717420507742473</v>
      </c>
      <c r="L812" cm="1">
        <f t="array" ref="L812">INDEX(LINEST(J783:J841,$A783:$B841),1)*2</f>
        <v>-4.6190715655174408E-3</v>
      </c>
      <c r="M812" cm="1">
        <f t="array" ref="M812">INDEX(LINEST(K783:K841,$A783:$B841),1)*2</f>
        <v>3.7609859412069567E-3</v>
      </c>
      <c r="N812">
        <f t="shared" si="63"/>
        <v>0.36315140648098121</v>
      </c>
      <c r="O812">
        <f t="shared" si="64"/>
        <v>-0.29568871469769092</v>
      </c>
    </row>
    <row r="813" spans="1:15" x14ac:dyDescent="0.4">
      <c r="A813">
        <v>27.033333333333335</v>
      </c>
      <c r="B813">
        <f t="shared" si="60"/>
        <v>730.80111111111125</v>
      </c>
      <c r="C813">
        <v>-3.7002617408043013</v>
      </c>
      <c r="D813">
        <v>3.1506501576647006</v>
      </c>
      <c r="E813" cm="1">
        <f t="array" ref="E813">INDEX(LINEST(C784:C842,$A784:$B842),1)*2</f>
        <v>8.731931135734743E-3</v>
      </c>
      <c r="F813" cm="1">
        <f t="array" ref="F813">INDEX(LINEST(D784:D842,$A784:$B842),1)*2</f>
        <v>-1.1625306468261026E-3</v>
      </c>
      <c r="G813">
        <f t="shared" si="61"/>
        <v>0.51282631560170144</v>
      </c>
      <c r="H813">
        <f t="shared" si="62"/>
        <v>-6.8275424888097E-2</v>
      </c>
      <c r="J813">
        <v>5.3588692305837347</v>
      </c>
      <c r="K813">
        <v>2.8741472468605775</v>
      </c>
      <c r="L813" cm="1">
        <f t="array" ref="L813">INDEX(LINEST(J784:J842,$A784:$B842),1)*2</f>
        <v>-4.7360531885074983E-3</v>
      </c>
      <c r="M813" cm="1">
        <f t="array" ref="M813">INDEX(LINEST(K784:K842,$A784:$B842),1)*2</f>
        <v>3.6648191448331742E-3</v>
      </c>
      <c r="N813">
        <f t="shared" si="63"/>
        <v>0.37234850168045952</v>
      </c>
      <c r="O813">
        <f t="shared" si="64"/>
        <v>-0.28812808116678418</v>
      </c>
    </row>
    <row r="814" spans="1:15" x14ac:dyDescent="0.4">
      <c r="A814">
        <v>27.066666666666666</v>
      </c>
      <c r="B814">
        <f t="shared" si="60"/>
        <v>732.60444444444443</v>
      </c>
      <c r="C814">
        <v>-3.699389004878181</v>
      </c>
      <c r="D814">
        <v>3.1551540851040745</v>
      </c>
      <c r="E814" cm="1">
        <f t="array" ref="E814">INDEX(LINEST(C785:C843,$A785:$B843),1)*2</f>
        <v>7.1024586933904447E-3</v>
      </c>
      <c r="F814" cm="1">
        <f t="array" ref="F814">INDEX(LINEST(D785:D843,$A785:$B843),1)*2</f>
        <v>-1.4692193030132826E-3</v>
      </c>
      <c r="G814">
        <f t="shared" si="61"/>
        <v>0.41712739906282081</v>
      </c>
      <c r="H814">
        <f t="shared" si="62"/>
        <v>-8.6287249665970081E-2</v>
      </c>
      <c r="J814">
        <v>5.3545828072508543</v>
      </c>
      <c r="K814">
        <v>2.8756336731065075</v>
      </c>
      <c r="L814" cm="1">
        <f t="array" ref="L814">INDEX(LINEST(J785:J843,$A785:$B843),1)*2</f>
        <v>-5.7063143582290555E-3</v>
      </c>
      <c r="M814" cm="1">
        <f t="array" ref="M814">INDEX(LINEST(K785:K843,$A785:$B843),1)*2</f>
        <v>4.2453510149569962E-3</v>
      </c>
      <c r="N814">
        <f t="shared" si="63"/>
        <v>0.44863043484396836</v>
      </c>
      <c r="O814">
        <f t="shared" si="64"/>
        <v>-0.33376949679591905</v>
      </c>
    </row>
    <row r="815" spans="1:15" x14ac:dyDescent="0.4">
      <c r="A815">
        <v>27.1</v>
      </c>
      <c r="B815">
        <f t="shared" si="60"/>
        <v>734.41000000000008</v>
      </c>
      <c r="C815">
        <v>-3.6989298509686597</v>
      </c>
      <c r="D815">
        <v>3.1576389883347136</v>
      </c>
      <c r="E815" cm="1">
        <f t="array" ref="E815">INDEX(LINEST(C786:C844,$A786:$B844),1)*2</f>
        <v>4.5843408254244346E-3</v>
      </c>
      <c r="F815" cm="1">
        <f t="array" ref="F815">INDEX(LINEST(D786:D844,$A786:$B844),1)*2</f>
        <v>-1.2754916986237705E-3</v>
      </c>
      <c r="G815">
        <f t="shared" si="61"/>
        <v>0.26923833667717706</v>
      </c>
      <c r="H815">
        <f t="shared" si="62"/>
        <v>-7.4909627460174044E-2</v>
      </c>
      <c r="J815">
        <v>5.3530847026014339</v>
      </c>
      <c r="K815">
        <v>2.8759101267080092</v>
      </c>
      <c r="L815" cm="1">
        <f t="array" ref="L815">INDEX(LINEST(J786:J844,$A786:$B844),1)*2</f>
        <v>-5.5047288178811079E-3</v>
      </c>
      <c r="M815" cm="1">
        <f t="array" ref="M815">INDEX(LINEST(K786:K844,$A786:$B844),1)*2</f>
        <v>5.2932638801107788E-3</v>
      </c>
      <c r="N815">
        <f t="shared" si="63"/>
        <v>0.43278177966181275</v>
      </c>
      <c r="O815">
        <f t="shared" si="64"/>
        <v>-0.41615640625430944</v>
      </c>
    </row>
    <row r="816" spans="1:15" x14ac:dyDescent="0.4">
      <c r="A816">
        <v>27.133333333333333</v>
      </c>
      <c r="B816">
        <f t="shared" si="60"/>
        <v>736.21777777777777</v>
      </c>
      <c r="C816">
        <v>-3.6994452001353695</v>
      </c>
      <c r="D816">
        <v>3.1599627632242497</v>
      </c>
      <c r="E816" cm="1">
        <f t="array" ref="E816">INDEX(LINEST(C787:C845,$A787:$B845),1)*2</f>
        <v>1.6263208714753247E-3</v>
      </c>
      <c r="F816" cm="1">
        <f t="array" ref="F816">INDEX(LINEST(D787:D845,$A787:$B845),1)*2</f>
        <v>-1.7206590439375905E-4</v>
      </c>
      <c r="G816">
        <f t="shared" si="61"/>
        <v>9.5513824781745818E-2</v>
      </c>
      <c r="H816">
        <f t="shared" si="62"/>
        <v>-1.0105430565045469E-2</v>
      </c>
      <c r="J816">
        <v>5.3533840233107908</v>
      </c>
      <c r="K816">
        <v>2.8771898616908111</v>
      </c>
      <c r="L816" cm="1">
        <f t="array" ref="L816">INDEX(LINEST(J787:J845,$A787:$B845),1)*2</f>
        <v>-5.4491973526979804E-3</v>
      </c>
      <c r="M816" cm="1">
        <f t="array" ref="M816">INDEX(LINEST(K787:K845,$A787:$B845),1)*2</f>
        <v>6.4049739413747104E-3</v>
      </c>
      <c r="N816">
        <f t="shared" si="63"/>
        <v>0.42841589586911527</v>
      </c>
      <c r="O816">
        <f t="shared" si="64"/>
        <v>-0.50355905127087974</v>
      </c>
    </row>
    <row r="817" spans="1:15" x14ac:dyDescent="0.4">
      <c r="A817">
        <v>27.166666666666668</v>
      </c>
      <c r="B817">
        <f t="shared" si="60"/>
        <v>738.02777777777783</v>
      </c>
      <c r="C817">
        <v>-3.7000198228578061</v>
      </c>
      <c r="D817">
        <v>3.162942818776298</v>
      </c>
      <c r="E817" cm="1">
        <f t="array" ref="E817">INDEX(LINEST(C788:C846,$A788:$B846),1)*2</f>
        <v>-4.7901848182766636E-4</v>
      </c>
      <c r="F817" cm="1">
        <f t="array" ref="F817">INDEX(LINEST(D788:D846,$A788:$B846),1)*2</f>
        <v>1.7330573544576918E-3</v>
      </c>
      <c r="G817">
        <f t="shared" si="61"/>
        <v>-2.8132755437738844E-2</v>
      </c>
      <c r="H817">
        <f t="shared" si="62"/>
        <v>0.10178245842730023</v>
      </c>
      <c r="J817">
        <v>5.3522535707795011</v>
      </c>
      <c r="K817">
        <v>2.8774417183264553</v>
      </c>
      <c r="L817" cm="1">
        <f t="array" ref="L817">INDEX(LINEST(J788:J846,$A788:$B846),1)*2</f>
        <v>-4.4025053149195281E-3</v>
      </c>
      <c r="M817" cm="1">
        <f t="array" ref="M817">INDEX(LINEST(K788:K846,$A788:$B846),1)*2</f>
        <v>6.3790751701429359E-3</v>
      </c>
      <c r="N817">
        <f t="shared" si="63"/>
        <v>0.34612496785897334</v>
      </c>
      <c r="O817">
        <f t="shared" si="64"/>
        <v>-0.50152288987663762</v>
      </c>
    </row>
    <row r="818" spans="1:15" x14ac:dyDescent="0.4">
      <c r="A818">
        <v>27.2</v>
      </c>
      <c r="B818">
        <f t="shared" si="60"/>
        <v>739.83999999999992</v>
      </c>
      <c r="C818">
        <v>-3.7029303044521837</v>
      </c>
      <c r="D818">
        <v>3.166345891338846</v>
      </c>
      <c r="E818" cm="1">
        <f t="array" ref="E818">INDEX(LINEST(C789:C847,$A789:$B847),1)*2</f>
        <v>-3.9223349975667813E-3</v>
      </c>
      <c r="F818" cm="1">
        <f t="array" ref="F818">INDEX(LINEST(D789:D847,$A789:$B847),1)*2</f>
        <v>3.708744264381877E-3</v>
      </c>
      <c r="G818">
        <f t="shared" si="61"/>
        <v>-0.23035873440709706</v>
      </c>
      <c r="H818">
        <f t="shared" si="62"/>
        <v>0.21781455064714764</v>
      </c>
      <c r="J818">
        <v>5.3524918298561577</v>
      </c>
      <c r="K818">
        <v>2.8802538998962022</v>
      </c>
      <c r="L818" cm="1">
        <f t="array" ref="L818">INDEX(LINEST(J789:J847,$A789:$B847),1)*2</f>
        <v>-3.2463752854637335E-3</v>
      </c>
      <c r="M818" cm="1">
        <f t="array" ref="M818">INDEX(LINEST(K789:K847,$A789:$B847),1)*2</f>
        <v>7.9646181985257181E-3</v>
      </c>
      <c r="N818">
        <f t="shared" si="63"/>
        <v>0.25523002494315872</v>
      </c>
      <c r="O818">
        <f t="shared" si="64"/>
        <v>-0.62617828276809195</v>
      </c>
    </row>
    <row r="819" spans="1:15" x14ac:dyDescent="0.4">
      <c r="A819">
        <v>27.233333333333334</v>
      </c>
      <c r="B819">
        <f t="shared" si="60"/>
        <v>741.65444444444449</v>
      </c>
      <c r="C819">
        <v>-3.7046227511121854</v>
      </c>
      <c r="D819">
        <v>3.1690993436523183</v>
      </c>
      <c r="E819" cm="1">
        <f t="array" ref="E819">INDEX(LINEST(C790:C848,$A790:$B848),1)*2</f>
        <v>-5.7628727982187034E-3</v>
      </c>
      <c r="F819" cm="1">
        <f t="array" ref="F819">INDEX(LINEST(D790:D848,$A790:$B848),1)*2</f>
        <v>5.5277947491388334E-3</v>
      </c>
      <c r="G819">
        <f t="shared" si="61"/>
        <v>-0.33845351943938445</v>
      </c>
      <c r="H819">
        <f t="shared" si="62"/>
        <v>0.32464738561692369</v>
      </c>
      <c r="J819">
        <v>5.3527143085625841</v>
      </c>
      <c r="K819">
        <v>2.8810120718944092</v>
      </c>
      <c r="L819" cm="1">
        <f t="array" ref="L819">INDEX(LINEST(J790:J848,$A790:$B848),1)*2</f>
        <v>-3.1358767258904429E-3</v>
      </c>
      <c r="M819" cm="1">
        <f t="array" ref="M819">INDEX(LINEST(K790:K848,$A790:$B848),1)*2</f>
        <v>8.3356972856099363E-3</v>
      </c>
      <c r="N819">
        <f t="shared" si="63"/>
        <v>0.24654262818950665</v>
      </c>
      <c r="O819">
        <f t="shared" si="64"/>
        <v>-0.65535252059465321</v>
      </c>
    </row>
    <row r="820" spans="1:15" x14ac:dyDescent="0.4">
      <c r="A820">
        <v>27.266666666666666</v>
      </c>
      <c r="B820">
        <f t="shared" si="60"/>
        <v>743.4711111111111</v>
      </c>
      <c r="C820">
        <v>-3.7047553432715032</v>
      </c>
      <c r="D820">
        <v>3.1717806022992088</v>
      </c>
      <c r="E820" cm="1">
        <f t="array" ref="E820">INDEX(LINEST(C791:C849,$A791:$B849),1)*2</f>
        <v>-7.3673453638662132E-3</v>
      </c>
      <c r="F820" cm="1">
        <f t="array" ref="F820">INDEX(LINEST(D791:D849,$A791:$B849),1)*2</f>
        <v>6.7311284661059397E-3</v>
      </c>
      <c r="G820">
        <f t="shared" si="61"/>
        <v>-0.43268419321986268</v>
      </c>
      <c r="H820">
        <f t="shared" si="62"/>
        <v>0.39531917481440182</v>
      </c>
      <c r="J820">
        <v>5.3515782291445158</v>
      </c>
      <c r="K820">
        <v>2.8830783734888037</v>
      </c>
      <c r="L820" cm="1">
        <f t="array" ref="L820">INDEX(LINEST(J791:J849,$A791:$B849),1)*2</f>
        <v>-3.6316386918487727E-3</v>
      </c>
      <c r="M820" cm="1">
        <f t="array" ref="M820">INDEX(LINEST(K791:K849,$A791:$B849),1)*2</f>
        <v>8.7541672945201203E-3</v>
      </c>
      <c r="N820">
        <f t="shared" si="63"/>
        <v>0.28551943395315055</v>
      </c>
      <c r="O820">
        <f t="shared" si="64"/>
        <v>-0.6882526326951719</v>
      </c>
    </row>
    <row r="821" spans="1:15" x14ac:dyDescent="0.4">
      <c r="A821">
        <v>27.3</v>
      </c>
      <c r="B821">
        <f t="shared" si="60"/>
        <v>745.29000000000008</v>
      </c>
      <c r="C821">
        <v>-3.7070622037608709</v>
      </c>
      <c r="D821">
        <v>3.1750994493739251</v>
      </c>
      <c r="E821" cm="1">
        <f t="array" ref="E821">INDEX(LINEST(C792:C850,$A792:$B850),1)*2</f>
        <v>-9.0009445760458381E-3</v>
      </c>
      <c r="F821" cm="1">
        <f t="array" ref="F821">INDEX(LINEST(D792:D850,$A792:$B850),1)*2</f>
        <v>7.7540507490183111E-3</v>
      </c>
      <c r="G821">
        <f t="shared" si="61"/>
        <v>-0.52862547495117207</v>
      </c>
      <c r="H821">
        <f t="shared" si="62"/>
        <v>0.45539540048984539</v>
      </c>
      <c r="J821">
        <v>5.3503013249050113</v>
      </c>
      <c r="K821">
        <v>2.8845352114289029</v>
      </c>
      <c r="L821" cm="1">
        <f t="array" ref="L821">INDEX(LINEST(J792:J850,$A792:$B850),1)*2</f>
        <v>-4.5041066074538571E-3</v>
      </c>
      <c r="M821" cm="1">
        <f t="array" ref="M821">INDEX(LINEST(K792:K850,$A792:$B850),1)*2</f>
        <v>9.099181513742326E-3</v>
      </c>
      <c r="N821">
        <f t="shared" si="63"/>
        <v>0.35411286147802229</v>
      </c>
      <c r="O821">
        <f t="shared" si="64"/>
        <v>-0.71537765061042169</v>
      </c>
    </row>
    <row r="822" spans="1:15" x14ac:dyDescent="0.4">
      <c r="A822">
        <v>27.333333333333332</v>
      </c>
      <c r="B822">
        <f t="shared" si="60"/>
        <v>747.11111111111109</v>
      </c>
      <c r="C822">
        <v>-3.7082222578692856</v>
      </c>
      <c r="D822">
        <v>3.1778934900461921</v>
      </c>
      <c r="E822" cm="1">
        <f t="array" ref="E822">INDEX(LINEST(C793:C851,$A793:$B851),1)*2</f>
        <v>-9.7286418349360523E-3</v>
      </c>
      <c r="F822" cm="1">
        <f t="array" ref="F822">INDEX(LINEST(D793:D851,$A793:$B851),1)*2</f>
        <v>8.778205251735503E-3</v>
      </c>
      <c r="G822">
        <f t="shared" si="61"/>
        <v>-0.57136313496579427</v>
      </c>
      <c r="H822">
        <f t="shared" si="62"/>
        <v>0.51554399443442611</v>
      </c>
      <c r="J822">
        <v>5.3489263817772752</v>
      </c>
      <c r="K822">
        <v>2.8870933500648115</v>
      </c>
      <c r="L822" cm="1">
        <f t="array" ref="L822">INDEX(LINEST(J793:J851,$A793:$B851),1)*2</f>
        <v>-5.2299845714574942E-3</v>
      </c>
      <c r="M822" cm="1">
        <f t="array" ref="M822">INDEX(LINEST(K793:K851,$A793:$B851),1)*2</f>
        <v>9.287219236653434E-3</v>
      </c>
      <c r="N822">
        <f t="shared" si="63"/>
        <v>0.41118138700798823</v>
      </c>
      <c r="O822">
        <f t="shared" si="64"/>
        <v>-0.730161176385693</v>
      </c>
    </row>
    <row r="823" spans="1:15" x14ac:dyDescent="0.4">
      <c r="A823">
        <v>27.366666666666667</v>
      </c>
      <c r="B823">
        <f t="shared" si="60"/>
        <v>748.93444444444447</v>
      </c>
      <c r="C823">
        <v>-3.7117719785532288</v>
      </c>
      <c r="D823">
        <v>3.1807654154854426</v>
      </c>
      <c r="E823" cm="1">
        <f t="array" ref="E823">INDEX(LINEST(C794:C852,$A794:$B852),1)*2</f>
        <v>-1.0190244568695526E-2</v>
      </c>
      <c r="F823" cm="1">
        <f t="array" ref="F823">INDEX(LINEST(D794:D852,$A794:$B852),1)*2</f>
        <v>8.9713588087864341E-3</v>
      </c>
      <c r="G823">
        <f t="shared" si="61"/>
        <v>-0.59847306351948815</v>
      </c>
      <c r="H823">
        <f t="shared" si="62"/>
        <v>0.52688790284002729</v>
      </c>
      <c r="J823">
        <v>5.3502113229311643</v>
      </c>
      <c r="K823">
        <v>2.8896849890016401</v>
      </c>
      <c r="L823" cm="1">
        <f t="array" ref="L823">INDEX(LINEST(J794:J852,$A794:$B852),1)*2</f>
        <v>-5.626057027350178E-3</v>
      </c>
      <c r="M823" cm="1">
        <f t="array" ref="M823">INDEX(LINEST(K794:K852,$A794:$B852),1)*2</f>
        <v>9.7320797563778209E-3</v>
      </c>
      <c r="N823">
        <f t="shared" si="63"/>
        <v>0.44232060349027102</v>
      </c>
      <c r="O823">
        <f t="shared" si="64"/>
        <v>-0.76513611044642427</v>
      </c>
    </row>
    <row r="824" spans="1:15" x14ac:dyDescent="0.4">
      <c r="A824">
        <v>27.4</v>
      </c>
      <c r="B824">
        <f t="shared" si="60"/>
        <v>750.75999999999988</v>
      </c>
      <c r="C824">
        <v>-3.7114125271527225</v>
      </c>
      <c r="D824">
        <v>3.1829972554949726</v>
      </c>
      <c r="E824" cm="1">
        <f t="array" ref="E824">INDEX(LINEST(C795:C853,$A795:$B853),1)*2</f>
        <v>-1.090450153632141E-2</v>
      </c>
      <c r="F824" cm="1">
        <f t="array" ref="F824">INDEX(LINEST(D795:D853,$A795:$B853),1)*2</f>
        <v>9.3929711241556874E-3</v>
      </c>
      <c r="G824">
        <f t="shared" si="61"/>
        <v>-0.64042137522815634</v>
      </c>
      <c r="H824">
        <f t="shared" si="62"/>
        <v>0.55164919412166347</v>
      </c>
      <c r="J824">
        <v>5.349148673983751</v>
      </c>
      <c r="K824">
        <v>2.8896641481997269</v>
      </c>
      <c r="L824" cm="1">
        <f t="array" ref="L824">INDEX(LINEST(J795:J853,$A795:$B853),1)*2</f>
        <v>-5.1364553750756232E-3</v>
      </c>
      <c r="M824" cm="1">
        <f t="array" ref="M824">INDEX(LINEST(K795:K853,$A795:$B853),1)*2</f>
        <v>1.0192419255058177E-2</v>
      </c>
      <c r="N824">
        <f t="shared" si="63"/>
        <v>0.4038281215884455</v>
      </c>
      <c r="O824">
        <f t="shared" si="64"/>
        <v>-0.80132800183267394</v>
      </c>
    </row>
    <row r="825" spans="1:15" x14ac:dyDescent="0.4">
      <c r="A825">
        <v>27.433333333333334</v>
      </c>
      <c r="B825">
        <f t="shared" si="60"/>
        <v>752.58777777777777</v>
      </c>
      <c r="C825">
        <v>-3.712475537823976</v>
      </c>
      <c r="D825">
        <v>3.1868853135957145</v>
      </c>
      <c r="E825" cm="1">
        <f t="array" ref="E825">INDEX(LINEST(C796:C854,$A796:$B854),1)*2</f>
        <v>-1.0601107460435492E-2</v>
      </c>
      <c r="F825" cm="1">
        <f t="array" ref="F825">INDEX(LINEST(D796:D854,$A796:$B854),1)*2</f>
        <v>9.2830056995771362E-3</v>
      </c>
      <c r="G825">
        <f t="shared" si="61"/>
        <v>-0.62260304115137644</v>
      </c>
      <c r="H825">
        <f t="shared" si="62"/>
        <v>0.54519092473616515</v>
      </c>
      <c r="J825">
        <v>5.3498535021784788</v>
      </c>
      <c r="K825">
        <v>2.8930567765324446</v>
      </c>
      <c r="L825" cm="1">
        <f t="array" ref="L825">INDEX(LINEST(J796:J854,$A796:$B854),1)*2</f>
        <v>-4.4279966766562475E-3</v>
      </c>
      <c r="M825" cm="1">
        <f t="array" ref="M825">INDEX(LINEST(K796:K854,$A796:$B854),1)*2</f>
        <v>1.1693125437571315E-2</v>
      </c>
      <c r="N825">
        <f t="shared" si="63"/>
        <v>0.34812909871871422</v>
      </c>
      <c r="O825">
        <f t="shared" si="64"/>
        <v>-0.91931352190185678</v>
      </c>
    </row>
    <row r="826" spans="1:15" x14ac:dyDescent="0.4">
      <c r="A826">
        <v>27.466666666666665</v>
      </c>
      <c r="B826">
        <f t="shared" si="60"/>
        <v>754.4177777777777</v>
      </c>
      <c r="C826">
        <v>-3.7123523868101844</v>
      </c>
      <c r="D826">
        <v>3.1892523180623331</v>
      </c>
      <c r="E826" cm="1">
        <f t="array" ref="E826">INDEX(LINEST(C797:C855,$A797:$B855),1)*2</f>
        <v>-1.0208636064397812E-2</v>
      </c>
      <c r="F826" cm="1">
        <f t="array" ref="F826">INDEX(LINEST(D797:D855,$A797:$B855),1)*2</f>
        <v>9.0573800175778856E-3</v>
      </c>
      <c r="G826">
        <f t="shared" si="61"/>
        <v>-0.59955319606208346</v>
      </c>
      <c r="H826">
        <f t="shared" si="62"/>
        <v>0.53193992843234916</v>
      </c>
      <c r="J826">
        <v>5.3491486043283087</v>
      </c>
      <c r="K826">
        <v>2.8917144750107426</v>
      </c>
      <c r="L826" cm="1">
        <f t="array" ref="L826">INDEX(LINEST(J797:J855,$A797:$B855),1)*2</f>
        <v>-4.0557429126649473E-3</v>
      </c>
      <c r="M826" cm="1">
        <f t="array" ref="M826">INDEX(LINEST(K797:K855,$A797:$B855),1)*2</f>
        <v>1.3214469573054072E-2</v>
      </c>
      <c r="N826">
        <f t="shared" si="63"/>
        <v>0.31886250779371816</v>
      </c>
      <c r="O826">
        <f t="shared" si="64"/>
        <v>-1.0389215978335113</v>
      </c>
    </row>
    <row r="827" spans="1:15" x14ac:dyDescent="0.4">
      <c r="A827">
        <v>27.5</v>
      </c>
      <c r="B827">
        <f t="shared" si="60"/>
        <v>756.25</v>
      </c>
      <c r="C827">
        <v>-3.7123657712338236</v>
      </c>
      <c r="D827">
        <v>3.1920668545633721</v>
      </c>
      <c r="E827" cm="1">
        <f t="array" ref="E827">INDEX(LINEST(C798:C856,$A798:$B856),1)*2</f>
        <v>-8.89929543913528E-3</v>
      </c>
      <c r="F827" cm="1">
        <f t="array" ref="F827">INDEX(LINEST(D798:D856,$A798:$B856),1)*2</f>
        <v>8.748635058788241E-3</v>
      </c>
      <c r="G827">
        <f t="shared" si="61"/>
        <v>-0.52265562114041497</v>
      </c>
      <c r="H827">
        <f t="shared" si="62"/>
        <v>0.51380733700263337</v>
      </c>
      <c r="J827">
        <v>5.3492830893132117</v>
      </c>
      <c r="K827">
        <v>2.8931219961758674</v>
      </c>
      <c r="L827" cm="1">
        <f t="array" ref="L827">INDEX(LINEST(J798:J856,$A798:$B856),1)*2</f>
        <v>-3.3897895058294159E-3</v>
      </c>
      <c r="M827" cm="1">
        <f t="array" ref="M827">INDEX(LINEST(K798:K856,$A798:$B856),1)*2</f>
        <v>1.4234473118037126E-2</v>
      </c>
      <c r="N827">
        <f t="shared" si="63"/>
        <v>0.26650525094830868</v>
      </c>
      <c r="O827">
        <f t="shared" si="64"/>
        <v>-1.119114276540079</v>
      </c>
    </row>
    <row r="828" spans="1:15" x14ac:dyDescent="0.4">
      <c r="A828">
        <v>27.533333333333335</v>
      </c>
      <c r="B828">
        <f t="shared" si="60"/>
        <v>758.08444444444456</v>
      </c>
      <c r="C828">
        <v>-3.7139464036116725</v>
      </c>
      <c r="D828">
        <v>3.1935966348580065</v>
      </c>
      <c r="E828" cm="1">
        <f t="array" ref="E828">INDEX(LINEST(C799:C857,$A799:$B857),1)*2</f>
        <v>-6.9893204780678156E-3</v>
      </c>
      <c r="F828" cm="1">
        <f t="array" ref="F828">INDEX(LINEST(D799:D857,$A799:$B857),1)*2</f>
        <v>8.3090044890512665E-3</v>
      </c>
      <c r="G828">
        <f t="shared" si="61"/>
        <v>-0.41048279167692281</v>
      </c>
      <c r="H828">
        <f t="shared" si="62"/>
        <v>0.48798783364198084</v>
      </c>
      <c r="J828">
        <v>5.3476258757849129</v>
      </c>
      <c r="K828">
        <v>2.8951209790024661</v>
      </c>
      <c r="L828" cm="1">
        <f t="array" ref="L828">INDEX(LINEST(J799:J857,$A799:$B857),1)*2</f>
        <v>-3.0734597301433834E-3</v>
      </c>
      <c r="M828" cm="1">
        <f t="array" ref="M828">INDEX(LINEST(K799:K857,$A799:$B857),1)*2</f>
        <v>1.4669280302044799E-2</v>
      </c>
      <c r="N828">
        <f t="shared" si="63"/>
        <v>0.24163540398387282</v>
      </c>
      <c r="O828">
        <f t="shared" si="64"/>
        <v>-1.1532988173467622</v>
      </c>
    </row>
    <row r="829" spans="1:15" x14ac:dyDescent="0.4">
      <c r="A829">
        <v>27.566666666666666</v>
      </c>
      <c r="B829">
        <f t="shared" si="60"/>
        <v>759.92111111111114</v>
      </c>
      <c r="C829">
        <v>-3.7155797266472321</v>
      </c>
      <c r="D829">
        <v>3.1935095747282065</v>
      </c>
      <c r="E829" cm="1">
        <f t="array" ref="E829">INDEX(LINEST(C800:C858,$A800:$B858),1)*2</f>
        <v>-5.6736669279035786E-3</v>
      </c>
      <c r="F829" cm="1">
        <f t="array" ref="F829">INDEX(LINEST(D800:D858,$A800:$B858),1)*2</f>
        <v>7.372545707570388E-3</v>
      </c>
      <c r="G829">
        <f t="shared" si="61"/>
        <v>-0.33321445867577715</v>
      </c>
      <c r="H829">
        <f t="shared" si="62"/>
        <v>0.43298960940560888</v>
      </c>
      <c r="J829">
        <v>5.3426909054882845</v>
      </c>
      <c r="K829">
        <v>2.8927405278184528</v>
      </c>
      <c r="L829" cm="1">
        <f t="array" ref="L829">INDEX(LINEST(J800:J858,$A800:$B858),1)*2</f>
        <v>-2.4528653633151408E-3</v>
      </c>
      <c r="M829" cm="1">
        <f t="array" ref="M829">INDEX(LINEST(K800:K858,$A800:$B858),1)*2</f>
        <v>1.4092064442922606E-2</v>
      </c>
      <c r="N829">
        <f t="shared" si="63"/>
        <v>0.19284427486383637</v>
      </c>
      <c r="O829">
        <f t="shared" si="64"/>
        <v>-1.1079181065025754</v>
      </c>
    </row>
    <row r="830" spans="1:15" x14ac:dyDescent="0.4">
      <c r="A830">
        <v>27.6</v>
      </c>
      <c r="B830">
        <f t="shared" si="60"/>
        <v>761.7600000000001</v>
      </c>
      <c r="C830">
        <v>-3.7173230040612948</v>
      </c>
      <c r="D830">
        <v>3.1951676494725869</v>
      </c>
      <c r="E830" cm="1">
        <f t="array" ref="E830">INDEX(LINEST(C801:C859,$A801:$B859),1)*2</f>
        <v>-4.6271410376496147E-3</v>
      </c>
      <c r="F830" cm="1">
        <f t="array" ref="F830">INDEX(LINEST(D801:D859,$A801:$B859),1)*2</f>
        <v>6.9303769452943569E-3</v>
      </c>
      <c r="G830">
        <f t="shared" si="61"/>
        <v>-0.27175199314116188</v>
      </c>
      <c r="H830">
        <f t="shared" si="62"/>
        <v>0.40702103799713757</v>
      </c>
      <c r="J830">
        <v>5.3398010050479368</v>
      </c>
      <c r="K830">
        <v>2.8930917080989795</v>
      </c>
      <c r="L830" cm="1">
        <f t="array" ref="L830">INDEX(LINEST(J801:J859,$A801:$B859),1)*2</f>
        <v>-9.6454418388991839E-4</v>
      </c>
      <c r="M830" cm="1">
        <f t="array" ref="M830">INDEX(LINEST(K801:K859,$A801:$B859),1)*2</f>
        <v>1.313327555933571E-2</v>
      </c>
      <c r="N830">
        <f t="shared" si="63"/>
        <v>7.5832463737425387E-2</v>
      </c>
      <c r="O830">
        <f t="shared" si="64"/>
        <v>-1.0325381244749736</v>
      </c>
    </row>
    <row r="831" spans="1:15" x14ac:dyDescent="0.4">
      <c r="A831">
        <v>27.633333333333333</v>
      </c>
      <c r="B831">
        <f t="shared" si="60"/>
        <v>763.60111111111109</v>
      </c>
      <c r="C831">
        <v>-3.7215722989217603</v>
      </c>
      <c r="D831">
        <v>3.1977912461669531</v>
      </c>
      <c r="E831" cm="1">
        <f t="array" ref="E831">INDEX(LINEST(C802:C860,$A802:$B860),1)*2</f>
        <v>-3.5109869344181295E-3</v>
      </c>
      <c r="F831" cm="1">
        <f t="array" ref="F831">INDEX(LINEST(D802:D860,$A802:$B860),1)*2</f>
        <v>5.642401132643228E-3</v>
      </c>
      <c r="G831">
        <f t="shared" si="61"/>
        <v>-0.20620026265837674</v>
      </c>
      <c r="H831">
        <f t="shared" si="62"/>
        <v>0.33137821852013677</v>
      </c>
      <c r="J831">
        <v>5.3403427669030563</v>
      </c>
      <c r="K831">
        <v>2.8940553619683036</v>
      </c>
      <c r="L831" cm="1">
        <f t="array" ref="L831">INDEX(LINEST(J802:J860,$A802:$B860),1)*2</f>
        <v>4.7837032336354117E-4</v>
      </c>
      <c r="M831" cm="1">
        <f t="array" ref="M831">INDEX(LINEST(K802:K860,$A802:$B860),1)*2</f>
        <v>1.2549581552891749E-2</v>
      </c>
      <c r="N831">
        <f t="shared" si="63"/>
        <v>-3.7609474822841611E-2</v>
      </c>
      <c r="O831">
        <f t="shared" si="64"/>
        <v>-0.98664810168834938</v>
      </c>
    </row>
    <row r="832" spans="1:15" x14ac:dyDescent="0.4">
      <c r="A832">
        <v>27.666666666666668</v>
      </c>
      <c r="B832">
        <f t="shared" si="60"/>
        <v>765.44444444444446</v>
      </c>
      <c r="C832">
        <v>-3.7231061454936532</v>
      </c>
      <c r="D832">
        <v>3.2001256670083325</v>
      </c>
      <c r="E832" cm="1">
        <f t="array" ref="E832">INDEX(LINEST(C803:C861,$A803:$B861),1)*2</f>
        <v>-1.1281136550054627E-3</v>
      </c>
      <c r="F832" cm="1">
        <f t="array" ref="F832">INDEX(LINEST(D803:D861,$A803:$B861),1)*2</f>
        <v>5.7626450932378968E-3</v>
      </c>
      <c r="G832">
        <f t="shared" si="61"/>
        <v>-6.6254114958470819E-2</v>
      </c>
      <c r="H832">
        <f t="shared" si="62"/>
        <v>0.33844014632586167</v>
      </c>
      <c r="J832">
        <v>5.3353897871837184</v>
      </c>
      <c r="K832">
        <v>2.8930435778753849</v>
      </c>
      <c r="L832" cm="1">
        <f t="array" ref="L832">INDEX(LINEST(J803:J861,$A803:$B861),1)*2</f>
        <v>2.5008746408130924E-3</v>
      </c>
      <c r="M832" cm="1">
        <f t="array" ref="M832">INDEX(LINEST(K803:K861,$A803:$B861),1)*2</f>
        <v>1.2133627588418046E-2</v>
      </c>
      <c r="N832">
        <f t="shared" si="63"/>
        <v>-0.19661876426072533</v>
      </c>
      <c r="O832">
        <f t="shared" si="64"/>
        <v>-0.9539458010014269</v>
      </c>
    </row>
    <row r="833" spans="1:15" x14ac:dyDescent="0.4">
      <c r="A833">
        <v>27.7</v>
      </c>
      <c r="B833">
        <f t="shared" si="60"/>
        <v>767.29</v>
      </c>
      <c r="C833">
        <v>-3.7225341463017374</v>
      </c>
      <c r="D833">
        <v>3.2029500080979969</v>
      </c>
      <c r="E833" cm="1">
        <f t="array" ref="E833">INDEX(LINEST(C804:C862,$A804:$B862),1)*2</f>
        <v>1.1539500757844337E-4</v>
      </c>
      <c r="F833" cm="1">
        <f t="array" ref="F833">INDEX(LINEST(D804:D862,$A804:$B862),1)*2</f>
        <v>5.0290482483395125E-3</v>
      </c>
      <c r="G833">
        <f t="shared" si="61"/>
        <v>6.7771487950819788E-3</v>
      </c>
      <c r="H833">
        <f t="shared" si="62"/>
        <v>0.29535600362497955</v>
      </c>
      <c r="J833">
        <v>5.3317622910522333</v>
      </c>
      <c r="K833">
        <v>2.8989173503442833</v>
      </c>
      <c r="L833" cm="1">
        <f t="array" ref="L833">INDEX(LINEST(J804:J862,$A804:$B862),1)*2</f>
        <v>2.8964943671909789E-3</v>
      </c>
      <c r="M833" cm="1">
        <f t="array" ref="M833">INDEX(LINEST(K804:K862,$A804:$B862),1)*2</f>
        <v>1.1347639961050406E-2</v>
      </c>
      <c r="N833">
        <f t="shared" si="63"/>
        <v>-0.22772238714855478</v>
      </c>
      <c r="O833">
        <f t="shared" si="64"/>
        <v>-0.89215145373778293</v>
      </c>
    </row>
    <row r="834" spans="1:15" x14ac:dyDescent="0.4">
      <c r="A834">
        <v>27.733333333333334</v>
      </c>
      <c r="B834">
        <f t="shared" si="60"/>
        <v>769.13777777777784</v>
      </c>
      <c r="C834">
        <v>-3.7241489103507264</v>
      </c>
      <c r="D834">
        <v>3.2069667284511767</v>
      </c>
      <c r="E834" cm="1">
        <f t="array" ref="E834">INDEX(LINEST(C805:C863,$A805:$B863),1)*2</f>
        <v>1.5997385798642942E-3</v>
      </c>
      <c r="F834" cm="1">
        <f t="array" ref="F834">INDEX(LINEST(D805:D863,$A805:$B863),1)*2</f>
        <v>6.1930152042734329E-3</v>
      </c>
      <c r="G834">
        <f t="shared" si="61"/>
        <v>9.395264679543E-2</v>
      </c>
      <c r="H834">
        <f t="shared" si="62"/>
        <v>0.36371578294697871</v>
      </c>
      <c r="J834">
        <v>5.3324030040089667</v>
      </c>
      <c r="K834">
        <v>2.9002332502106136</v>
      </c>
      <c r="L834" cm="1">
        <f t="array" ref="L834">INDEX(LINEST(J805:J863,$A805:$B863),1)*2</f>
        <v>2.5679593842715615E-3</v>
      </c>
      <c r="M834" cm="1">
        <f t="array" ref="M834">INDEX(LINEST(K805:K863,$A805:$B863),1)*2</f>
        <v>1.0592032457866536E-2</v>
      </c>
      <c r="N834">
        <f t="shared" si="63"/>
        <v>-0.20189296679143018</v>
      </c>
      <c r="O834">
        <f t="shared" si="64"/>
        <v>-0.8327455918374671</v>
      </c>
    </row>
    <row r="835" spans="1:15" x14ac:dyDescent="0.4">
      <c r="A835">
        <v>27.766666666666666</v>
      </c>
      <c r="B835">
        <f t="shared" ref="B835:B898" si="65">A835^2</f>
        <v>770.98777777777775</v>
      </c>
      <c r="C835">
        <v>-3.7267098896236246</v>
      </c>
      <c r="D835">
        <v>3.2092487566909669</v>
      </c>
      <c r="E835" cm="1">
        <f t="array" ref="E835">INDEX(LINEST(C806:C864,$A806:$B864),1)*2</f>
        <v>3.0047222250238646E-3</v>
      </c>
      <c r="F835" cm="1">
        <f t="array" ref="F835">INDEX(LINEST(D806:D864,$A806:$B864),1)*2</f>
        <v>5.9048966855521096E-3</v>
      </c>
      <c r="G835">
        <f t="shared" si="61"/>
        <v>0.17646733627565156</v>
      </c>
      <c r="H835">
        <f t="shared" si="62"/>
        <v>0.3467945823424754</v>
      </c>
      <c r="J835">
        <v>5.3320191501724921</v>
      </c>
      <c r="K835">
        <v>2.9034348983406826</v>
      </c>
      <c r="L835" cm="1">
        <f t="array" ref="L835">INDEX(LINEST(J806:J864,$A806:$B864),1)*2</f>
        <v>2.8824541546771218E-3</v>
      </c>
      <c r="M835" cm="1">
        <f t="array" ref="M835">INDEX(LINEST(K806:K864,$A806:$B864),1)*2</f>
        <v>9.9870555854065669E-3</v>
      </c>
      <c r="N835">
        <f t="shared" si="63"/>
        <v>-0.22661854564071532</v>
      </c>
      <c r="O835">
        <f t="shared" si="64"/>
        <v>-0.78518231012466433</v>
      </c>
    </row>
    <row r="836" spans="1:15" x14ac:dyDescent="0.4">
      <c r="A836">
        <v>27.8</v>
      </c>
      <c r="B836">
        <f t="shared" si="65"/>
        <v>772.84</v>
      </c>
      <c r="C836">
        <v>-3.7266931810444315</v>
      </c>
      <c r="D836">
        <v>3.2097993636086306</v>
      </c>
      <c r="E836" cm="1">
        <f t="array" ref="E836">INDEX(LINEST(C807:C865,$A807:$B865),1)*2</f>
        <v>4.1200810007935495E-3</v>
      </c>
      <c r="F836" cm="1">
        <f t="array" ref="F836">INDEX(LINEST(D807:D865,$A807:$B865),1)*2</f>
        <v>6.6514268212287129E-3</v>
      </c>
      <c r="G836">
        <f t="shared" si="61"/>
        <v>0.24197235717660515</v>
      </c>
      <c r="H836">
        <f t="shared" si="62"/>
        <v>0.39063829721076226</v>
      </c>
      <c r="J836">
        <v>5.3295024225592602</v>
      </c>
      <c r="K836">
        <v>2.9015886584009625</v>
      </c>
      <c r="L836" cm="1">
        <f t="array" ref="L836">INDEX(LINEST(J807:J865,$A807:$B865),1)*2</f>
        <v>3.9206896755267654E-3</v>
      </c>
      <c r="M836" cm="1">
        <f t="array" ref="M836">INDEX(LINEST(K807:K865,$A807:$B865),1)*2</f>
        <v>9.1167213881880229E-3</v>
      </c>
      <c r="N836">
        <f t="shared" si="63"/>
        <v>-0.30824462228991434</v>
      </c>
      <c r="O836">
        <f t="shared" si="64"/>
        <v>-0.71675663553934243</v>
      </c>
    </row>
    <row r="837" spans="1:15" x14ac:dyDescent="0.4">
      <c r="A837">
        <v>27.833333333333332</v>
      </c>
      <c r="B837">
        <f t="shared" si="65"/>
        <v>774.69444444444434</v>
      </c>
      <c r="C837">
        <v>-3.7286177761982744</v>
      </c>
      <c r="D837">
        <v>3.2137676403155377</v>
      </c>
      <c r="E837" cm="1">
        <f t="array" ref="E837">INDEX(LINEST(C808:C866,$A808:$B866),1)*2</f>
        <v>6.3750319127845343E-3</v>
      </c>
      <c r="F837" cm="1">
        <f t="array" ref="F837">INDEX(LINEST(D808:D866,$A808:$B866),1)*2</f>
        <v>6.4656750538926947E-3</v>
      </c>
      <c r="G837">
        <f t="shared" si="61"/>
        <v>0.37440562423783569</v>
      </c>
      <c r="H837">
        <f t="shared" si="62"/>
        <v>0.37972909591511794</v>
      </c>
      <c r="J837">
        <v>5.3272159580912062</v>
      </c>
      <c r="K837">
        <v>2.9009478926178587</v>
      </c>
      <c r="L837" cm="1">
        <f t="array" ref="L837">INDEX(LINEST(J808:J866,$A808:$B866),1)*2</f>
        <v>5.3965378103879042E-3</v>
      </c>
      <c r="M837" cm="1">
        <f t="array" ref="M837">INDEX(LINEST(K808:K866,$A808:$B866),1)*2</f>
        <v>8.6229122661064736E-3</v>
      </c>
      <c r="N837">
        <f t="shared" si="63"/>
        <v>-0.42427580265269704</v>
      </c>
      <c r="O837">
        <f t="shared" si="64"/>
        <v>-0.67793336236129098</v>
      </c>
    </row>
    <row r="838" spans="1:15" x14ac:dyDescent="0.4">
      <c r="A838">
        <v>27.866666666666667</v>
      </c>
      <c r="B838">
        <f t="shared" si="65"/>
        <v>776.55111111111114</v>
      </c>
      <c r="C838">
        <v>-3.7306532756899515</v>
      </c>
      <c r="D838">
        <v>3.2154092315988168</v>
      </c>
      <c r="E838" cm="1">
        <f t="array" ref="E838">INDEX(LINEST(C809:C867,$A809:$B867),1)*2</f>
        <v>8.3642633978164363E-3</v>
      </c>
      <c r="F838" cm="1">
        <f t="array" ref="F838">INDEX(LINEST(D809:D867,$A809:$B867),1)*2</f>
        <v>5.9170065344761732E-3</v>
      </c>
      <c r="G838">
        <f t="shared" si="61"/>
        <v>0.49123318935375926</v>
      </c>
      <c r="H838">
        <f t="shared" si="62"/>
        <v>0.34750579376978563</v>
      </c>
      <c r="J838">
        <v>5.3232479124007179</v>
      </c>
      <c r="K838">
        <v>2.9020502419783698</v>
      </c>
      <c r="L838" cm="1">
        <f t="array" ref="L838">INDEX(LINEST(J809:J867,$A809:$B867),1)*2</f>
        <v>6.167560748043548E-3</v>
      </c>
      <c r="M838" cm="1">
        <f t="array" ref="M838">INDEX(LINEST(K809:K867,$A809:$B867),1)*2</f>
        <v>8.5375319126971723E-3</v>
      </c>
      <c r="N838">
        <f t="shared" si="63"/>
        <v>-0.4848936260111838</v>
      </c>
      <c r="O838">
        <f t="shared" si="64"/>
        <v>-0.67122075897625177</v>
      </c>
    </row>
    <row r="839" spans="1:15" x14ac:dyDescent="0.4">
      <c r="A839">
        <v>27.9</v>
      </c>
      <c r="B839">
        <f t="shared" si="65"/>
        <v>778.41</v>
      </c>
      <c r="C839">
        <v>-3.7308247731798323</v>
      </c>
      <c r="D839">
        <v>3.2192966257832119</v>
      </c>
      <c r="E839" cm="1">
        <f t="array" ref="E839">INDEX(LINEST(C810:C868,$A810:$B868),1)*2</f>
        <v>1.0001568609913813E-2</v>
      </c>
      <c r="F839" cm="1">
        <f t="array" ref="F839">INDEX(LINEST(D810:D868,$A810:$B868),1)*2</f>
        <v>6.8121714845121376E-3</v>
      </c>
      <c r="G839">
        <f t="shared" si="61"/>
        <v>0.58739212446023814</v>
      </c>
      <c r="H839">
        <f t="shared" si="62"/>
        <v>0.40007883128539784</v>
      </c>
      <c r="J839">
        <v>5.3209084925422987</v>
      </c>
      <c r="K839">
        <v>2.9044920012702642</v>
      </c>
      <c r="L839" cm="1">
        <f t="array" ref="L839">INDEX(LINEST(J810:J868,$A810:$B868),1)*2</f>
        <v>6.9578835415081098E-3</v>
      </c>
      <c r="M839" cm="1">
        <f t="array" ref="M839">INDEX(LINEST(K810:K868,$A810:$B868),1)*2</f>
        <v>8.9373911045918623E-3</v>
      </c>
      <c r="N839">
        <f t="shared" si="63"/>
        <v>-0.54702880403336762</v>
      </c>
      <c r="O839">
        <f t="shared" si="64"/>
        <v>-0.70265768864301226</v>
      </c>
    </row>
    <row r="840" spans="1:15" x14ac:dyDescent="0.4">
      <c r="A840">
        <v>27.933333333333334</v>
      </c>
      <c r="B840">
        <f t="shared" si="65"/>
        <v>780.27111111111117</v>
      </c>
      <c r="C840">
        <v>-3.7355492143450277</v>
      </c>
      <c r="D840">
        <v>3.2211825403786678</v>
      </c>
      <c r="E840" cm="1">
        <f t="array" ref="E840">INDEX(LINEST(C811:C869,$A811:$B869),1)*2</f>
        <v>1.1926292664227916E-2</v>
      </c>
      <c r="F840" cm="1">
        <f t="array" ref="F840">INDEX(LINEST(D811:D869,$A811:$B869),1)*2</f>
        <v>7.694583851439311E-3</v>
      </c>
      <c r="G840">
        <f t="shared" si="61"/>
        <v>0.70043116817010542</v>
      </c>
      <c r="H840">
        <f t="shared" si="62"/>
        <v>0.45190290959503071</v>
      </c>
      <c r="J840">
        <v>5.3206269390583252</v>
      </c>
      <c r="K840">
        <v>2.9052750983307822</v>
      </c>
      <c r="L840" cm="1">
        <f t="array" ref="L840">INDEX(LINEST(J811:J869,$A811:$B869),1)*2</f>
        <v>8.1069942027074161E-3</v>
      </c>
      <c r="M840" cm="1">
        <f t="array" ref="M840">INDEX(LINEST(K811:K869,$A811:$B869),1)*2</f>
        <v>1.0213913105057136E-2</v>
      </c>
      <c r="N840">
        <f t="shared" si="63"/>
        <v>-0.63737188421685709</v>
      </c>
      <c r="O840">
        <f t="shared" si="64"/>
        <v>-0.80301784831959211</v>
      </c>
    </row>
    <row r="841" spans="1:15" x14ac:dyDescent="0.4">
      <c r="A841">
        <v>27.966666666666665</v>
      </c>
      <c r="B841">
        <f t="shared" si="65"/>
        <v>782.1344444444444</v>
      </c>
      <c r="C841">
        <v>-3.7356667430567163</v>
      </c>
      <c r="D841">
        <v>3.2253139666804773</v>
      </c>
      <c r="E841" cm="1">
        <f t="array" ref="E841">INDEX(LINEST(C812:C870,$A812:$B870),1)*2</f>
        <v>1.4096951368687535E-2</v>
      </c>
      <c r="F841" cm="1">
        <f t="array" ref="F841">INDEX(LINEST(D812:D870,$A812:$B870),1)*2</f>
        <v>9.3704520519096706E-3</v>
      </c>
      <c r="G841">
        <f t="shared" si="61"/>
        <v>0.82791395388301892</v>
      </c>
      <c r="H841">
        <f t="shared" si="62"/>
        <v>0.55032664900865491</v>
      </c>
      <c r="J841">
        <v>5.3194893226676054</v>
      </c>
      <c r="K841">
        <v>2.9073160922697925</v>
      </c>
      <c r="L841" cm="1">
        <f t="array" ref="L841">INDEX(LINEST(J812:J870,$A812:$B870),1)*2</f>
        <v>9.145494008867508E-3</v>
      </c>
      <c r="M841" cm="1">
        <f t="array" ref="M841">INDEX(LINEST(K812:K870,$A812:$B870),1)*2</f>
        <v>1.1933326722202257E-2</v>
      </c>
      <c r="N841">
        <f t="shared" si="63"/>
        <v>-0.71901873897716351</v>
      </c>
      <c r="O841">
        <f t="shared" si="64"/>
        <v>-0.93819814689954151</v>
      </c>
    </row>
    <row r="842" spans="1:15" x14ac:dyDescent="0.4">
      <c r="A842">
        <v>28</v>
      </c>
      <c r="B842">
        <f t="shared" si="65"/>
        <v>784</v>
      </c>
      <c r="C842">
        <v>-3.7389061016462732</v>
      </c>
      <c r="D842">
        <v>3.2277119799919598</v>
      </c>
      <c r="E842" cm="1">
        <f t="array" ref="E842">INDEX(LINEST(C813:C871,$A813:$B871),1)*2</f>
        <v>1.6141348179193941E-2</v>
      </c>
      <c r="F842" cm="1">
        <f t="array" ref="F842">INDEX(LINEST(D813:D871,$A813:$B871),1)*2</f>
        <v>1.1006529620604421E-2</v>
      </c>
      <c r="G842">
        <f t="shared" si="61"/>
        <v>0.94798137856406006</v>
      </c>
      <c r="H842">
        <f t="shared" si="62"/>
        <v>0.64641348461809767</v>
      </c>
      <c r="J842">
        <v>5.3184404778436924</v>
      </c>
      <c r="K842">
        <v>2.9100068487176083</v>
      </c>
      <c r="L842" cm="1">
        <f t="array" ref="L842">INDEX(LINEST(J813:J871,$A813:$B871),1)*2</f>
        <v>9.7141808533344667E-3</v>
      </c>
      <c r="M842" cm="1">
        <f t="array" ref="M842">INDEX(LINEST(K813:K871,$A813:$B871),1)*2</f>
        <v>1.2901973134082645E-2</v>
      </c>
      <c r="N842">
        <f t="shared" si="63"/>
        <v>-0.76372889868915583</v>
      </c>
      <c r="O842">
        <f t="shared" si="64"/>
        <v>-1.0143531278015776</v>
      </c>
    </row>
    <row r="843" spans="1:15" x14ac:dyDescent="0.4">
      <c r="A843">
        <v>28.033333333333335</v>
      </c>
      <c r="B843">
        <f t="shared" si="65"/>
        <v>785.86777777777786</v>
      </c>
      <c r="C843">
        <v>-3.7411910508986712</v>
      </c>
      <c r="D843">
        <v>3.2296725132804198</v>
      </c>
      <c r="E843" cm="1">
        <f t="array" ref="E843">INDEX(LINEST(C814:C872,$A814:$B872),1)*2</f>
        <v>1.7205787451515405E-2</v>
      </c>
      <c r="F843" cm="1">
        <f t="array" ref="F843">INDEX(LINEST(D814:D872,$A814:$B872),1)*2</f>
        <v>1.2638889744993458E-2</v>
      </c>
      <c r="G843">
        <f t="shared" si="61"/>
        <v>1.0104958970274998</v>
      </c>
      <c r="H843">
        <f t="shared" si="62"/>
        <v>0.74228199472346579</v>
      </c>
      <c r="J843">
        <v>5.3144093587346228</v>
      </c>
      <c r="K843">
        <v>2.9130369060232457</v>
      </c>
      <c r="L843" cm="1">
        <f t="array" ref="L843">INDEX(LINEST(J814:J872,$A814:$B872),1)*2</f>
        <v>1.0363321656092052E-2</v>
      </c>
      <c r="M843" cm="1">
        <f t="array" ref="M843">INDEX(LINEST(K814:K872,$A814:$B872),1)*2</f>
        <v>1.3220278270441718E-2</v>
      </c>
      <c r="N843">
        <f t="shared" si="63"/>
        <v>-0.81476434860195723</v>
      </c>
      <c r="O843">
        <f t="shared" si="64"/>
        <v>-1.0393782776221279</v>
      </c>
    </row>
    <row r="844" spans="1:15" x14ac:dyDescent="0.4">
      <c r="A844">
        <v>28.066666666666666</v>
      </c>
      <c r="B844">
        <f t="shared" si="65"/>
        <v>787.73777777777775</v>
      </c>
      <c r="C844">
        <v>-3.7444703890824571</v>
      </c>
      <c r="D844">
        <v>3.2334981902626434</v>
      </c>
      <c r="E844" cm="1">
        <f t="array" ref="E844">INDEX(LINEST(C815:C873,$A815:$B873),1)*2</f>
        <v>1.7946361897265443E-2</v>
      </c>
      <c r="F844" cm="1">
        <f t="array" ref="F844">INDEX(LINEST(D815:D873,$A815:$B873),1)*2</f>
        <v>1.30303157694456E-2</v>
      </c>
      <c r="G844">
        <f t="shared" si="61"/>
        <v>1.0539898342263994</v>
      </c>
      <c r="H844">
        <f t="shared" si="62"/>
        <v>0.76527044513954001</v>
      </c>
      <c r="J844">
        <v>5.3143986698491297</v>
      </c>
      <c r="K844">
        <v>2.9164963646496807</v>
      </c>
      <c r="L844" cm="1">
        <f t="array" ref="L844">INDEX(LINEST(J815:J873,$A815:$B873),1)*2</f>
        <v>1.154367294496011E-2</v>
      </c>
      <c r="M844" cm="1">
        <f t="array" ref="M844">INDEX(LINEST(K815:K873,$A815:$B873),1)*2</f>
        <v>1.3411251565685581E-2</v>
      </c>
      <c r="N844">
        <f t="shared" si="63"/>
        <v>-0.90756356693276385</v>
      </c>
      <c r="O844">
        <f t="shared" si="64"/>
        <v>-1.0543925980942004</v>
      </c>
    </row>
    <row r="845" spans="1:15" x14ac:dyDescent="0.4">
      <c r="A845">
        <v>28.1</v>
      </c>
      <c r="B845">
        <f t="shared" si="65"/>
        <v>789.61000000000013</v>
      </c>
      <c r="C845">
        <v>-3.7467055262759295</v>
      </c>
      <c r="D845">
        <v>3.2391649316385891</v>
      </c>
      <c r="E845" cm="1">
        <f t="array" ref="E845">INDEX(LINEST(C816:C874,$A816:$B874),1)*2</f>
        <v>1.7966328282862844E-2</v>
      </c>
      <c r="F845" cm="1">
        <f t="array" ref="F845">INDEX(LINEST(D816:D874,$A816:$B874),1)*2</f>
        <v>1.3026769978381682E-2</v>
      </c>
      <c r="G845">
        <f t="shared" si="61"/>
        <v>1.0551624600525349</v>
      </c>
      <c r="H845">
        <f t="shared" si="62"/>
        <v>0.76506220083035614</v>
      </c>
      <c r="J845">
        <v>5.3134717592403478</v>
      </c>
      <c r="K845">
        <v>2.9191356081742432</v>
      </c>
      <c r="L845" cm="1">
        <f t="array" ref="L845">INDEX(LINEST(J816:J874,$A816:$B874),1)*2</f>
        <v>1.2936550316225889E-2</v>
      </c>
      <c r="M845" cm="1">
        <f t="array" ref="M845">INDEX(LINEST(K816:K874,$A816:$B874),1)*2</f>
        <v>1.3542661821157599E-2</v>
      </c>
      <c r="N845">
        <f t="shared" si="63"/>
        <v>-1.0170715858616795</v>
      </c>
      <c r="O845">
        <f t="shared" si="64"/>
        <v>-1.0647240723794105</v>
      </c>
    </row>
    <row r="846" spans="1:15" x14ac:dyDescent="0.4">
      <c r="A846">
        <v>28.133333333333333</v>
      </c>
      <c r="B846">
        <f t="shared" si="65"/>
        <v>791.48444444444442</v>
      </c>
      <c r="C846">
        <v>-3.7470552641706156</v>
      </c>
      <c r="D846">
        <v>3.2419689036640817</v>
      </c>
      <c r="E846" cm="1">
        <f t="array" ref="E846">INDEX(LINEST(C817:C875,$A817:$B875),1)*2</f>
        <v>1.7502199752765509E-2</v>
      </c>
      <c r="F846" cm="1">
        <f t="array" ref="F846">INDEX(LINEST(D817:D875,$A817:$B875),1)*2</f>
        <v>1.3676570002459726E-2</v>
      </c>
      <c r="G846">
        <f t="shared" si="61"/>
        <v>1.0279041914799183</v>
      </c>
      <c r="H846">
        <f t="shared" si="62"/>
        <v>0.80322495624445966</v>
      </c>
      <c r="J846">
        <v>5.3132905486173083</v>
      </c>
      <c r="K846">
        <v>2.9179577538998842</v>
      </c>
      <c r="L846" cm="1">
        <f t="array" ref="L846">INDEX(LINEST(J817:J875,$A817:$B875),1)*2</f>
        <v>1.4033566099775902E-2</v>
      </c>
      <c r="M846" cm="1">
        <f t="array" ref="M846">INDEX(LINEST(K817:K875,$A817:$B875),1)*2</f>
        <v>1.3762748949365671E-2</v>
      </c>
      <c r="N846">
        <f t="shared" si="63"/>
        <v>-1.1033189667643815</v>
      </c>
      <c r="O846">
        <f t="shared" si="64"/>
        <v>-1.082027322399129</v>
      </c>
    </row>
    <row r="847" spans="1:15" x14ac:dyDescent="0.4">
      <c r="A847">
        <v>28.166666666666668</v>
      </c>
      <c r="B847">
        <f t="shared" si="65"/>
        <v>793.3611111111112</v>
      </c>
      <c r="C847">
        <v>-3.7524553053844345</v>
      </c>
      <c r="D847">
        <v>3.2445363501242972</v>
      </c>
      <c r="E847" cm="1">
        <f t="array" ref="E847">INDEX(LINEST(C818:C876,$A818:$B876),1)*2</f>
        <v>1.7013131894106644E-2</v>
      </c>
      <c r="F847" cm="1">
        <f t="array" ref="F847">INDEX(LINEST(D818:D876,$A818:$B876),1)*2</f>
        <v>1.4201658241386687E-2</v>
      </c>
      <c r="G847">
        <f t="shared" si="61"/>
        <v>0.99918123614088317</v>
      </c>
      <c r="H847">
        <f t="shared" si="62"/>
        <v>0.83406338851664008</v>
      </c>
      <c r="J847">
        <v>5.3121479997786194</v>
      </c>
      <c r="K847">
        <v>2.9224657131668041</v>
      </c>
      <c r="L847" cm="1">
        <f t="array" ref="L847">INDEX(LINEST(J818:J876,$A818:$B876),1)*2</f>
        <v>1.5789863966285841E-2</v>
      </c>
      <c r="M847" cm="1">
        <f t="array" ref="M847">INDEX(LINEST(K818:K876,$A818:$B876),1)*2</f>
        <v>1.3719401654688473E-2</v>
      </c>
      <c r="N847">
        <f t="shared" si="63"/>
        <v>-1.2413991050293929</v>
      </c>
      <c r="O847">
        <f t="shared" si="64"/>
        <v>-1.0786193580916077</v>
      </c>
    </row>
    <row r="848" spans="1:15" x14ac:dyDescent="0.4">
      <c r="A848">
        <v>28.2</v>
      </c>
      <c r="B848">
        <f t="shared" si="65"/>
        <v>795.24</v>
      </c>
      <c r="C848">
        <v>-3.7492129120473145</v>
      </c>
      <c r="D848">
        <v>3.2498823024597008</v>
      </c>
      <c r="E848" cm="1">
        <f t="array" ref="E848">INDEX(LINEST(C819:C877,$A819:$B877),1)*2</f>
        <v>1.6590854137794021E-2</v>
      </c>
      <c r="F848" cm="1">
        <f t="array" ref="F848">INDEX(LINEST(D819:D877,$A819:$B877),1)*2</f>
        <v>1.468768344970066E-2</v>
      </c>
      <c r="G848">
        <f t="shared" si="61"/>
        <v>0.97438086351264286</v>
      </c>
      <c r="H848">
        <f t="shared" si="62"/>
        <v>0.86260764900091969</v>
      </c>
      <c r="J848">
        <v>5.3092353973587327</v>
      </c>
      <c r="K848">
        <v>2.9211710101244925</v>
      </c>
      <c r="L848" cm="1">
        <f t="array" ref="L848">INDEX(LINEST(J819:J877,$A819:$B877),1)*2</f>
        <v>1.647057115713596E-2</v>
      </c>
      <c r="M848" cm="1">
        <f t="array" ref="M848">INDEX(LINEST(K819:K877,$A819:$B877),1)*2</f>
        <v>1.3539028106335589E-2</v>
      </c>
      <c r="N848">
        <f t="shared" si="63"/>
        <v>-1.2949163043740293</v>
      </c>
      <c r="O848">
        <f t="shared" si="64"/>
        <v>-1.0644383897201042</v>
      </c>
    </row>
    <row r="849" spans="1:15" x14ac:dyDescent="0.4">
      <c r="A849">
        <v>28.233333333333334</v>
      </c>
      <c r="B849">
        <f t="shared" si="65"/>
        <v>797.12111111111119</v>
      </c>
      <c r="C849">
        <v>-3.7497511174347133</v>
      </c>
      <c r="D849">
        <v>3.2530086498651225</v>
      </c>
      <c r="E849" cm="1">
        <f t="array" ref="E849">INDEX(LINEST(C820:C878,$A820:$B878),1)*2</f>
        <v>1.6495644464157428E-2</v>
      </c>
      <c r="F849" cm="1">
        <f t="array" ref="F849">INDEX(LINEST(D820:D878,$A820:$B878),1)*2</f>
        <v>1.5439997618689453E-2</v>
      </c>
      <c r="G849">
        <f t="shared" si="61"/>
        <v>0.96878919937996566</v>
      </c>
      <c r="H849">
        <f t="shared" si="62"/>
        <v>0.90679106014563149</v>
      </c>
      <c r="J849">
        <v>5.3077109176940578</v>
      </c>
      <c r="K849">
        <v>2.9208169013007108</v>
      </c>
      <c r="L849" cm="1">
        <f t="array" ref="L849">INDEX(LINEST(J820:J878,$A820:$B878),1)*2</f>
        <v>1.7336301902981164E-2</v>
      </c>
      <c r="M849" cm="1">
        <f t="array" ref="M849">INDEX(LINEST(K820:K878,$A820:$B878),1)*2</f>
        <v>1.3985741916494826E-2</v>
      </c>
      <c r="N849">
        <f t="shared" si="63"/>
        <v>-1.3629800556123792</v>
      </c>
      <c r="O849">
        <f t="shared" si="64"/>
        <v>-1.0995590294748232</v>
      </c>
    </row>
    <row r="850" spans="1:15" x14ac:dyDescent="0.4">
      <c r="A850">
        <v>28.266666666666666</v>
      </c>
      <c r="B850">
        <f t="shared" si="65"/>
        <v>799.0044444444444</v>
      </c>
      <c r="C850">
        <v>-3.7516303292963729</v>
      </c>
      <c r="D850">
        <v>3.2557113536995623</v>
      </c>
      <c r="E850" cm="1">
        <f t="array" ref="E850">INDEX(LINEST(C821:C879,$A821:$B879),1)*2</f>
        <v>1.592523434753805E-2</v>
      </c>
      <c r="F850" cm="1">
        <f t="array" ref="F850">INDEX(LINEST(D821:D879,$A821:$B879),1)*2</f>
        <v>1.6279309176749628E-2</v>
      </c>
      <c r="G850">
        <f t="shared" si="61"/>
        <v>0.93528901323090963</v>
      </c>
      <c r="H850">
        <f t="shared" si="62"/>
        <v>0.95608382795050562</v>
      </c>
      <c r="J850">
        <v>5.3048400268285398</v>
      </c>
      <c r="K850">
        <v>2.9226407831624841</v>
      </c>
      <c r="L850" cm="1">
        <f t="array" ref="L850">INDEX(LINEST(J821:J879,$A821:$B879),1)*2</f>
        <v>1.8194420890268438E-2</v>
      </c>
      <c r="M850" cm="1">
        <f t="array" ref="M850">INDEX(LINEST(K821:K879,$A821:$B879),1)*2</f>
        <v>1.4360124458901165E-2</v>
      </c>
      <c r="N850">
        <f t="shared" si="63"/>
        <v>-1.4304453703929048</v>
      </c>
      <c r="O850">
        <f t="shared" si="64"/>
        <v>-1.1289929849588096</v>
      </c>
    </row>
    <row r="851" spans="1:15" x14ac:dyDescent="0.4">
      <c r="A851">
        <v>28.3</v>
      </c>
      <c r="B851">
        <f t="shared" si="65"/>
        <v>800.89</v>
      </c>
      <c r="C851">
        <v>-3.7500880279673616</v>
      </c>
      <c r="D851">
        <v>3.2588557215373566</v>
      </c>
      <c r="E851" cm="1">
        <f t="array" ref="E851">INDEX(LINEST(C822:C880,$A822:$B880),1)*2</f>
        <v>1.4793454941000551E-2</v>
      </c>
      <c r="F851" cm="1">
        <f t="array" ref="F851">INDEX(LINEST(D822:D880,$A822:$B880),1)*2</f>
        <v>1.6319992556695053E-2</v>
      </c>
      <c r="G851">
        <f t="shared" si="61"/>
        <v>0.86881960868496233</v>
      </c>
      <c r="H851">
        <f t="shared" si="62"/>
        <v>0.95847316285470041</v>
      </c>
      <c r="J851">
        <v>5.3040607122252093</v>
      </c>
      <c r="K851">
        <v>2.9245790150201727</v>
      </c>
      <c r="L851" cm="1">
        <f t="array" ref="L851">INDEX(LINEST(J822:J880,$A822:$B880),1)*2</f>
        <v>1.9313754008320645E-2</v>
      </c>
      <c r="M851" cm="1">
        <f t="array" ref="M851">INDEX(LINEST(K822:K880,$A822:$B880),1)*2</f>
        <v>1.4410586392081729E-2</v>
      </c>
      <c r="N851">
        <f t="shared" si="63"/>
        <v>-1.5184473401341692</v>
      </c>
      <c r="O851">
        <f t="shared" si="64"/>
        <v>-1.1329603021454657</v>
      </c>
    </row>
    <row r="852" spans="1:15" x14ac:dyDescent="0.4">
      <c r="A852">
        <v>28.333333333333332</v>
      </c>
      <c r="B852">
        <f t="shared" si="65"/>
        <v>802.77777777777771</v>
      </c>
      <c r="C852">
        <v>-3.7513792537078361</v>
      </c>
      <c r="D852">
        <v>3.2594102890856065</v>
      </c>
      <c r="E852" cm="1">
        <f t="array" ref="E852">INDEX(LINEST(C823:C881,$A823:$B881),1)*2</f>
        <v>1.2800420041147224E-2</v>
      </c>
      <c r="F852" cm="1">
        <f t="array" ref="F852">INDEX(LINEST(D823:D881,$A823:$B881),1)*2</f>
        <v>1.6042475680589408E-2</v>
      </c>
      <c r="G852">
        <f t="shared" si="61"/>
        <v>0.75176866901657646</v>
      </c>
      <c r="H852">
        <f t="shared" si="62"/>
        <v>0.94217459672101589</v>
      </c>
      <c r="J852">
        <v>5.3038249849656447</v>
      </c>
      <c r="K852">
        <v>2.927523463490362</v>
      </c>
      <c r="L852" cm="1">
        <f t="array" ref="L852">INDEX(LINEST(J823:J881,$A823:$B881),1)*2</f>
        <v>2.0226044393403777E-2</v>
      </c>
      <c r="M852" cm="1">
        <f t="array" ref="M852">INDEX(LINEST(K823:K881,$A823:$B881),1)*2</f>
        <v>1.3472348609806433E-2</v>
      </c>
      <c r="N852">
        <f t="shared" si="63"/>
        <v>-1.590171610209405</v>
      </c>
      <c r="O852">
        <f t="shared" si="64"/>
        <v>-1.0591960477029818</v>
      </c>
    </row>
    <row r="853" spans="1:15" x14ac:dyDescent="0.4">
      <c r="A853">
        <v>28.366666666666667</v>
      </c>
      <c r="B853">
        <f t="shared" si="65"/>
        <v>804.66777777777781</v>
      </c>
      <c r="C853">
        <v>-3.7511417770099031</v>
      </c>
      <c r="D853">
        <v>3.2640736710883971</v>
      </c>
      <c r="E853" cm="1">
        <f t="array" ref="E853">INDEX(LINEST(C824:C882,$A824:$B882),1)*2</f>
        <v>1.1619386480029808E-2</v>
      </c>
      <c r="F853" cm="1">
        <f t="array" ref="F853">INDEX(LINEST(D824:D882,$A824:$B882),1)*2</f>
        <v>1.6299197551103844E-2</v>
      </c>
      <c r="G853">
        <f t="shared" si="61"/>
        <v>0.6824065679721506</v>
      </c>
      <c r="H853">
        <f t="shared" si="62"/>
        <v>0.95725187217632879</v>
      </c>
      <c r="J853">
        <v>5.3049518528437138</v>
      </c>
      <c r="K853">
        <v>2.9282497849646569</v>
      </c>
      <c r="L853" cm="1">
        <f t="array" ref="L853">INDEX(LINEST(J824:J882,$A824:$B882),1)*2</f>
        <v>2.0464331496477531E-2</v>
      </c>
      <c r="M853" cm="1">
        <f t="array" ref="M853">INDEX(LINEST(K824:K882,$A824:$B882),1)*2</f>
        <v>1.1669091412562959E-2</v>
      </c>
      <c r="N853">
        <f t="shared" si="63"/>
        <v>-1.6089057422530637</v>
      </c>
      <c r="O853">
        <f t="shared" si="64"/>
        <v>-0.91742396685569993</v>
      </c>
    </row>
    <row r="854" spans="1:15" x14ac:dyDescent="0.4">
      <c r="A854">
        <v>28.4</v>
      </c>
      <c r="B854">
        <f t="shared" si="65"/>
        <v>806.56</v>
      </c>
      <c r="C854">
        <v>-3.750832816755211</v>
      </c>
      <c r="D854">
        <v>3.2676574240790983</v>
      </c>
      <c r="E854" cm="1">
        <f t="array" ref="E854">INDEX(LINEST(C825:C883,$A825:$B883),1)*2</f>
        <v>1.0344440823644245E-2</v>
      </c>
      <c r="F854" cm="1">
        <f t="array" ref="F854">INDEX(LINEST(D825:D883,$A825:$B883),1)*2</f>
        <v>1.6107942638607525E-2</v>
      </c>
      <c r="G854">
        <f t="shared" si="61"/>
        <v>0.60752900957262645</v>
      </c>
      <c r="H854">
        <f t="shared" si="62"/>
        <v>0.94601947116541985</v>
      </c>
      <c r="J854">
        <v>5.3037537767323233</v>
      </c>
      <c r="K854">
        <v>2.9325142427889461</v>
      </c>
      <c r="L854" cm="1">
        <f t="array" ref="L854">INDEX(LINEST(J825:J883,$A825:$B883),1)*2</f>
        <v>1.9954903770190161E-2</v>
      </c>
      <c r="M854" cm="1">
        <f t="array" ref="M854">INDEX(LINEST(K825:K883,$A825:$B883),1)*2</f>
        <v>1.0070871427013866E-2</v>
      </c>
      <c r="N854">
        <f t="shared" si="63"/>
        <v>-1.5688545344123506</v>
      </c>
      <c r="O854">
        <f t="shared" si="64"/>
        <v>-0.79177191159183014</v>
      </c>
    </row>
    <row r="855" spans="1:15" x14ac:dyDescent="0.4">
      <c r="A855">
        <v>28.433333333333334</v>
      </c>
      <c r="B855">
        <f t="shared" si="65"/>
        <v>808.45444444444445</v>
      </c>
      <c r="C855">
        <v>-3.7505113534582537</v>
      </c>
      <c r="D855">
        <v>3.2703262573761651</v>
      </c>
      <c r="E855" cm="1">
        <f t="array" ref="E855">INDEX(LINEST(C826:C884,$A826:$B884),1)*2</f>
        <v>9.5212838730685916E-3</v>
      </c>
      <c r="F855" cm="1">
        <f t="array" ref="F855">INDEX(LINEST(D826:D884,$A826:$B884),1)*2</f>
        <v>1.4616037298241199E-2</v>
      </c>
      <c r="G855">
        <f t="shared" si="61"/>
        <v>0.55918500186531839</v>
      </c>
      <c r="H855">
        <f t="shared" si="62"/>
        <v>0.85839987052570554</v>
      </c>
      <c r="J855">
        <v>5.303082726617955</v>
      </c>
      <c r="K855">
        <v>2.9348608287134765</v>
      </c>
      <c r="L855" cm="1">
        <f t="array" ref="L855">INDEX(LINEST(J826:J884,$A826:$B884),1)*2</f>
        <v>1.8134974757340799E-2</v>
      </c>
      <c r="M855" cm="1">
        <f t="array" ref="M855">INDEX(LINEST(K826:K884,$A826:$B884),1)*2</f>
        <v>7.5134182153395119E-3</v>
      </c>
      <c r="N855">
        <f t="shared" si="63"/>
        <v>-1.4257717154221337</v>
      </c>
      <c r="O855">
        <f t="shared" si="64"/>
        <v>-0.59070494008999241</v>
      </c>
    </row>
    <row r="856" spans="1:15" x14ac:dyDescent="0.4">
      <c r="A856">
        <v>28.466666666666665</v>
      </c>
      <c r="B856">
        <f t="shared" si="65"/>
        <v>810.35111111111098</v>
      </c>
      <c r="C856">
        <v>-3.7505327298270563</v>
      </c>
      <c r="D856">
        <v>3.2717436868479886</v>
      </c>
      <c r="E856" cm="1">
        <f t="array" ref="E856">INDEX(LINEST(C827:C885,$A827:$B885),1)*2</f>
        <v>9.2777068182048616E-3</v>
      </c>
      <c r="F856" cm="1">
        <f t="array" ref="F856">INDEX(LINEST(D827:D885,$A827:$B885),1)*2</f>
        <v>1.1463340711522387E-2</v>
      </c>
      <c r="G856">
        <f t="shared" si="61"/>
        <v>0.54487972143317154</v>
      </c>
      <c r="H856">
        <f t="shared" si="62"/>
        <v>0.67324199998770973</v>
      </c>
      <c r="J856">
        <v>5.3026487418036021</v>
      </c>
      <c r="K856">
        <v>2.9368847195698873</v>
      </c>
      <c r="L856" cm="1">
        <f t="array" ref="L856">INDEX(LINEST(J827:J885,$A827:$B885),1)*2</f>
        <v>1.6121105065750339E-2</v>
      </c>
      <c r="M856" cm="1">
        <f t="array" ref="M856">INDEX(LINEST(K827:K885,$A827:$B885),1)*2</f>
        <v>5.2874040714358372E-3</v>
      </c>
      <c r="N856">
        <f t="shared" si="63"/>
        <v>-1.2674412802692918</v>
      </c>
      <c r="O856">
        <f t="shared" si="64"/>
        <v>-0.41569570809628553</v>
      </c>
    </row>
    <row r="857" spans="1:15" x14ac:dyDescent="0.4">
      <c r="A857">
        <v>28.5</v>
      </c>
      <c r="B857">
        <f t="shared" si="65"/>
        <v>812.25</v>
      </c>
      <c r="C857">
        <v>-3.7512376069269866</v>
      </c>
      <c r="D857">
        <v>3.2746791655026777</v>
      </c>
      <c r="E857" cm="1">
        <f t="array" ref="E857">INDEX(LINEST(C828:C886,$A828:$B886),1)*2</f>
        <v>7.8252164511206108E-3</v>
      </c>
      <c r="F857" cm="1">
        <f t="array" ref="F857">INDEX(LINEST(D828:D886,$A828:$B886),1)*2</f>
        <v>8.2885859037172965E-3</v>
      </c>
      <c r="G857">
        <f t="shared" si="61"/>
        <v>0.45957496217431343</v>
      </c>
      <c r="H857">
        <f t="shared" si="62"/>
        <v>0.4867886501253168</v>
      </c>
      <c r="J857">
        <v>5.3016897496168429</v>
      </c>
      <c r="K857">
        <v>2.9380606130136213</v>
      </c>
      <c r="L857" cm="1">
        <f t="array" ref="L857">INDEX(LINEST(J828:J886,$A828:$B886),1)*2</f>
        <v>1.3738683236845885E-2</v>
      </c>
      <c r="M857" cm="1">
        <f t="array" ref="M857">INDEX(LINEST(K828:K886,$A828:$B886),1)*2</f>
        <v>2.5273228802360007E-3</v>
      </c>
      <c r="N857">
        <f t="shared" si="63"/>
        <v>-1.0801352760808236</v>
      </c>
      <c r="O857">
        <f t="shared" si="64"/>
        <v>-0.19869812484415439</v>
      </c>
    </row>
    <row r="858" spans="1:15" x14ac:dyDescent="0.4">
      <c r="A858">
        <v>28.533333333333335</v>
      </c>
      <c r="B858">
        <f t="shared" si="65"/>
        <v>814.15111111111116</v>
      </c>
      <c r="C858">
        <v>-3.7531250416261233</v>
      </c>
      <c r="D858">
        <v>3.2739803607250497</v>
      </c>
      <c r="E858" cm="1">
        <f t="array" ref="E858">INDEX(LINEST(C829:C887,$A829:$B887),1)*2</f>
        <v>6.1626220803677519E-3</v>
      </c>
      <c r="F858" cm="1">
        <f t="array" ref="F858">INDEX(LINEST(D829:D887,$A829:$B887),1)*2</f>
        <v>5.5541647433446431E-3</v>
      </c>
      <c r="G858">
        <f t="shared" si="61"/>
        <v>0.36193079477999807</v>
      </c>
      <c r="H858">
        <f t="shared" si="62"/>
        <v>0.32619609537663086</v>
      </c>
      <c r="J858">
        <v>5.3015490591641781</v>
      </c>
      <c r="K858">
        <v>2.9376049063450687</v>
      </c>
      <c r="L858" cm="1">
        <f t="array" ref="L858">INDEX(LINEST(J829:J887,$A829:$B887),1)*2</f>
        <v>1.1323637148513713E-2</v>
      </c>
      <c r="M858" cm="1">
        <f t="array" ref="M858">INDEX(LINEST(K829:K887,$A829:$B887),1)*2</f>
        <v>-1.2835686204652806E-4</v>
      </c>
      <c r="N858">
        <f t="shared" si="63"/>
        <v>-0.89026435261614811</v>
      </c>
      <c r="O858">
        <f t="shared" si="64"/>
        <v>1.0091416494098037E-2</v>
      </c>
    </row>
    <row r="859" spans="1:15" x14ac:dyDescent="0.4">
      <c r="A859">
        <v>28.566666666666666</v>
      </c>
      <c r="B859">
        <f t="shared" si="65"/>
        <v>816.05444444444447</v>
      </c>
      <c r="C859">
        <v>-3.755222705833368</v>
      </c>
      <c r="D859">
        <v>3.2797584112827547</v>
      </c>
      <c r="E859" cm="1">
        <f t="array" ref="E859">INDEX(LINEST(C830:C888,$A830:$B888),1)*2</f>
        <v>5.1629791516467696E-3</v>
      </c>
      <c r="F859" cm="1">
        <f t="array" ref="F859">INDEX(LINEST(D830:D888,$A830:$B888),1)*2</f>
        <v>3.7101069859126366E-3</v>
      </c>
      <c r="G859">
        <f t="shared" si="61"/>
        <v>0.30322176557621477</v>
      </c>
      <c r="H859">
        <f t="shared" si="62"/>
        <v>0.21789458328264913</v>
      </c>
      <c r="J859">
        <v>5.3039956731877052</v>
      </c>
      <c r="K859">
        <v>2.9376717725142876</v>
      </c>
      <c r="L859" cm="1">
        <f t="array" ref="L859">INDEX(LINEST(J830:J888,$A830:$B888),1)*2</f>
        <v>9.9920376560437771E-3</v>
      </c>
      <c r="M859" cm="1">
        <f t="array" ref="M859">INDEX(LINEST(K830:K888,$A830:$B888),1)*2</f>
        <v>-1.8849373492811697E-3</v>
      </c>
      <c r="N859">
        <f t="shared" si="63"/>
        <v>-0.78557400051816184</v>
      </c>
      <c r="O859">
        <f t="shared" si="64"/>
        <v>0.14819377440048556</v>
      </c>
    </row>
    <row r="860" spans="1:15" x14ac:dyDescent="0.4">
      <c r="A860">
        <v>28.6</v>
      </c>
      <c r="B860">
        <f t="shared" si="65"/>
        <v>817.96</v>
      </c>
      <c r="C860">
        <v>-3.7555073625800532</v>
      </c>
      <c r="D860">
        <v>3.2781908867958025</v>
      </c>
      <c r="E860" cm="1">
        <f t="array" ref="E860">INDEX(LINEST(C831:C889,$A831:$B889),1)*2</f>
        <v>3.1771723891258425E-3</v>
      </c>
      <c r="F860" cm="1">
        <f t="array" ref="F860">INDEX(LINEST(D831:D889,$A831:$B889),1)*2</f>
        <v>2.1353531437303887E-3</v>
      </c>
      <c r="G860">
        <f t="shared" si="61"/>
        <v>0.18659533441336071</v>
      </c>
      <c r="H860">
        <f t="shared" si="62"/>
        <v>0.12540929013128571</v>
      </c>
      <c r="J860">
        <v>5.3022188699560564</v>
      </c>
      <c r="K860">
        <v>2.9394945887400286</v>
      </c>
      <c r="L860" cm="1">
        <f t="array" ref="L860">INDEX(LINEST(J831:J889,$A831:$B889),1)*2</f>
        <v>9.044011970345012E-3</v>
      </c>
      <c r="M860" cm="1">
        <f t="array" ref="M860">INDEX(LINEST(K831:K889,$A831:$B889),1)*2</f>
        <v>-3.4307743514320043E-3</v>
      </c>
      <c r="N860">
        <f t="shared" si="63"/>
        <v>-0.71104022110852494</v>
      </c>
      <c r="O860">
        <f t="shared" si="64"/>
        <v>0.2697274795095842</v>
      </c>
    </row>
    <row r="861" spans="1:15" x14ac:dyDescent="0.4">
      <c r="A861">
        <v>28.633333333333333</v>
      </c>
      <c r="B861">
        <f t="shared" si="65"/>
        <v>819.86777777777775</v>
      </c>
      <c r="C861">
        <v>-3.7535238013113941</v>
      </c>
      <c r="D861">
        <v>3.2856090107226676</v>
      </c>
      <c r="E861" cm="1">
        <f t="array" ref="E861">INDEX(LINEST(C832:C890,$A832:$B890),1)*2</f>
        <v>3.0775122363058227E-3</v>
      </c>
      <c r="F861" cm="1">
        <f t="array" ref="F861">INDEX(LINEST(D832:D890,$A832:$B890),1)*2</f>
        <v>1.4263583151661145E-3</v>
      </c>
      <c r="G861">
        <f t="shared" si="61"/>
        <v>0.18074229363824096</v>
      </c>
      <c r="H861">
        <f t="shared" si="62"/>
        <v>8.3770023849705902E-2</v>
      </c>
      <c r="J861">
        <v>5.3046750516960746</v>
      </c>
      <c r="K861">
        <v>2.9401815394040938</v>
      </c>
      <c r="L861" cm="1">
        <f t="array" ref="L861">INDEX(LINEST(J832:J890,$A832:$B890),1)*2</f>
        <v>7.3684222165163998E-3</v>
      </c>
      <c r="M861" cm="1">
        <f t="array" ref="M861">INDEX(LINEST(K832:K890,$A832:$B890),1)*2</f>
        <v>-4.4894055559537918E-3</v>
      </c>
      <c r="N861">
        <f t="shared" si="63"/>
        <v>-0.57930535466251942</v>
      </c>
      <c r="O861">
        <f t="shared" si="64"/>
        <v>0.35295706480908712</v>
      </c>
    </row>
    <row r="862" spans="1:15" x14ac:dyDescent="0.4">
      <c r="A862">
        <v>28.666666666666668</v>
      </c>
      <c r="B862">
        <f t="shared" si="65"/>
        <v>821.77777777777783</v>
      </c>
      <c r="C862">
        <v>-3.7557519296717143</v>
      </c>
      <c r="D862">
        <v>3.28455822704171</v>
      </c>
      <c r="E862" cm="1">
        <f t="array" ref="E862">INDEX(LINEST(C833:C891,$A833:$B891),1)*2</f>
        <v>1.5353892592389127E-3</v>
      </c>
      <c r="F862" cm="1">
        <f t="array" ref="F862">INDEX(LINEST(D833:D891,$A833:$B891),1)*2</f>
        <v>-3.4266553098521497E-4</v>
      </c>
      <c r="G862">
        <f t="shared" si="61"/>
        <v>9.0173411195101347E-2</v>
      </c>
      <c r="H862">
        <f t="shared" si="62"/>
        <v>-2.0124746634761673E-2</v>
      </c>
      <c r="J862">
        <v>5.3005948679549331</v>
      </c>
      <c r="K862">
        <v>2.9404483205706908</v>
      </c>
      <c r="L862" cm="1">
        <f t="array" ref="L862">INDEX(LINEST(J833:J891,$A833:$B891),1)*2</f>
        <v>6.647059240486781E-3</v>
      </c>
      <c r="M862" cm="1">
        <f t="array" ref="M862">INDEX(LINEST(K833:K891,$A833:$B891),1)*2</f>
        <v>-4.6156597888230089E-3</v>
      </c>
      <c r="N862">
        <f t="shared" si="63"/>
        <v>-0.52259179748707074</v>
      </c>
      <c r="O862">
        <f t="shared" si="64"/>
        <v>0.36288317259726499</v>
      </c>
    </row>
    <row r="863" spans="1:15" x14ac:dyDescent="0.4">
      <c r="A863">
        <v>28.7</v>
      </c>
      <c r="B863">
        <f t="shared" si="65"/>
        <v>823.68999999999994</v>
      </c>
      <c r="C863">
        <v>-3.755504403790308</v>
      </c>
      <c r="D863">
        <v>3.2904675871247289</v>
      </c>
      <c r="E863" cm="1">
        <f t="array" ref="E863">INDEX(LINEST(C834:C892,$A834:$B892),1)*2</f>
        <v>-6.1648863504723658E-4</v>
      </c>
      <c r="F863" cm="1">
        <f t="array" ref="F863">INDEX(LINEST(D834:D892,$A834:$B892),1)*2</f>
        <v>-7.8536308657748441E-4</v>
      </c>
      <c r="G863">
        <f t="shared" si="61"/>
        <v>-3.6206377536324205E-2</v>
      </c>
      <c r="H863">
        <f t="shared" si="62"/>
        <v>-4.6124374074695655E-2</v>
      </c>
      <c r="J863">
        <v>5.2965318525038185</v>
      </c>
      <c r="K863">
        <v>2.9418609967040052</v>
      </c>
      <c r="L863" cm="1">
        <f t="array" ref="L863">INDEX(LINEST(J834:J892,$A834:$B892),1)*2</f>
        <v>6.6799842082098191E-3</v>
      </c>
      <c r="M863" cm="1">
        <f t="array" ref="M863">INDEX(LINEST(K834:K892,$A834:$B892),1)*2</f>
        <v>-6.20732852798487E-3</v>
      </c>
      <c r="N863">
        <f t="shared" si="63"/>
        <v>-0.52518035844945599</v>
      </c>
      <c r="O863">
        <f t="shared" si="64"/>
        <v>0.48802016887017052</v>
      </c>
    </row>
    <row r="864" spans="1:15" x14ac:dyDescent="0.4">
      <c r="A864">
        <v>28.733333333333334</v>
      </c>
      <c r="B864">
        <f t="shared" si="65"/>
        <v>825.60444444444454</v>
      </c>
      <c r="C864">
        <v>-3.75661601159806</v>
      </c>
      <c r="D864">
        <v>3.2918006331011349</v>
      </c>
      <c r="E864" cm="1">
        <f t="array" ref="E864">INDEX(LINEST(C835:C893,$A835:$B893),1)*2</f>
        <v>-4.449911412348714E-4</v>
      </c>
      <c r="F864" cm="1">
        <f t="array" ref="F864">INDEX(LINEST(D835:D893,$A835:$B893),1)*2</f>
        <v>-2.3251210555958082E-3</v>
      </c>
      <c r="G864">
        <f t="shared" ref="G864:G873" si="66">E864*58.73</f>
        <v>-2.6134329724723997E-2</v>
      </c>
      <c r="H864">
        <f t="shared" ref="H864:H873" si="67">F864*58.73</f>
        <v>-0.13655435959514181</v>
      </c>
      <c r="J864">
        <v>5.2962260649597166</v>
      </c>
      <c r="K864">
        <v>2.9453593811830121</v>
      </c>
      <c r="L864" cm="1">
        <f t="array" ref="L864">INDEX(LINEST(J835:J893,$A835:$B893),1)*2</f>
        <v>6.1669127835685027E-3</v>
      </c>
      <c r="M864" cm="1">
        <f t="array" ref="M864">INDEX(LINEST(K835:K893,$A835:$B893),1)*2</f>
        <v>-6.4863803710121151E-3</v>
      </c>
      <c r="N864">
        <f t="shared" ref="N864:N873" si="68">-L864*78.62</f>
        <v>-0.48484268304415573</v>
      </c>
      <c r="O864">
        <f t="shared" ref="O864:O873" si="69">-M864*78.62</f>
        <v>0.50995922476897249</v>
      </c>
    </row>
    <row r="865" spans="1:15" x14ac:dyDescent="0.4">
      <c r="A865">
        <v>28.766666666666666</v>
      </c>
      <c r="B865">
        <f t="shared" si="65"/>
        <v>827.52111111111105</v>
      </c>
      <c r="C865">
        <v>-3.7574237756610174</v>
      </c>
      <c r="D865">
        <v>3.294353971122328</v>
      </c>
      <c r="E865" cm="1">
        <f t="array" ref="E865">INDEX(LINEST(C836:C894,$A836:$B894),1)*2</f>
        <v>5.3867768438237043E-4</v>
      </c>
      <c r="F865" cm="1">
        <f t="array" ref="F865">INDEX(LINEST(D836:D894,$A836:$B894),1)*2</f>
        <v>-2.9583837897670978E-3</v>
      </c>
      <c r="G865">
        <f t="shared" si="66"/>
        <v>3.1636540403776614E-2</v>
      </c>
      <c r="H865">
        <f t="shared" si="67"/>
        <v>-0.17374587997302166</v>
      </c>
      <c r="J865">
        <v>5.2952757904475636</v>
      </c>
      <c r="K865">
        <v>2.9461558616286956</v>
      </c>
      <c r="L865" cm="1">
        <f t="array" ref="L865">INDEX(LINEST(J836:J894,$A836:$B894),1)*2</f>
        <v>4.312994246881717E-3</v>
      </c>
      <c r="M865" cm="1">
        <f t="array" ref="M865">INDEX(LINEST(K836:K894,$A836:$B894),1)*2</f>
        <v>-6.880782394672943E-3</v>
      </c>
      <c r="N865">
        <f t="shared" si="68"/>
        <v>-0.33908760768984059</v>
      </c>
      <c r="O865">
        <f t="shared" si="69"/>
        <v>0.54096711186918678</v>
      </c>
    </row>
    <row r="866" spans="1:15" x14ac:dyDescent="0.4">
      <c r="A866">
        <v>28.8</v>
      </c>
      <c r="B866">
        <f t="shared" si="65"/>
        <v>829.44</v>
      </c>
      <c r="C866">
        <v>-3.7581366353380155</v>
      </c>
      <c r="D866">
        <v>3.2952805719557503</v>
      </c>
      <c r="E866" cm="1">
        <f t="array" ref="E866">INDEX(LINEST(C837:C895,$A837:$B895),1)*2</f>
        <v>5.2230462723345931E-4</v>
      </c>
      <c r="F866" cm="1">
        <f t="array" ref="F866">INDEX(LINEST(D837:D895,$A837:$B895),1)*2</f>
        <v>-3.4044359239349628E-3</v>
      </c>
      <c r="G866">
        <f t="shared" si="66"/>
        <v>3.0674950757421063E-2</v>
      </c>
      <c r="H866">
        <f t="shared" si="67"/>
        <v>-0.19994252181270036</v>
      </c>
      <c r="J866">
        <v>5.2943843157797144</v>
      </c>
      <c r="K866">
        <v>2.9485671570658591</v>
      </c>
      <c r="L866" cm="1">
        <f t="array" ref="L866">INDEX(LINEST(J837:J895,$A837:$B895),1)*2</f>
        <v>2.450511448008859E-3</v>
      </c>
      <c r="M866" cm="1">
        <f t="array" ref="M866">INDEX(LINEST(K837:K895,$A837:$B895),1)*2</f>
        <v>-6.6920694417633127E-3</v>
      </c>
      <c r="N866">
        <f t="shared" si="68"/>
        <v>-0.19265921004245651</v>
      </c>
      <c r="O866">
        <f t="shared" si="69"/>
        <v>0.52613049951143165</v>
      </c>
    </row>
    <row r="867" spans="1:15" x14ac:dyDescent="0.4">
      <c r="A867">
        <v>28.833333333333332</v>
      </c>
      <c r="B867">
        <f t="shared" si="65"/>
        <v>831.36111111111109</v>
      </c>
      <c r="C867">
        <v>-3.7614413482771427</v>
      </c>
      <c r="D867">
        <v>3.2994359108097098</v>
      </c>
      <c r="E867" cm="1">
        <f t="array" ref="E867">INDEX(LINEST(C838:C896,$A838:$B896),1)*2</f>
        <v>4.1995365319655802E-4</v>
      </c>
      <c r="F867" cm="1">
        <f t="array" ref="F867">INDEX(LINEST(D838:D896,$A838:$B896),1)*2</f>
        <v>-3.8461498167265294E-3</v>
      </c>
      <c r="G867">
        <f t="shared" si="66"/>
        <v>2.4663878052233853E-2</v>
      </c>
      <c r="H867">
        <f t="shared" si="67"/>
        <v>-0.22588437873634906</v>
      </c>
      <c r="J867">
        <v>5.2904218719690475</v>
      </c>
      <c r="K867">
        <v>2.9513912898005574</v>
      </c>
      <c r="L867" cm="1">
        <f t="array" ref="L867">INDEX(LINEST(J838:J896,$A838:$B896),1)*2</f>
        <v>3.5965947079912231E-4</v>
      </c>
      <c r="M867" cm="1">
        <f t="array" ref="M867">INDEX(LINEST(K838:K896,$A838:$B896),1)*2</f>
        <v>-5.2692659570115676E-3</v>
      </c>
      <c r="N867">
        <f t="shared" si="68"/>
        <v>-2.8276427594226997E-2</v>
      </c>
      <c r="O867">
        <f t="shared" si="69"/>
        <v>0.41426968954024945</v>
      </c>
    </row>
    <row r="868" spans="1:15" x14ac:dyDescent="0.4">
      <c r="A868">
        <v>28.866666666666667</v>
      </c>
      <c r="B868">
        <f t="shared" si="65"/>
        <v>833.28444444444449</v>
      </c>
      <c r="C868">
        <v>-3.7643443506496959</v>
      </c>
      <c r="D868">
        <v>3.3080695365952129</v>
      </c>
      <c r="E868" cm="1">
        <f t="array" ref="E868">INDEX(LINEST(C839:C897,$A839:$B897),1)*2</f>
        <v>9.5249770723309306E-5</v>
      </c>
      <c r="F868" cm="1">
        <f t="array" ref="F868">INDEX(LINEST(D839:D897,$A839:$B897),1)*2</f>
        <v>-4.1105050573895198E-3</v>
      </c>
      <c r="G868">
        <f t="shared" si="66"/>
        <v>5.5940190345799556E-3</v>
      </c>
      <c r="H868">
        <f t="shared" si="67"/>
        <v>-0.24140996202048648</v>
      </c>
      <c r="J868">
        <v>5.2897121529953974</v>
      </c>
      <c r="K868">
        <v>2.9544998558871751</v>
      </c>
      <c r="L868" cm="1">
        <f t="array" ref="L868">INDEX(LINEST(J839:J897,$A839:$B897),1)*2</f>
        <v>-1.1642698361331626E-3</v>
      </c>
      <c r="M868" cm="1">
        <f t="array" ref="M868">INDEX(LINEST(K839:K897,$A839:$B897),1)*2</f>
        <v>-3.6914887698761725E-3</v>
      </c>
      <c r="N868">
        <f t="shared" si="68"/>
        <v>9.1534894516789256E-2</v>
      </c>
      <c r="O868">
        <f t="shared" si="69"/>
        <v>0.29022484708766472</v>
      </c>
    </row>
    <row r="869" spans="1:15" x14ac:dyDescent="0.4">
      <c r="A869">
        <v>28.9</v>
      </c>
      <c r="B869">
        <f t="shared" si="65"/>
        <v>835.20999999999992</v>
      </c>
      <c r="C869">
        <v>-3.766748783274497</v>
      </c>
      <c r="D869">
        <v>3.3096680429785401</v>
      </c>
      <c r="E869" cm="1">
        <f t="array" ref="E869">INDEX(LINEST(C840:C898,$A840:$B898),1)*2</f>
        <v>-1.0750954558424704E-3</v>
      </c>
      <c r="F869" cm="1">
        <f t="array" ref="F869">INDEX(LINEST(D840:D898,$A840:$B898),1)*2</f>
        <v>-5.1258270433324239E-3</v>
      </c>
      <c r="G869">
        <f t="shared" si="66"/>
        <v>-6.3140356121628285E-2</v>
      </c>
      <c r="H869">
        <f t="shared" si="67"/>
        <v>-0.30103982225491321</v>
      </c>
      <c r="J869">
        <v>5.2898096636851637</v>
      </c>
      <c r="K869">
        <v>2.9584279094469941</v>
      </c>
      <c r="L869" cm="1">
        <f t="array" ref="L869">INDEX(LINEST(J840:J898,$A840:$B898),1)*2</f>
        <v>-2.1202101645486329E-3</v>
      </c>
      <c r="M869" cm="1">
        <f t="array" ref="M869">INDEX(LINEST(K840:K898,$A840:$B898),1)*2</f>
        <v>-2.1154277325570276E-3</v>
      </c>
      <c r="N869">
        <f t="shared" si="68"/>
        <v>0.16669092313681352</v>
      </c>
      <c r="O869">
        <f t="shared" si="69"/>
        <v>0.16631492833363351</v>
      </c>
    </row>
    <row r="870" spans="1:15" x14ac:dyDescent="0.4">
      <c r="A870">
        <v>28.933333333333334</v>
      </c>
      <c r="B870">
        <f t="shared" si="65"/>
        <v>837.13777777777784</v>
      </c>
      <c r="C870">
        <v>-3.7673353079541214</v>
      </c>
      <c r="D870">
        <v>3.317226717337932</v>
      </c>
      <c r="E870" cm="1">
        <f t="array" ref="E870">INDEX(LINEST(C841:C899,$A841:$B899),1)*2</f>
        <v>-2.0465710288902757E-3</v>
      </c>
      <c r="F870" cm="1">
        <f t="array" ref="F870">INDEX(LINEST(D841:D899,$A841:$B899),1)*2</f>
        <v>-5.6136299825510581E-3</v>
      </c>
      <c r="G870">
        <f t="shared" si="66"/>
        <v>-0.12019511652672589</v>
      </c>
      <c r="H870">
        <f t="shared" si="67"/>
        <v>-0.32968848887522362</v>
      </c>
      <c r="J870">
        <v>5.289007654017067</v>
      </c>
      <c r="K870">
        <v>2.9597231585582136</v>
      </c>
      <c r="L870" cm="1">
        <f t="array" ref="L870">INDEX(LINEST(J841:J899,$A841:$B899),1)*2</f>
        <v>-2.8746089633966592E-3</v>
      </c>
      <c r="M870" cm="1">
        <f t="array" ref="M870">INDEX(LINEST(K841:K899,$A841:$B899),1)*2</f>
        <v>-3.0060587826657021E-4</v>
      </c>
      <c r="N870">
        <f t="shared" si="68"/>
        <v>0.22600175670224537</v>
      </c>
      <c r="O870">
        <f t="shared" si="69"/>
        <v>2.3633634149317753E-2</v>
      </c>
    </row>
    <row r="871" spans="1:15" x14ac:dyDescent="0.4">
      <c r="A871">
        <v>28.966666666666665</v>
      </c>
      <c r="B871">
        <f t="shared" si="65"/>
        <v>839.06777777777768</v>
      </c>
      <c r="C871">
        <v>-3.7680923691053954</v>
      </c>
      <c r="D871">
        <v>3.3199023330017559</v>
      </c>
      <c r="E871" cm="1">
        <f t="array" ref="E871">INDEX(LINEST(C842:C900,$A842:$B900),1)*2</f>
        <v>-3.6224612959902614E-3</v>
      </c>
      <c r="F871" cm="1">
        <f t="array" ref="F871">INDEX(LINEST(D842:D900,$A842:$B900),1)*2</f>
        <v>-6.9355285328863937E-3</v>
      </c>
      <c r="G871">
        <f t="shared" si="66"/>
        <v>-0.21274715191350804</v>
      </c>
      <c r="H871">
        <f t="shared" si="67"/>
        <v>-0.40732359073641788</v>
      </c>
      <c r="J871">
        <v>5.286864531320612</v>
      </c>
      <c r="K871">
        <v>2.9612014182523017</v>
      </c>
      <c r="L871" cm="1">
        <f t="array" ref="L871">INDEX(LINEST(J842:J900,$A842:$B900),1)*2</f>
        <v>-3.6229273210947933E-3</v>
      </c>
      <c r="M871" cm="1">
        <f t="array" ref="M871">INDEX(LINEST(K842:K900,$A842:$B900),1)*2</f>
        <v>1.3878181406756028E-3</v>
      </c>
      <c r="N871">
        <f t="shared" si="68"/>
        <v>0.28483454598447266</v>
      </c>
      <c r="O871">
        <f t="shared" si="69"/>
        <v>-0.10911026221991589</v>
      </c>
    </row>
    <row r="872" spans="1:15" x14ac:dyDescent="0.4">
      <c r="A872">
        <v>29</v>
      </c>
      <c r="B872">
        <f t="shared" si="65"/>
        <v>841</v>
      </c>
      <c r="C872">
        <v>-3.7689733278752784</v>
      </c>
      <c r="D872">
        <v>3.3225354439406654</v>
      </c>
      <c r="E872" cm="1">
        <f t="array" ref="E872">INDEX(LINEST(C843:C901,$A843:$B901),1)*2</f>
        <v>-4.8167703817012563E-3</v>
      </c>
      <c r="F872" cm="1">
        <f t="array" ref="F872">INDEX(LINEST(D843:D901,$A843:$B901),1)*2</f>
        <v>-7.9436978231507867E-3</v>
      </c>
      <c r="G872">
        <f t="shared" si="66"/>
        <v>-0.28288892451731479</v>
      </c>
      <c r="H872">
        <f t="shared" si="67"/>
        <v>-0.46653337315364568</v>
      </c>
      <c r="J872">
        <v>5.285471511489277</v>
      </c>
      <c r="K872">
        <v>2.9619059767419014</v>
      </c>
      <c r="L872" cm="1">
        <f t="array" ref="L872">INDEX(LINEST(J843:J901,$A843:$B901),1)*2</f>
        <v>-3.81082243332283E-3</v>
      </c>
      <c r="M872" cm="1">
        <f t="array" ref="M872">INDEX(LINEST(K843:K901,$A843:$B901),1)*2</f>
        <v>2.7272049748196313E-3</v>
      </c>
      <c r="N872">
        <f t="shared" si="68"/>
        <v>0.2996068597078409</v>
      </c>
      <c r="O872">
        <f t="shared" si="69"/>
        <v>-0.21441285512031943</v>
      </c>
    </row>
    <row r="873" spans="1:15" x14ac:dyDescent="0.4">
      <c r="A873">
        <v>29.033333333333335</v>
      </c>
      <c r="B873">
        <f t="shared" si="65"/>
        <v>842.93444444444458</v>
      </c>
      <c r="C873">
        <v>-3.7690441838571194</v>
      </c>
      <c r="D873">
        <v>3.3230464941901166</v>
      </c>
      <c r="E873" cm="1">
        <f t="array" ref="E873">INDEX(LINEST(C844:C902,$A844:$B902),1)*2</f>
        <v>-5.784577322402327E-3</v>
      </c>
      <c r="F873" cm="1">
        <f t="array" ref="F873">INDEX(LINEST(D844:D902,$A844:$B902),1)*2</f>
        <v>-8.5657401073570959E-3</v>
      </c>
      <c r="G873">
        <f t="shared" si="66"/>
        <v>-0.33972822614468867</v>
      </c>
      <c r="H873">
        <f t="shared" si="67"/>
        <v>-0.50306591650508226</v>
      </c>
      <c r="J873">
        <v>5.2831747393844788</v>
      </c>
      <c r="K873">
        <v>2.9636992848739871</v>
      </c>
      <c r="L873" cm="1">
        <f t="array" ref="L873">INDEX(LINEST(J844:J902,$A844:$B902),1)*2</f>
        <v>-3.0772598502314431E-3</v>
      </c>
      <c r="M873" cm="1">
        <f t="array" ref="M873">INDEX(LINEST(K844:K902,$A844:$B902),1)*2</f>
        <v>2.663805792381633E-3</v>
      </c>
      <c r="N873">
        <f t="shared" si="68"/>
        <v>0.24193416942519608</v>
      </c>
      <c r="O873">
        <f t="shared" si="69"/>
        <v>-0.20942841139704399</v>
      </c>
    </row>
    <row r="874" spans="1:15" x14ac:dyDescent="0.4">
      <c r="A874">
        <v>29.066666666666666</v>
      </c>
      <c r="B874">
        <f t="shared" si="65"/>
        <v>844.87111111111108</v>
      </c>
      <c r="C874">
        <v>-3.7708207439174561</v>
      </c>
      <c r="D874">
        <v>3.3246328204034308</v>
      </c>
      <c r="J874">
        <v>5.2822447489161659</v>
      </c>
      <c r="K874">
        <v>2.9644555889049049</v>
      </c>
    </row>
    <row r="875" spans="1:15" x14ac:dyDescent="0.4">
      <c r="A875">
        <v>29.1</v>
      </c>
      <c r="B875">
        <f t="shared" si="65"/>
        <v>846.81000000000006</v>
      </c>
      <c r="C875">
        <v>-3.7726104834364387</v>
      </c>
      <c r="D875">
        <v>3.3300626617521516</v>
      </c>
      <c r="J875">
        <v>5.281268799438025</v>
      </c>
      <c r="K875">
        <v>2.9667045851861236</v>
      </c>
    </row>
    <row r="876" spans="1:15" x14ac:dyDescent="0.4">
      <c r="A876">
        <v>29.133333333333333</v>
      </c>
      <c r="B876">
        <f t="shared" si="65"/>
        <v>848.75111111111107</v>
      </c>
      <c r="C876">
        <v>-3.772610982893827</v>
      </c>
      <c r="D876">
        <v>3.3333205106475838</v>
      </c>
      <c r="J876">
        <v>5.2827188019808959</v>
      </c>
      <c r="K876">
        <v>2.9664605182742894</v>
      </c>
    </row>
    <row r="877" spans="1:15" x14ac:dyDescent="0.4">
      <c r="A877">
        <v>29.166666666666668</v>
      </c>
      <c r="B877">
        <f t="shared" si="65"/>
        <v>850.69444444444446</v>
      </c>
      <c r="C877">
        <v>-3.7746287387822446</v>
      </c>
      <c r="D877">
        <v>3.3374386839967287</v>
      </c>
      <c r="J877">
        <v>5.2790331232838144</v>
      </c>
      <c r="K877">
        <v>2.9692341399625644</v>
      </c>
    </row>
    <row r="878" spans="1:15" x14ac:dyDescent="0.4">
      <c r="A878">
        <v>29.2</v>
      </c>
      <c r="B878">
        <f t="shared" si="65"/>
        <v>852.64</v>
      </c>
      <c r="C878">
        <v>-3.7745246698288688</v>
      </c>
      <c r="D878">
        <v>3.3422430795183975</v>
      </c>
      <c r="J878">
        <v>5.2802685255631694</v>
      </c>
      <c r="K878">
        <v>2.973064557780384</v>
      </c>
    </row>
    <row r="879" spans="1:15" x14ac:dyDescent="0.4">
      <c r="A879">
        <v>29.233333333333334</v>
      </c>
      <c r="B879">
        <f t="shared" si="65"/>
        <v>854.58777777777789</v>
      </c>
      <c r="C879">
        <v>-3.7758182558043005</v>
      </c>
      <c r="D879">
        <v>3.3464313925652887</v>
      </c>
      <c r="J879">
        <v>5.279648638900178</v>
      </c>
      <c r="K879">
        <v>2.9757034881724067</v>
      </c>
    </row>
    <row r="880" spans="1:15" x14ac:dyDescent="0.4">
      <c r="A880">
        <v>29.266666666666666</v>
      </c>
      <c r="B880">
        <f t="shared" si="65"/>
        <v>856.53777777777771</v>
      </c>
      <c r="C880">
        <v>-3.7797582768983871</v>
      </c>
      <c r="D880">
        <v>3.3478856866284192</v>
      </c>
      <c r="J880">
        <v>5.2800209150675181</v>
      </c>
      <c r="K880">
        <v>2.9768292366201279</v>
      </c>
    </row>
    <row r="881" spans="1:11" x14ac:dyDescent="0.4">
      <c r="A881">
        <v>29.3</v>
      </c>
      <c r="B881">
        <f t="shared" si="65"/>
        <v>858.49</v>
      </c>
      <c r="C881">
        <v>-3.7840329396804147</v>
      </c>
      <c r="D881">
        <v>3.350564082250008</v>
      </c>
      <c r="J881">
        <v>5.2785703828704085</v>
      </c>
      <c r="K881">
        <v>2.976457365854337</v>
      </c>
    </row>
    <row r="882" spans="1:11" x14ac:dyDescent="0.4">
      <c r="A882">
        <v>29.333333333333332</v>
      </c>
      <c r="B882">
        <f t="shared" si="65"/>
        <v>860.44444444444434</v>
      </c>
      <c r="C882">
        <v>-3.7845687456405948</v>
      </c>
      <c r="D882">
        <v>3.3566967354842552</v>
      </c>
      <c r="J882">
        <v>5.2781500561160861</v>
      </c>
      <c r="K882">
        <v>2.9765268973004604</v>
      </c>
    </row>
    <row r="883" spans="1:11" x14ac:dyDescent="0.4">
      <c r="A883">
        <v>29.366666666666667</v>
      </c>
      <c r="B883">
        <f t="shared" si="65"/>
        <v>862.40111111111116</v>
      </c>
      <c r="C883">
        <v>-3.7845726752931927</v>
      </c>
      <c r="D883">
        <v>3.3585185968790805</v>
      </c>
      <c r="J883">
        <v>5.275190146238165</v>
      </c>
      <c r="K883">
        <v>2.9779529846233226</v>
      </c>
    </row>
    <row r="884" spans="1:11" x14ac:dyDescent="0.4">
      <c r="A884">
        <v>29.4</v>
      </c>
      <c r="B884">
        <f t="shared" si="65"/>
        <v>864.3599999999999</v>
      </c>
      <c r="C884">
        <v>-3.7836655619493267</v>
      </c>
      <c r="D884">
        <v>3.3585612351309129</v>
      </c>
      <c r="J884">
        <v>5.2717741752716867</v>
      </c>
      <c r="K884">
        <v>2.9783322639449006</v>
      </c>
    </row>
    <row r="885" spans="1:11" x14ac:dyDescent="0.4">
      <c r="A885">
        <v>29.433333333333334</v>
      </c>
      <c r="B885">
        <f t="shared" si="65"/>
        <v>866.32111111111112</v>
      </c>
      <c r="C885">
        <v>-3.7806925424716118</v>
      </c>
      <c r="D885">
        <v>3.355277533359502</v>
      </c>
      <c r="J885">
        <v>5.2712556350480648</v>
      </c>
      <c r="K885">
        <v>2.9787252200778593</v>
      </c>
    </row>
    <row r="886" spans="1:11" x14ac:dyDescent="0.4">
      <c r="A886">
        <v>29.466666666666665</v>
      </c>
      <c r="B886">
        <f t="shared" si="65"/>
        <v>868.28444444444438</v>
      </c>
      <c r="C886">
        <v>-3.7844430734866523</v>
      </c>
      <c r="D886">
        <v>3.3583416052511259</v>
      </c>
      <c r="J886">
        <v>5.2711198350566058</v>
      </c>
      <c r="K886">
        <v>2.9782838992151066</v>
      </c>
    </row>
    <row r="887" spans="1:11" x14ac:dyDescent="0.4">
      <c r="A887">
        <v>29.5</v>
      </c>
      <c r="B887">
        <f t="shared" si="65"/>
        <v>870.25</v>
      </c>
      <c r="C887">
        <v>-3.7860759519348157</v>
      </c>
      <c r="D887">
        <v>3.3618583372144779</v>
      </c>
      <c r="J887">
        <v>5.2706273966085639</v>
      </c>
      <c r="K887">
        <v>2.9808448783638122</v>
      </c>
    </row>
    <row r="888" spans="1:11" x14ac:dyDescent="0.4">
      <c r="A888">
        <v>29.533333333333335</v>
      </c>
      <c r="B888">
        <f t="shared" si="65"/>
        <v>872.21777777777788</v>
      </c>
      <c r="C888">
        <v>-3.7843581945298248</v>
      </c>
      <c r="D888">
        <v>3.365314339999113</v>
      </c>
      <c r="J888">
        <v>5.2710185747571598</v>
      </c>
      <c r="K888">
        <v>2.9819125047800368</v>
      </c>
    </row>
    <row r="889" spans="1:11" x14ac:dyDescent="0.4">
      <c r="A889">
        <v>29.566666666666666</v>
      </c>
      <c r="B889">
        <f t="shared" si="65"/>
        <v>874.1877777777778</v>
      </c>
      <c r="C889">
        <v>-3.7890981032777207</v>
      </c>
      <c r="D889">
        <v>3.3679559244078723</v>
      </c>
      <c r="J889">
        <v>5.270648704607348</v>
      </c>
      <c r="K889">
        <v>2.9827873542232015</v>
      </c>
    </row>
    <row r="890" spans="1:11" x14ac:dyDescent="0.4">
      <c r="A890">
        <v>29.6</v>
      </c>
      <c r="B890">
        <f t="shared" si="65"/>
        <v>876.16000000000008</v>
      </c>
      <c r="C890">
        <v>-3.7855599987810344</v>
      </c>
      <c r="D890">
        <v>3.3738847930333167</v>
      </c>
      <c r="J890">
        <v>5.2695365922130959</v>
      </c>
      <c r="K890">
        <v>2.9852515086229805</v>
      </c>
    </row>
    <row r="891" spans="1:11" x14ac:dyDescent="0.4">
      <c r="A891">
        <v>29.633333333333333</v>
      </c>
      <c r="B891">
        <f t="shared" si="65"/>
        <v>878.1344444444444</v>
      </c>
      <c r="C891">
        <v>-3.7921703130129711</v>
      </c>
      <c r="D891">
        <v>3.3720691122563404</v>
      </c>
      <c r="J891">
        <v>5.2692626045045978</v>
      </c>
      <c r="K891">
        <v>2.9873449115916562</v>
      </c>
    </row>
    <row r="892" spans="1:11" x14ac:dyDescent="0.4">
      <c r="A892">
        <v>29.666666666666668</v>
      </c>
      <c r="B892">
        <f t="shared" si="65"/>
        <v>880.1111111111112</v>
      </c>
      <c r="C892">
        <v>-3.7937407593894834</v>
      </c>
      <c r="D892">
        <v>3.3797700126847396</v>
      </c>
      <c r="J892">
        <v>5.2693368300310643</v>
      </c>
      <c r="K892">
        <v>2.987246187360296</v>
      </c>
    </row>
    <row r="893" spans="1:11" x14ac:dyDescent="0.4">
      <c r="A893">
        <v>29.7</v>
      </c>
      <c r="B893">
        <f t="shared" si="65"/>
        <v>882.08999999999992</v>
      </c>
      <c r="C893">
        <v>-3.7858513097030184</v>
      </c>
      <c r="D893">
        <v>3.3795853231798296</v>
      </c>
      <c r="J893">
        <v>5.268782715968281</v>
      </c>
      <c r="K893">
        <v>2.9935083493772274</v>
      </c>
    </row>
    <row r="894" spans="1:11" x14ac:dyDescent="0.4">
      <c r="A894">
        <v>29.733333333333334</v>
      </c>
      <c r="B894">
        <f t="shared" si="65"/>
        <v>884.07111111111112</v>
      </c>
      <c r="C894">
        <v>-3.7841566850304096</v>
      </c>
      <c r="D894">
        <v>3.3852759521303217</v>
      </c>
      <c r="J894">
        <v>5.2641560062722199</v>
      </c>
      <c r="K894">
        <v>2.9966207776185505</v>
      </c>
    </row>
    <row r="895" spans="1:11" x14ac:dyDescent="0.4">
      <c r="A895">
        <v>29.766666666666666</v>
      </c>
      <c r="B895">
        <f t="shared" si="65"/>
        <v>886.05444444444436</v>
      </c>
      <c r="C895">
        <v>-3.7867394472698557</v>
      </c>
      <c r="D895">
        <v>3.3863881825394193</v>
      </c>
      <c r="J895">
        <v>5.2622054958202282</v>
      </c>
      <c r="K895">
        <v>2.9972757405520172</v>
      </c>
    </row>
    <row r="896" spans="1:11" x14ac:dyDescent="0.4">
      <c r="A896">
        <v>29.8</v>
      </c>
      <c r="B896">
        <f t="shared" si="65"/>
        <v>888.04000000000008</v>
      </c>
      <c r="C896">
        <v>-3.787872958220976</v>
      </c>
      <c r="D896">
        <v>3.3900898314892873</v>
      </c>
      <c r="J896">
        <v>5.2593968580732211</v>
      </c>
      <c r="K896">
        <v>3.0013935552277395</v>
      </c>
    </row>
    <row r="897" spans="1:11" x14ac:dyDescent="0.4">
      <c r="A897">
        <v>29.833333333333332</v>
      </c>
      <c r="B897">
        <f t="shared" si="65"/>
        <v>890.02777777777771</v>
      </c>
      <c r="C897">
        <v>-3.7897869710446868</v>
      </c>
      <c r="D897">
        <v>3.3920888201512165</v>
      </c>
      <c r="J897">
        <v>5.2576074561931208</v>
      </c>
      <c r="K897">
        <v>3.0031335876243817</v>
      </c>
    </row>
    <row r="898" spans="1:11" x14ac:dyDescent="0.4">
      <c r="A898">
        <v>29.866666666666667</v>
      </c>
      <c r="B898">
        <f t="shared" si="65"/>
        <v>892.01777777777784</v>
      </c>
      <c r="C898">
        <v>-3.7923381140607026</v>
      </c>
      <c r="D898">
        <v>3.3926103387131339</v>
      </c>
      <c r="J898">
        <v>5.2572470974234635</v>
      </c>
      <c r="K898">
        <v>3.005667314005207</v>
      </c>
    </row>
    <row r="899" spans="1:11" x14ac:dyDescent="0.4">
      <c r="A899">
        <v>29.9</v>
      </c>
      <c r="B899">
        <f t="shared" ref="B899:B902" si="70">A899^2</f>
        <v>894.00999999999988</v>
      </c>
      <c r="C899">
        <v>-3.7958210937085433</v>
      </c>
      <c r="D899">
        <v>3.3958715956508843</v>
      </c>
      <c r="J899">
        <v>5.2576415635347153</v>
      </c>
      <c r="K899">
        <v>3.0074919352635958</v>
      </c>
    </row>
    <row r="900" spans="1:11" x14ac:dyDescent="0.4">
      <c r="A900">
        <v>29.933333333333334</v>
      </c>
      <c r="B900">
        <f t="shared" si="70"/>
        <v>896.0044444444444</v>
      </c>
      <c r="C900">
        <v>-3.798076168431014</v>
      </c>
      <c r="D900">
        <v>3.3960909325444621</v>
      </c>
      <c r="J900">
        <v>5.256547386541957</v>
      </c>
      <c r="K900">
        <v>3.0091571240199153</v>
      </c>
    </row>
    <row r="901" spans="1:11" x14ac:dyDescent="0.4">
      <c r="A901">
        <v>29.966666666666665</v>
      </c>
      <c r="B901">
        <f t="shared" si="70"/>
        <v>898.00111111111096</v>
      </c>
      <c r="C901">
        <v>-3.799871986740563</v>
      </c>
      <c r="D901">
        <v>3.3988272612073751</v>
      </c>
      <c r="J901">
        <v>5.2577577301991374</v>
      </c>
      <c r="K901">
        <v>3.0106785324213616</v>
      </c>
    </row>
    <row r="902" spans="1:11" x14ac:dyDescent="0.4">
      <c r="A902">
        <v>30</v>
      </c>
      <c r="B902">
        <f t="shared" si="70"/>
        <v>900</v>
      </c>
      <c r="C902">
        <v>-3.8015492083614344</v>
      </c>
      <c r="D902">
        <v>3.4012974430620533</v>
      </c>
      <c r="J902">
        <v>5.2573477571714928</v>
      </c>
      <c r="K902">
        <v>3.0084473647523367</v>
      </c>
    </row>
  </sheetData>
  <phoneticPr fontId="18"/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WIN_20250324_12_40_31_Pro_newDL</vt:lpstr>
      <vt:lpstr>重心</vt:lpstr>
      <vt:lpstr>力(2秒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ryuji-kondo</cp:lastModifiedBy>
  <dcterms:created xsi:type="dcterms:W3CDTF">2025-03-26T06:52:34Z</dcterms:created>
  <dcterms:modified xsi:type="dcterms:W3CDTF">2026-02-13T06:05:32Z</dcterms:modified>
</cp:coreProperties>
</file>